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127"/>
  <workbookPr defaultThemeVersion="166925"/>
  <mc:AlternateContent xmlns:mc="http://schemas.openxmlformats.org/markup-compatibility/2006">
    <mc:Choice Requires="x15">
      <x15ac:absPath xmlns:x15ac="http://schemas.microsoft.com/office/spreadsheetml/2010/11/ac" url="C:\Users\s32536\Desktop\"/>
    </mc:Choice>
  </mc:AlternateContent>
  <xr:revisionPtr revIDLastSave="0" documentId="8_{EA3B9FC2-B549-45DC-A04F-E364A68026C9}" xr6:coauthVersionLast="45" xr6:coauthVersionMax="45" xr10:uidLastSave="{00000000-0000-0000-0000-000000000000}"/>
  <bookViews>
    <workbookView showSheetTabs="0" xWindow="-108" yWindow="-108" windowWidth="23256" windowHeight="14016" xr2:uid="{DCA0D481-DAE7-4019-8176-B8D062C2F64D}"/>
  </bookViews>
  <sheets>
    <sheet name="Contents" sheetId="1" r:id="rId1"/>
    <sheet name="Details" sheetId="2" r:id="rId2"/>
    <sheet name="Table" sheetId="3" r:id="rId3"/>
  </sheets>
  <definedNames>
    <definedName name="_xlnm._FilterDatabase" localSheetId="0" hidden="1">Contents!$A$6:$C$6</definedName>
    <definedName name="_xlnm.Print_Area" localSheetId="0">Contents!$B:$C</definedName>
    <definedName name="_xlnm.Print_Area" localSheetId="1">Details!$B$2:$D$18</definedName>
    <definedName name="_xlnm.Print_Area" localSheetId="2">Table!$B$1:$Z$6171</definedName>
    <definedName name="_xlnm.Print_Titles" localSheetId="0">Contents!$6:$6</definedName>
  </definedNames>
  <calcPr calcId="191029"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8479" uniqueCount="668">
  <si>
    <t>表頭</t>
    <rPh sb="0" eb="1">
      <t>ヒョウ</t>
    </rPh>
    <rPh sb="1" eb="2">
      <t>トウ</t>
    </rPh>
    <phoneticPr fontId="2"/>
  </si>
  <si>
    <t>表側</t>
    <rPh sb="0" eb="1">
      <t>ヒョウ</t>
    </rPh>
    <rPh sb="1" eb="2">
      <t>ソク</t>
    </rPh>
    <phoneticPr fontId="2"/>
  </si>
  <si>
    <t>■ 調査概要</t>
    <rPh sb="2" eb="4">
      <t>チョウサ</t>
    </rPh>
    <rPh sb="4" eb="6">
      <t>ガイヨウ</t>
    </rPh>
    <phoneticPr fontId="2"/>
  </si>
  <si>
    <t>調査区分</t>
    <rPh sb="0" eb="2">
      <t>チョウサ</t>
    </rPh>
    <rPh sb="2" eb="4">
      <t>クブン</t>
    </rPh>
    <phoneticPr fontId="2"/>
  </si>
  <si>
    <t>調査対象</t>
    <rPh sb="0" eb="2">
      <t>チョウサ</t>
    </rPh>
    <rPh sb="2" eb="4">
      <t>タイショウ</t>
    </rPh>
    <phoneticPr fontId="2"/>
  </si>
  <si>
    <t>依頼数</t>
    <rPh sb="0" eb="2">
      <t>イライ</t>
    </rPh>
    <rPh sb="2" eb="3">
      <t>スウ</t>
    </rPh>
    <phoneticPr fontId="2"/>
  </si>
  <si>
    <t>調査依頼した対象者数です。</t>
  </si>
  <si>
    <t>有効回答数</t>
    <rPh sb="0" eb="2">
      <t>ユウコウ</t>
    </rPh>
    <rPh sb="2" eb="5">
      <t>カイトウスウ</t>
    </rPh>
    <phoneticPr fontId="2"/>
  </si>
  <si>
    <t>集計対象とする有効回答の対象者数です。</t>
    <phoneticPr fontId="2"/>
  </si>
  <si>
    <t>回収率</t>
    <rPh sb="0" eb="2">
      <t>カイシュウ</t>
    </rPh>
    <rPh sb="2" eb="3">
      <t>リツ</t>
    </rPh>
    <phoneticPr fontId="2"/>
  </si>
  <si>
    <t>（有効回答数/依頼数）</t>
    <rPh sb="1" eb="3">
      <t>ユウコウ</t>
    </rPh>
    <rPh sb="3" eb="5">
      <t>カイトウ</t>
    </rPh>
    <phoneticPr fontId="2"/>
  </si>
  <si>
    <t>回答時間中央値</t>
    <rPh sb="0" eb="2">
      <t>カイトウ</t>
    </rPh>
    <rPh sb="2" eb="4">
      <t>ジカン</t>
    </rPh>
    <rPh sb="4" eb="6">
      <t>チュウオウ</t>
    </rPh>
    <rPh sb="6" eb="7">
      <t>チ</t>
    </rPh>
    <phoneticPr fontId="2"/>
  </si>
  <si>
    <t>有効回答者の回答時間をソートした時、中央に位置する値です。（時：分：秒）</t>
    <phoneticPr fontId="2"/>
  </si>
  <si>
    <t>回答時間平均値</t>
    <rPh sb="0" eb="2">
      <t>カイトウ</t>
    </rPh>
    <rPh sb="2" eb="4">
      <t>ジカン</t>
    </rPh>
    <rPh sb="4" eb="7">
      <t>ヘイキンチ</t>
    </rPh>
    <phoneticPr fontId="2"/>
  </si>
  <si>
    <t>有効回答者が回答完了までに要した時間の平均値です。（時：分：秒）</t>
    <phoneticPr fontId="2"/>
  </si>
  <si>
    <t>■ 集計情報</t>
    <rPh sb="2" eb="4">
      <t>シュウケイ</t>
    </rPh>
    <rPh sb="4" eb="6">
      <t>ジョウホウ</t>
    </rPh>
    <phoneticPr fontId="2"/>
  </si>
  <si>
    <t>集計ベース</t>
    <rPh sb="0" eb="2">
      <t>シュウケイ</t>
    </rPh>
    <phoneticPr fontId="2"/>
  </si>
  <si>
    <t>回答者ベース：質問項目ごとの回答対象者 ／ 全数ベース：調査の全回答者</t>
    <rPh sb="0" eb="2">
      <t>カイトウ</t>
    </rPh>
    <rPh sb="2" eb="3">
      <t>シャ</t>
    </rPh>
    <rPh sb="7" eb="9">
      <t>シツモン</t>
    </rPh>
    <rPh sb="9" eb="11">
      <t>コウモク</t>
    </rPh>
    <rPh sb="14" eb="16">
      <t>カイトウ</t>
    </rPh>
    <rPh sb="16" eb="19">
      <t>タイショウシャ</t>
    </rPh>
    <rPh sb="22" eb="24">
      <t>ゼンスウ</t>
    </rPh>
    <rPh sb="28" eb="30">
      <t>チョウサ</t>
    </rPh>
    <rPh sb="31" eb="32">
      <t>ゼン</t>
    </rPh>
    <rPh sb="32" eb="34">
      <t>カイトウ</t>
    </rPh>
    <rPh sb="34" eb="35">
      <t>シャ</t>
    </rPh>
    <phoneticPr fontId="2"/>
  </si>
  <si>
    <t>ウエイトバック</t>
    <phoneticPr fontId="2"/>
  </si>
  <si>
    <t>集計ベースの絞り込み条件</t>
    <rPh sb="0" eb="2">
      <t>シュウケイ</t>
    </rPh>
    <rPh sb="6" eb="7">
      <t>シボ</t>
    </rPh>
    <rPh sb="8" eb="9">
      <t>コ</t>
    </rPh>
    <rPh sb="10" eb="12">
      <t>ジョウケン</t>
    </rPh>
    <phoneticPr fontId="2"/>
  </si>
  <si>
    <t>調査名：第42回勤労者の仕事と暮らしに関する調査</t>
  </si>
  <si>
    <t>調査票タイトル：勤労者の仕事と暮らしに関するアンケート</t>
  </si>
  <si>
    <t>調査期間：2021/10/01～2021/10/05</t>
  </si>
  <si>
    <t>回答者ベース / 絞込み無 / ウエイトバック無</t>
  </si>
  <si>
    <t>調査概要・集計条件詳細</t>
  </si>
  <si>
    <t>目次</t>
  </si>
  <si>
    <t>作成日時：2021/10/14 13:14:47</t>
  </si>
  <si>
    <t>本調査</t>
  </si>
  <si>
    <t>34036 s</t>
  </si>
  <si>
    <t>4307 s</t>
  </si>
  <si>
    <t>12.7 %</t>
  </si>
  <si>
    <t>00:11:07</t>
  </si>
  <si>
    <t>00:33:56</t>
  </si>
  <si>
    <t>回答者ベース</t>
  </si>
  <si>
    <t>無</t>
  </si>
  <si>
    <t xml:space="preserve"> </t>
  </si>
  <si>
    <t>Ｆ１　性別</t>
  </si>
  <si>
    <t>＊＊　表側①＊＊</t>
  </si>
  <si>
    <t>TOTAL</t>
  </si>
  <si>
    <t>産業別　　　　　　　建設業</t>
  </si>
  <si>
    <t>　　　　　　　　　　製造業</t>
  </si>
  <si>
    <t>　　　　　　　　　　電気・ガス・熱供給・水道業</t>
  </si>
  <si>
    <t>　　　　　　　　　　運輸・情報通信業</t>
  </si>
  <si>
    <t>　　　　　　　　　　卸売・小売業・飲食店・宿泊業</t>
  </si>
  <si>
    <t>　　　　　　　　　　金融・保険業・不動産業</t>
  </si>
  <si>
    <t>　　　　　　　　　　その他サービス業</t>
  </si>
  <si>
    <t>世帯年収別　　　　　４００万未満</t>
  </si>
  <si>
    <t>　　　　　　　　　　４００～６００万未満</t>
  </si>
  <si>
    <t>　　　　　　　　　　６００～８００万未満</t>
  </si>
  <si>
    <t>　　　　　　　　　　８００～１，０００万未満</t>
  </si>
  <si>
    <t>　　　　　　　　　　１，０００～１，２００万未満</t>
  </si>
  <si>
    <t>　　　　　　　　　　１，２００万以上</t>
  </si>
  <si>
    <t>企業規模別　　　　　２９人以下</t>
  </si>
  <si>
    <t>　　　　　　　　　　３０～９９人</t>
  </si>
  <si>
    <t>　　　　　　　　　　１００～９９９人</t>
  </si>
  <si>
    <t>　　　　　　　　　　１，０００人以上</t>
  </si>
  <si>
    <t>組合有無　　　　　　労組あり</t>
  </si>
  <si>
    <t>　　　　　　　　　　労組なし</t>
  </si>
  <si>
    <t>組合加入　　　　　　労組入っている</t>
  </si>
  <si>
    <t>　　　　　　　　　　労組入っていない</t>
  </si>
  <si>
    <t>首都圏　　　男女計</t>
  </si>
  <si>
    <t>関西圏　　　男女計</t>
  </si>
  <si>
    <t>男性計</t>
  </si>
  <si>
    <t>年齢層別　　　　　　２０～２９歳</t>
  </si>
  <si>
    <t>　　　　　　　　　　３０～３９歳</t>
  </si>
  <si>
    <t>　　　　　　　　　　４０～４９歳</t>
  </si>
  <si>
    <t>　　　　　　　　　　５０～５９歳</t>
  </si>
  <si>
    <t>　　　　　　　　　　６０～６４歳</t>
  </si>
  <si>
    <t>従業区分　　正社員</t>
  </si>
  <si>
    <t>　　　　　　非正社員</t>
  </si>
  <si>
    <t>女性計</t>
  </si>
  <si>
    <t>質問文原文</t>
  </si>
  <si>
    <t>【表頭】あなたの性別はどちらですか。（回答は1つ）</t>
  </si>
  <si>
    <t>【表側】</t>
  </si>
  <si>
    <t>Ｆ２　年齢層（１０歳刻み）</t>
  </si>
  <si>
    <t>Ｆ２　年齢層（５歳刻み）</t>
  </si>
  <si>
    <t>Ｆ２　年齢層（２分類）</t>
  </si>
  <si>
    <t>Ｆ３　居住地</t>
  </si>
  <si>
    <t>【表頭】あなたが現在居住されている地域をお答えください。（回答は1つ）</t>
  </si>
  <si>
    <t>＊Ｆ３　居住地（中分類）</t>
  </si>
  <si>
    <t>＊Ｆ３　居住地（大分類）</t>
  </si>
  <si>
    <t>Ｆ４　就業形態</t>
  </si>
  <si>
    <t>【表頭】あなたの現在の就業形態についてお答えください。（回答は1つ）※勤め先での一時休業や産前・産後の休暇、育児休業、介護休業などで仕事を一時的に休んでいる方は、休業・休暇の前の就業形態をお答えください。</t>
  </si>
  <si>
    <t>＊Ｆ４　就業形態（大分類）</t>
  </si>
  <si>
    <t>＊Ｆ４　就業形態（中分類）</t>
  </si>
  <si>
    <t>Ｆ４＿２　雇用契約期間</t>
  </si>
  <si>
    <t>【表頭】あなたの今の雇用契約期間についてお答えください。（回答は1つ）※契約を更新している場合は、通算期間ではなく、現在の契約についてお答えください。</t>
  </si>
  <si>
    <t>＊Ｆ４＿２　雇用契約期間（中分類）</t>
  </si>
  <si>
    <t>＊Ｆ４＿２　雇用契約期間（大分類）</t>
  </si>
  <si>
    <t>Ｆ５　勤務先の業種</t>
  </si>
  <si>
    <t>【表頭】あなたの勤め先の主な業種をお答えください。（回答は1つ）※派遣労働者の方は、派遣先の会社等についてお答えください。その他の方は、雇われて働いている会社等についてお答えください。</t>
  </si>
  <si>
    <t>＊Ｆ５　勤務先の業種（中分類）</t>
  </si>
  <si>
    <t>＊Ｆ５　勤務先の業種（大分類）</t>
  </si>
  <si>
    <t>ＱＲ１　１年前のあなたの就業状況</t>
  </si>
  <si>
    <t>【表頭】1年前のあなたの就業状況について、以下の中からあてはまるものをお答えください。（回答は1つ）※勤め先での一時休業や産前・産後の休暇、育児休業、介護休業などで仕事を一時的に休んでいた方は、休業・休暇の前の就業状態をお答えください。</t>
  </si>
  <si>
    <t>＊ＱＲ１　１年前のあなたの就業状況（勤務先区分）</t>
  </si>
  <si>
    <t>＊ＱＲ１　１年前のあなたの就業状況（正社員・非正社員区分）</t>
  </si>
  <si>
    <t>＊ＱＲ１　１年前のあなたの就業状況</t>
  </si>
  <si>
    <t>ＱＲ２　１年前と比較した現在の日本の景気</t>
  </si>
  <si>
    <t>【表頭】1年前と比べて、現在の日本の景気は良くなったと思いますか、悪くなったと思いますか。（回答は1つ）</t>
  </si>
  <si>
    <t>＊ＱＲ２　１年前と比較した現在の日本の景気（大分類）</t>
  </si>
  <si>
    <t>ＱＲ３　現在と比較した１年後の日本の景気</t>
  </si>
  <si>
    <t>【表頭】1年後の日本の景気は、現在と比べて良くなると思いますか、悪くなると思いますか。（回答は1つ）</t>
  </si>
  <si>
    <t>＊ＱＲ３　現在と比較した１年後の日本の景気（大分類）</t>
  </si>
  <si>
    <t>ＱＲ４　１年前と比較した勤め先の会社の現在の経営状況</t>
  </si>
  <si>
    <t>【表頭】1年前と比べて、あなたの勤め先の会社の現在の経営状況（業績）はどのような状況ですか。（回答は1つ）※派遣労働者の方は、派遣先の会社についてお答えください。その他の方は、雇われて働いている会社についてお答えください。</t>
  </si>
  <si>
    <t>＊ＱＲ４　１年前と比較した勤め先の会社の現在の経営状況（大分類）</t>
  </si>
  <si>
    <t>ＱＲ５　現在と比較した勤め先の会社の１年後の経営状況</t>
  </si>
  <si>
    <t>【表頭】あなたの勤め先の会社の1年後の経営状況（業績）は、現在と比べてどのようになると思いますか。（回答は1つ）※派遣労働者の方は、派遣先の会社についてお答えください。その他の方は、雇われて働いている会社についてお答えください。</t>
  </si>
  <si>
    <t>＊ＱＲ５　現在と比較した勤め先の会社の１年後の経営状況（大分類）</t>
  </si>
  <si>
    <t>ＱＲ６　１年前と比較した現在の職場の従業員数の増減  １年前と比較した現在の正社員の数</t>
  </si>
  <si>
    <t>【表頭】1年前と比べて、あなたが現在働いている職場で次の従業員数はそれぞれ増えましたか、減りましたか。（回答は横の行ごとに1つずつ）  1年前と比べた現在の正社員の数</t>
  </si>
  <si>
    <t>ＱＲ６　１年前と比較した現在の職場の従業員数の増減  １年前と比較した現在の非正社員数</t>
  </si>
  <si>
    <t>【表頭】1年前と比べて、あなたが現在働いている職場で次の従業員数はそれぞれ増えましたか、減りましたか。（回答は横の行ごとに1つずつ）  1年前と比べた現在の非正社員（パートタイマー、アルバイト、契約社員、派遣労働者等）の数</t>
  </si>
  <si>
    <t>＊ＱＲ６　１年前と比較した現在の職場の従業員数の増減（大分類）  １年前と比較した現在の正社員数</t>
  </si>
  <si>
    <t>＊ＱＲ６　１年前と比較した現在の職場の従業員数の増減（大分類）  １年前と比較した現在の非正社員数</t>
  </si>
  <si>
    <t>ＱＲ７　１年前と比較した現在の実労働時間の増減</t>
  </si>
  <si>
    <t>【表頭】1年前と比べて、あなたの実労働時間（残業・休日出勤を含む）は増えましたか、減りましたか。（回答は1つ）</t>
  </si>
  <si>
    <t>＊ＱＲ７　１年前と比較した現在の実労働時間の増減（大分類）</t>
  </si>
  <si>
    <t>ＱＲ８　今後１年に失業する不安</t>
  </si>
  <si>
    <t>【表頭】今後1年くらいの間にあなたご自身が失業する不安を感じますか。（回答は1つ）</t>
  </si>
  <si>
    <t>＊ＱＲ８　今後１年に失業する不安（大分類）</t>
  </si>
  <si>
    <t>ＱＲ９　１年前と比較した現在の賃金収入の増減</t>
  </si>
  <si>
    <t>【表頭】1年前と比べて、あなた自身の賃金収入は増えましたか、減りましたか。（回答は1つ）</t>
  </si>
  <si>
    <t>＊ＱＲ９　１年前と比較した現在の賃金収入の増減（大分類）</t>
  </si>
  <si>
    <t>ＱＲ１０　現在と比較した１年後の賃金収入の増減</t>
  </si>
  <si>
    <t>【表頭】1年後のあなた自身の賃金収入は、現在と比べて増えると思いますか、減ると思いますか。（回答は1つ）</t>
  </si>
  <si>
    <t>＊ＱＲ１０　現在と比較した１年後の賃金収入の増減（大分類）</t>
  </si>
  <si>
    <t>ＱＲ１１　１年前と比較した現在の世帯全体の収入の増減</t>
  </si>
  <si>
    <t>【表頭】1年前と比べて、世帯全体の収入は増えましたか、減りましたか。（回答は1つ）</t>
  </si>
  <si>
    <t>＊ＱＲ１１　１年前と比較した現在の世帯全体の収入の増減（大分類）</t>
  </si>
  <si>
    <t>ＱＲ１２　現在と比較した１年後の世帯全体の収入の増減</t>
  </si>
  <si>
    <t>【表頭】1年後の世帯全体の収入は、現在と比べて増えると思いますか、減ると思いますか。（回答は1つ）</t>
  </si>
  <si>
    <t>＊ＱＲ１２　現在と比較した１年後の世帯全体の収入の増減（大分類）</t>
  </si>
  <si>
    <t>ＱＲ１３　１年前と比較した現在の世帯全体の消費の増減</t>
  </si>
  <si>
    <t>【表頭】1年前と比べて、世帯全体の消費は増えましたか、減りましたか。（回答は1つ）</t>
  </si>
  <si>
    <t>＊ＱＲ１３　１年前と比較した現在の世帯全体の消費の増減（大分類）</t>
  </si>
  <si>
    <t>ＱＲ１４　現在と比較した１年後の世帯全体の消費の増減</t>
  </si>
  <si>
    <t>【表頭】1年後の世帯全体の消費は、現在と比べて増えると思いますか、減ると思いますか。（回答は1つ）</t>
  </si>
  <si>
    <t>＊ＱＲ１４　現在と比較した１年後の世帯全体の消費の増減（大分類）</t>
  </si>
  <si>
    <t>ＱＲ１５　１年前と比較した現在の物価の状況</t>
  </si>
  <si>
    <t>【表頭】あなたは、1年前と比べて物価は上がったと思いますか、下がったと思いますか。（回答は1つ）</t>
  </si>
  <si>
    <t>＊ＱＲ１５　１年前と比較した現在の物価の状況（大分類）</t>
  </si>
  <si>
    <t>ＱＲ１６　現在と比較した１年後の物価の状況</t>
  </si>
  <si>
    <t>【表頭】あなたは、1年後の物価は、現在と比べて上がると思いますか、下がると思いますか。（回答は1つ）</t>
  </si>
  <si>
    <t>＊ＱＲ１６　現在と比較した１年後の物価の状況（大分類）</t>
  </si>
  <si>
    <t>ＱＲ１７　１年前と比較した現在の世帯の暮らしむき</t>
  </si>
  <si>
    <t>【表頭】あなたの世帯の暮らしむきは、1年前と比べて良くなったと思いますか、悪くなったと思いますか。（回答は1つ）</t>
  </si>
  <si>
    <t>＊ＱＲ１７　１年前と比較した現在の世帯の暮らしむき（大分類）</t>
  </si>
  <si>
    <t>ＱＲ１８　現在と比較した１年後の世帯の暮らしむき</t>
  </si>
  <si>
    <t>【表頭】1年後のあなたの世帯の暮らしむきは、現在と比べて良くなると思いますか、悪くなると思いますか。（回答は1つ）</t>
  </si>
  <si>
    <t>＊ＱＲ１８　現在と比較した１年後の世帯の暮らしむき（大分類）</t>
  </si>
  <si>
    <t>ＱＲ１９　今の勤め先での仕事について  仕事に働きがいを感じ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仕事に働きがいを感じている</t>
  </si>
  <si>
    <t>ＱＲ１９　今の勤め先での仕事について  自分の能力・専門性を十分に活かせ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自分の能力・専門性を十分に活かせている</t>
  </si>
  <si>
    <t>ＱＲ１９　今の勤め先での仕事について  職業能力やキャリアを高めるための機会や支援が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職業能力やキャリアを高めるための機会や支援がある</t>
  </si>
  <si>
    <t>ＱＲ１９　今の勤め先での仕事について  一定の責任・裁量を与えられ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一定の責任・裁量を与えられている</t>
  </si>
  <si>
    <t>ＱＲ１９　今の勤め先での仕事について  家計をまかなえる賃金・処遇条件で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家計をまかなえる賃金・処遇条件である</t>
  </si>
  <si>
    <t>ＱＲ１９　今の勤め先での仕事について  賃金・処遇が適切で納得性が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賃金・処遇が適切で納得性がある</t>
  </si>
  <si>
    <t>ＱＲ１９　今の勤め先での仕事について  肉体的疲労は感じな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肉体的疲労は感じない</t>
  </si>
  <si>
    <t>ＱＲ１９　今の勤め先での仕事について  精神的に過度なストレスがな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精神的に過度なストレスがない</t>
  </si>
  <si>
    <t>ＱＲ１９　今の勤め先での仕事について  職場の人間関係がよ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職場の人間関係がよい</t>
  </si>
  <si>
    <t>ＱＲ１９　今の勤め先での仕事について  仕事と生活のバランスが適度にとれ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仕事と生活のバランスが適度にとれている　</t>
  </si>
  <si>
    <t>＊ＱＲ１９　今の勤め先での仕事について（大分類）  仕事に働きがいを感じている</t>
  </si>
  <si>
    <t>＊ＱＲ１９　今の勤め先での仕事について（大分類）  自分の能力・専門性を十分に活かせている</t>
  </si>
  <si>
    <t>＊ＱＲ１９　今の勤め先での仕事について（大分類）  職業能力やキャリアを高めるための機会や支援がある</t>
  </si>
  <si>
    <t>＊ＱＲ１９　今の勤め先での仕事について（大分類）  一定の責任・裁量を与えられている</t>
  </si>
  <si>
    <t>＊ＱＲ１９　今の勤め先での仕事について（大分類）  家計をまかなえる賃金・処遇条件である</t>
  </si>
  <si>
    <t>＊ＱＲ１９　今の勤め先での仕事について（大分類）  賃金・処遇が適切で納得性がある</t>
  </si>
  <si>
    <t>＊ＱＲ１９　今の勤め先での仕事について（大分類）  肉体的疲労は感じない</t>
  </si>
  <si>
    <t>＊ＱＲ１９　今の勤め先での仕事について（大分類）  精神的に過度なストレスがない</t>
  </si>
  <si>
    <t>＊ＱＲ１９　今の勤め先での仕事について（大分類）  職場の人間関係がよい</t>
  </si>
  <si>
    <t>＊ＱＲ１９　今の勤め先での仕事について（大分類）  仕事と生活のバランスが適度にとれている</t>
  </si>
  <si>
    <t>ＱＲ２０　転職意向の程度</t>
  </si>
  <si>
    <t>【表頭】あなたは、今の勤め先の会社を変わりたいと思っていますか。（回答は1つ）※派遣労働者の方は、派遣先の会社についてお答えください。その他の方は、雇われて働いている会社についてお答えください。</t>
  </si>
  <si>
    <t>＊ＱＲ２０　転職意向の程度（大分類）</t>
  </si>
  <si>
    <t>ＱＲ２１　今の勤め先での仕事に対する満足度</t>
  </si>
  <si>
    <t>【表頭】あなたは、今の勤め先での仕事について、満足していますか。（回答は1つ）※派遣労働者の方は、派遣先の会社での仕事についてお答えください。その他の方は、雇われて働いている会社での仕事についてお答えください。</t>
  </si>
  <si>
    <t>＊ＱＲ２１　今の勤め先での仕事に対する満足度（大分類）</t>
  </si>
  <si>
    <t>ＱＲ２２　生活全般に対する満足度</t>
  </si>
  <si>
    <t>【表頭】あなたは生活全般について、満足していますか。（回答は1つ）</t>
  </si>
  <si>
    <t>＊ＱＲ２２　生活全般に対する満足度（大分類）</t>
  </si>
  <si>
    <t>ＱＲ２３　勤め先の労働組合の状況</t>
  </si>
  <si>
    <t>【表頭】あなたの勤め先に労働組合がありますか。（回答は1つ）※「勤め先」とは、派遣労働者の方は派遣元の会社を、その他の方は雇われて働いている会社を指します。●労働組合の状況などについてお答えください。</t>
  </si>
  <si>
    <t>ＱＲ２４　労働組合への加入状況</t>
  </si>
  <si>
    <t>【表頭】あなた自身は現在、労働組合に加入していますか。（回答は1つ）※「勤め先」とは、派遣労働者の方は派遣元の会社を、その他の方は雇われて働いている会社を指します。</t>
  </si>
  <si>
    <t>＊ＱＲ２４　労働組合への加入状況（大分類）</t>
  </si>
  <si>
    <t>ＱＲ２５　労働組合への加入意向［ベース：労働組合非加入者］</t>
  </si>
  <si>
    <t>【表頭】労働組合に加入する気持ちはありますか。（回答は1つ）Q24で「現在は加入していないが、過去に加入していた」「現在は加入していないし、過去にも加入したことはない」とお答えの方（現在労働組合に、加入していない方）におたずねします。</t>
  </si>
  <si>
    <t>ＱＲ２６　労働組合の必要性</t>
  </si>
  <si>
    <t>【表頭】あなたは、労働組合は必要だと思いますか。（回答は1つ）</t>
  </si>
  <si>
    <t>＊ＱＲ２６　労働組合の必要性（大分類）</t>
  </si>
  <si>
    <t>ＱＴ１　今年９月における所定労働時間の超過状況</t>
  </si>
  <si>
    <t>【表頭】あなたは今年9月の1か月間に、会社の業務で所定労働時間を超えて働きましたか。（回答は1つ）※1 残業手当の支払い対象であるか否かにかかわらず、実際に所定労働時間を超えて働いた時間についてお答えください（休日労働を含む）。※2 裁量労働制や事業場外みなし労働時間制などの場合は、月間のみなし労働時間を超えて働いた時間についてお答えください。●労働時間や労働時間管理についておうかがいします。</t>
  </si>
  <si>
    <t>ＱＴ２　今年９月における所定労働時間を超過した時間数［ベース：所定労働時間超過者］</t>
  </si>
  <si>
    <t>ＱＴ２　今年９月における所定労働時間を超過した時間数（大分類）［ベース：所定労働時間超過者］</t>
  </si>
  <si>
    <t>ＱＴ２　今年９月における所定労働時間を超過した時間数（大分類２）［ベース：所定労働時間超過者］</t>
  </si>
  <si>
    <t>ＱＴ２　今年９月における所定労働時間を超過した時間数（大分類３）［ベース：所定労働時間超過者］</t>
  </si>
  <si>
    <t>ＱＴ３　今年９月に所定労働時間を越えて働く際に感じたこと［ベース：所定労働時間超過者］</t>
  </si>
  <si>
    <t>【表頭】あなたは今年9月の1か月間に所定労働時間を超えて働く際に、どのように感じていましたか。最もあてはまると思うものを選んでください。（回答は1つ）</t>
  </si>
  <si>
    <t>ＱＴ４　今年９月に所定労働時間を越えて働いた理由＜Ｍ．Ａ＞［ベース：所定労働時間超過者］</t>
  </si>
  <si>
    <t>【表頭】あなたが今年9月の1か月間に所定労働時間を超えて働いた理由は何ですか。あてはまるものをすべて選んでください。（回答はいくつでも）</t>
  </si>
  <si>
    <t>＊ＱＴ４　今年９月に所定労働時間を越えて働いた理由（大分類）＜Ｍ．Ａ＞［ベース：所定労働時間超過者］</t>
  </si>
  <si>
    <t>ＱＴ５　残業手当の受給資格の有無</t>
  </si>
  <si>
    <t>【表頭】あなたは残業手当が支給される立場ですか。それとも管理監督者など残業手当が支給されない立場ですか。（回答は1つ）</t>
  </si>
  <si>
    <t>ＱＴ６　今年９月における残業手当未申告の状況［ベース：所定労働時間超過＆残業手当支給対象者］</t>
  </si>
  <si>
    <t>【表頭】あなたが今年9月の1か月間に会社の業務で所定労働時間を超えて働いた時間のうち、残業手当の支払い対象であるにもかかわらず、申告をしなかった時間はありますか。（回答は1つ）（注1）休日労働も所定労働時間を超えて働いた時間に含めてください。（注2）裁量労働制や事業場外みなし労働時間制などの場合は、月間のみなし労働時間を超えて働いた時間についてお答えください。Q32はQ27で「所定労働時間を超えて働いた」、Q31で「支給される立場である」とお答えの方におたずねします。</t>
  </si>
  <si>
    <t>＊ＱＴ６　今年９月における残業手当未申告の状況［ベース：残業手当支給対象者］</t>
  </si>
  <si>
    <t>ＱＴ７　今年９月における残業手当未申告の時間数［ベース：申告しなかった時間あり］</t>
  </si>
  <si>
    <t>ＱＴ８　今年９月に残業手当未申告の時間があった理由［ベース：申告しなかった時間あり］</t>
  </si>
  <si>
    <t>【表頭】あなたが今年9月の1か月間に会社の業務で所定労働時間を超えて働いた時間をそのとおりに申告しなかったのはなぜですか。次の中から選んでください。（回答は1つ）</t>
  </si>
  <si>
    <t>ＱＴ９　残業手当の申告時間を調整した理由［ベース：自身で申告時間調整者］</t>
  </si>
  <si>
    <t>【表頭】それはどのような理由からですか。次の中から最も近いものを選んでください。（回答は1つ）Q35はQ34で「申告する際に、自分自身で調整したから」とお答えの方におたずねします。</t>
  </si>
  <si>
    <t>＊ＱＴ９　残業手当の申告時間を調整した理由（大分類）［ベース：自身で申告時間調整者］</t>
  </si>
  <si>
    <t>ＱＴ１０　年次有給休暇の日数把握状況  現時点（１０月１日）の保有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現時点（10月1日）の保有日数</t>
  </si>
  <si>
    <t>ＱＴ１０　年次有給休暇の日数把握状況  今年度新たに付与された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今年度新たに付与された日数</t>
  </si>
  <si>
    <t>ＱＴ１０　年次有給休暇の日数把握状況  昨年度からの繰り越し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昨年度からの繰り越し日数</t>
  </si>
  <si>
    <t>ＱＴ１１　昨年度付与された年次有給休暇の年度内の取得状況</t>
  </si>
  <si>
    <t>【表頭】昨年度の年次有給休暇の取得実績についてお聞きします。あなたは昨年度に付与された年次有給休暇（※）のうち、どの程度昨年度中に取得しましたか。（回答は1つ）※「年度」とは、年次有給休暇を付与する基準単位となっている一年間のことです。※一昨年度からの繰り越し日数はこの中には含みません。</t>
  </si>
  <si>
    <t>ＱＴ１２　交代勤務の有無</t>
  </si>
  <si>
    <t>【表頭】あなたは現在、交替勤務（複数の勤務時間帯が組ごとまたは労働者ごとに周期的に替わる形態）をしていますか。（回答は1つ）</t>
  </si>
  <si>
    <t>ＱＴ１３　深夜勤務の有無</t>
  </si>
  <si>
    <t>【表頭】所定労働時間における始終業時間が深夜の時間帯（午後10時～午前5時）にかかることがありますか。（回答は1つ）</t>
  </si>
  <si>
    <t>ＱＴ１４　労働時間制</t>
  </si>
  <si>
    <t>【表頭】あなたが該当する労働時間制は次のうちどれですか。（回答は1つ）</t>
  </si>
  <si>
    <t>ＱＴ１５　過去６ヶ月間における長時間労働を原因として体調を崩した経験</t>
  </si>
  <si>
    <t>【表頭】あなたは過去6か月間に、長時間労働が原因で体調を崩した経験がありますか。（回答は1つ）</t>
  </si>
  <si>
    <t>ＱＴ１６　上司による労働時間や仕事の管理の状況  実際の労働時間を把握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実際の労働時間を把握している</t>
  </si>
  <si>
    <t>ＱＴ１６　上司による労働時間や仕事の管理の状況  労働時間が過重にならないように業務量を調整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労働時間が過重にならないように業務量を調整している</t>
  </si>
  <si>
    <t>ＱＴ１６　上司による労働時間や仕事の管理の状況  仕事の進め方について明確な指示を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仕事の進め方について明確な指示をしている</t>
  </si>
  <si>
    <t>ＱＴ１６　上司による労働時間や仕事の管理の状況  健康を気遣っ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健康を気遣っている</t>
  </si>
  <si>
    <t>ＱＴ１６　上司による労働時間や仕事の管理の状況  有給休暇取得に積極的に働きかけ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が有給休暇を取得するように積極的に働きかけている</t>
  </si>
  <si>
    <t>ＱＴ１７　過去１年間のあなたの現在の職場での問題ある状況  長時間労働が日常的に行われている</t>
  </si>
  <si>
    <t>【表頭】過去1年間に、あなたの現在の職場において次のような問題のある状況があったと認識していますか。（回答は横の行ごとに1つずつ）  長時間労働が日常的に行われている</t>
  </si>
  <si>
    <t>ＱＴ１７　過去１年間のあなたの現在の職場での問題ある状況  休憩時間を取らせてもらえないことがよくある</t>
  </si>
  <si>
    <t>【表頭】過去1年間に、あなたの現在の職場において次のような問題のある状況があったと認識していますか。（回答は横の行ごとに1つずつ）  休憩時間を取らせてもらえないことがよくある※労基法の基準は勤務時間が6時間超の場合45分、8時間超の場合1時間の休憩</t>
  </si>
  <si>
    <t>ＱＴ１７　過去１年間のあなたの現在の職場での問題ある状況  あらかじめ定められた休日に休めない</t>
  </si>
  <si>
    <t>【表頭】過去1年間に、あなたの現在の職場において次のような問題のある状況があったと認識していますか。（回答は横の行ごとに1つずつ）  あらかじめ定められた休日に休めない</t>
  </si>
  <si>
    <t>ＱＴ１７　過去１年間のあなたの現在の職場での問題ある状況  仕事により心身の健康を害した人がいる</t>
  </si>
  <si>
    <t>【表頭】過去1年間に、あなたの現在の職場において次のような問題のある状況があったと認識していますか。（回答は横の行ごとに1つずつ）  仕事により心身の健康を害した人がいる</t>
  </si>
  <si>
    <t xml:space="preserve">  </t>
  </si>
  <si>
    <t>（前表からのつづき） Ｆ１　性別</t>
    <phoneticPr fontId="2"/>
  </si>
  <si>
    <t>（前表からのつづき） Ｆ２　年齢層（１０歳刻み）</t>
    <phoneticPr fontId="2"/>
  </si>
  <si>
    <t>（前表からのつづき） Ｆ２　年齢層（５歳刻み）</t>
    <phoneticPr fontId="2"/>
  </si>
  <si>
    <t>（前表からのつづき） Ｆ２　年齢層（２分類）</t>
    <phoneticPr fontId="2"/>
  </si>
  <si>
    <t>（前表からのつづき） Ｆ３　居住地</t>
    <phoneticPr fontId="2"/>
  </si>
  <si>
    <t>（前表からのつづき） ＊Ｆ３　居住地（中分類）</t>
    <phoneticPr fontId="2"/>
  </si>
  <si>
    <t>（前表からのつづき） ＊Ｆ３　居住地（大分類）</t>
    <phoneticPr fontId="2"/>
  </si>
  <si>
    <t>（前表からのつづき） Ｆ４　就業形態</t>
    <phoneticPr fontId="2"/>
  </si>
  <si>
    <t>（前表からのつづき） ＊Ｆ４　就業形態（大分類）</t>
    <phoneticPr fontId="2"/>
  </si>
  <si>
    <t>（前表からのつづき） ＊Ｆ４　就業形態（中分類）</t>
    <phoneticPr fontId="2"/>
  </si>
  <si>
    <t>（前表からのつづき） Ｆ４＿２　雇用契約期間</t>
    <phoneticPr fontId="2"/>
  </si>
  <si>
    <t>（前表からのつづき） ＊Ｆ４＿２　雇用契約期間（中分類）</t>
    <phoneticPr fontId="2"/>
  </si>
  <si>
    <t>（前表からのつづき） ＊Ｆ４＿２　雇用契約期間（大分類）</t>
    <phoneticPr fontId="2"/>
  </si>
  <si>
    <t>（前表からのつづき） Ｆ５　勤務先の業種</t>
    <phoneticPr fontId="2"/>
  </si>
  <si>
    <t>（前表からのつづき） ＊Ｆ５　勤務先の業種（中分類）</t>
    <phoneticPr fontId="2"/>
  </si>
  <si>
    <t>（前表からのつづき） ＊Ｆ５　勤務先の業種（大分類）</t>
    <phoneticPr fontId="2"/>
  </si>
  <si>
    <t>（前表からのつづき） ＱＲ１　１年前のあなたの就業状況</t>
    <phoneticPr fontId="2"/>
  </si>
  <si>
    <t>（前表からのつづき） ＊ＱＲ１　１年前のあなたの就業状況（勤務先区分）</t>
    <phoneticPr fontId="2"/>
  </si>
  <si>
    <t>（前表からのつづき） ＊ＱＲ１　１年前のあなたの就業状況（正社員・非正社員区分）</t>
    <phoneticPr fontId="2"/>
  </si>
  <si>
    <t>（前表からのつづき） ＊ＱＲ１　１年前のあなたの就業状況</t>
    <phoneticPr fontId="2"/>
  </si>
  <si>
    <t>（前表からのつづき） ＱＲ２　１年前と比較した現在の日本の景気</t>
    <phoneticPr fontId="2"/>
  </si>
  <si>
    <t>（前表からのつづき） ＊ＱＲ２　１年前と比較した現在の日本の景気（大分類）</t>
    <phoneticPr fontId="2"/>
  </si>
  <si>
    <t>（前表からのつづき） ＱＲ３　現在と比較した１年後の日本の景気</t>
    <phoneticPr fontId="2"/>
  </si>
  <si>
    <t>（前表からのつづき） ＊ＱＲ３　現在と比較した１年後の日本の景気（大分類）</t>
    <phoneticPr fontId="2"/>
  </si>
  <si>
    <t>（前表からのつづき） ＱＲ４　１年前と比較した勤め先の会社の現在の経営状況</t>
    <phoneticPr fontId="2"/>
  </si>
  <si>
    <t>（前表からのつづき） ＊ＱＲ４　１年前と比較した勤め先の会社の現在の経営状況（大分類）</t>
    <phoneticPr fontId="2"/>
  </si>
  <si>
    <t>（前表からのつづき） ＱＲ５　現在と比較した勤め先の会社の１年後の経営状況</t>
    <phoneticPr fontId="2"/>
  </si>
  <si>
    <t>（前表からのつづき） ＊ＱＲ５　現在と比較した勤め先の会社の１年後の経営状況（大分類）</t>
    <phoneticPr fontId="2"/>
  </si>
  <si>
    <t>（前表からのつづき） ＱＲ６　１年前と比較した現在の職場の従業員数の増減  １年前と比較した現在の正社員の数</t>
    <phoneticPr fontId="2"/>
  </si>
  <si>
    <t>（前表からのつづき） ＱＲ６　１年前と比較した現在の職場の従業員数の増減  １年前と比較した現在の非正社員数</t>
    <phoneticPr fontId="2"/>
  </si>
  <si>
    <t>（前表からのつづき） ＊ＱＲ６　１年前と比較した現在の職場の従業員数の増減（大分類）  １年前と比較した現在の正社員数</t>
    <phoneticPr fontId="2"/>
  </si>
  <si>
    <t>（前表からのつづき） ＊ＱＲ６　１年前と比較した現在の職場の従業員数の増減（大分類）  １年前と比較した現在の非正社員数</t>
    <phoneticPr fontId="2"/>
  </si>
  <si>
    <t>（前表からのつづき） ＱＲ７　１年前と比較した現在の実労働時間の増減</t>
    <phoneticPr fontId="2"/>
  </si>
  <si>
    <t>（前表からのつづき） ＊ＱＲ７　１年前と比較した現在の実労働時間の増減（大分類）</t>
    <phoneticPr fontId="2"/>
  </si>
  <si>
    <t>（前表からのつづき） ＱＲ８　今後１年に失業する不安</t>
    <phoneticPr fontId="2"/>
  </si>
  <si>
    <t>（前表からのつづき） ＊ＱＲ８　今後１年に失業する不安（大分類）</t>
    <phoneticPr fontId="2"/>
  </si>
  <si>
    <t>（前表からのつづき） ＱＲ９　１年前と比較した現在の賃金収入の増減</t>
    <phoneticPr fontId="2"/>
  </si>
  <si>
    <t>（前表からのつづき） ＊ＱＲ９　１年前と比較した現在の賃金収入の増減（大分類）</t>
    <phoneticPr fontId="2"/>
  </si>
  <si>
    <t>（前表からのつづき） ＱＲ１０　現在と比較した１年後の賃金収入の増減</t>
    <phoneticPr fontId="2"/>
  </si>
  <si>
    <t>（前表からのつづき） ＊ＱＲ１０　現在と比較した１年後の賃金収入の増減（大分類）</t>
    <phoneticPr fontId="2"/>
  </si>
  <si>
    <t>（前表からのつづき） ＱＲ１１　１年前と比較した現在の世帯全体の収入の増減</t>
    <phoneticPr fontId="2"/>
  </si>
  <si>
    <t>（前表からのつづき） ＊ＱＲ１１　１年前と比較した現在の世帯全体の収入の増減（大分類）</t>
    <phoneticPr fontId="2"/>
  </si>
  <si>
    <t>（前表からのつづき） ＱＲ１２　現在と比較した１年後の世帯全体の収入の増減</t>
    <phoneticPr fontId="2"/>
  </si>
  <si>
    <t>（前表からのつづき） ＊ＱＲ１２　現在と比較した１年後の世帯全体の収入の増減（大分類）</t>
    <phoneticPr fontId="2"/>
  </si>
  <si>
    <t>（前表からのつづき） ＱＲ１３　１年前と比較した現在の世帯全体の消費の増減</t>
    <phoneticPr fontId="2"/>
  </si>
  <si>
    <t>（前表からのつづき） ＊ＱＲ１３　１年前と比較した現在の世帯全体の消費の増減（大分類）</t>
    <phoneticPr fontId="2"/>
  </si>
  <si>
    <t>（前表からのつづき） ＱＲ１４　現在と比較した１年後の世帯全体の消費の増減</t>
    <phoneticPr fontId="2"/>
  </si>
  <si>
    <t>（前表からのつづき） ＊ＱＲ１４　現在と比較した１年後の世帯全体の消費の増減（大分類）</t>
    <phoneticPr fontId="2"/>
  </si>
  <si>
    <t>（前表からのつづき） ＱＲ１５　１年前と比較した現在の物価の状況</t>
    <phoneticPr fontId="2"/>
  </si>
  <si>
    <t>（前表からのつづき） ＊ＱＲ１５　１年前と比較した現在の物価の状況（大分類）</t>
    <phoneticPr fontId="2"/>
  </si>
  <si>
    <t>（前表からのつづき） ＱＲ１６　現在と比較した１年後の物価の状況</t>
    <phoneticPr fontId="2"/>
  </si>
  <si>
    <t>（前表からのつづき） ＊ＱＲ１６　現在と比較した１年後の物価の状況（大分類）</t>
    <phoneticPr fontId="2"/>
  </si>
  <si>
    <t>（前表からのつづき） ＱＲ１７　１年前と比較した現在の世帯の暮らしむき</t>
    <phoneticPr fontId="2"/>
  </si>
  <si>
    <t>（前表からのつづき） ＊ＱＲ１７　１年前と比較した現在の世帯の暮らしむき（大分類）</t>
    <phoneticPr fontId="2"/>
  </si>
  <si>
    <t>（前表からのつづき） ＱＲ１８　現在と比較した１年後の世帯の暮らしむき</t>
    <phoneticPr fontId="2"/>
  </si>
  <si>
    <t>（前表からのつづき） ＊ＱＲ１８　現在と比較した１年後の世帯の暮らしむき（大分類）</t>
    <phoneticPr fontId="2"/>
  </si>
  <si>
    <t>（前表からのつづき） ＱＲ１９　今の勤め先での仕事について  仕事に働きがいを感じている</t>
    <phoneticPr fontId="2"/>
  </si>
  <si>
    <t>（前表からのつづき） ＱＲ１９　今の勤め先での仕事について  自分の能力・専門性を十分に活かせている</t>
    <phoneticPr fontId="2"/>
  </si>
  <si>
    <t>（前表からのつづき） ＱＲ１９　今の勤め先での仕事について  職業能力やキャリアを高めるための機会や支援がある</t>
    <phoneticPr fontId="2"/>
  </si>
  <si>
    <t>（前表からのつづき） ＱＲ１９　今の勤め先での仕事について  一定の責任・裁量を与えられている</t>
    <phoneticPr fontId="2"/>
  </si>
  <si>
    <t>（前表からのつづき） ＱＲ１９　今の勤め先での仕事について  家計をまかなえる賃金・処遇条件である</t>
    <phoneticPr fontId="2"/>
  </si>
  <si>
    <t>（前表からのつづき） ＱＲ１９　今の勤め先での仕事について  賃金・処遇が適切で納得性がある</t>
    <phoneticPr fontId="2"/>
  </si>
  <si>
    <t>（前表からのつづき） ＱＲ１９　今の勤め先での仕事について  肉体的疲労は感じない</t>
    <phoneticPr fontId="2"/>
  </si>
  <si>
    <t>（前表からのつづき） ＱＲ１９　今の勤め先での仕事について  精神的に過度なストレスがない</t>
    <phoneticPr fontId="2"/>
  </si>
  <si>
    <t>（前表からのつづき） ＱＲ１９　今の勤め先での仕事について  職場の人間関係がよい</t>
    <phoneticPr fontId="2"/>
  </si>
  <si>
    <t>（前表からのつづき） ＱＲ１９　今の勤め先での仕事について  仕事と生活のバランスが適度にとれている</t>
    <phoneticPr fontId="2"/>
  </si>
  <si>
    <t>（前表からのつづき） ＊ＱＲ１９　今の勤め先での仕事について（大分類）  仕事に働きがいを感じている</t>
    <phoneticPr fontId="2"/>
  </si>
  <si>
    <t>（前表からのつづき） ＊ＱＲ１９　今の勤め先での仕事について（大分類）  自分の能力・専門性を十分に活かせている</t>
    <phoneticPr fontId="2"/>
  </si>
  <si>
    <t>（前表からのつづき） ＊ＱＲ１９　今の勤め先での仕事について（大分類）  職業能力やキャリアを高めるための機会や支援がある</t>
    <phoneticPr fontId="2"/>
  </si>
  <si>
    <t>（前表からのつづき） ＊ＱＲ１９　今の勤め先での仕事について（大分類）  一定の責任・裁量を与えられている</t>
    <phoneticPr fontId="2"/>
  </si>
  <si>
    <t>（前表からのつづき） ＊ＱＲ１９　今の勤め先での仕事について（大分類）  家計をまかなえる賃金・処遇条件である</t>
    <phoneticPr fontId="2"/>
  </si>
  <si>
    <t>（前表からのつづき） ＊ＱＲ１９　今の勤め先での仕事について（大分類）  賃金・処遇が適切で納得性がある</t>
    <phoneticPr fontId="2"/>
  </si>
  <si>
    <t>（前表からのつづき） ＊ＱＲ１９　今の勤め先での仕事について（大分類）  肉体的疲労は感じない</t>
    <phoneticPr fontId="2"/>
  </si>
  <si>
    <t>（前表からのつづき） ＊ＱＲ１９　今の勤め先での仕事について（大分類）  精神的に過度なストレスがない</t>
    <phoneticPr fontId="2"/>
  </si>
  <si>
    <t>（前表からのつづき） ＊ＱＲ１９　今の勤め先での仕事について（大分類）  職場の人間関係がよい</t>
    <phoneticPr fontId="2"/>
  </si>
  <si>
    <t>（前表からのつづき） ＊ＱＲ１９　今の勤め先での仕事について（大分類）  仕事と生活のバランスが適度にとれている</t>
    <phoneticPr fontId="2"/>
  </si>
  <si>
    <t>（前表からのつづき） ＱＲ２０　転職意向の程度</t>
    <phoneticPr fontId="2"/>
  </si>
  <si>
    <t>（前表からのつづき） ＊ＱＲ２０　転職意向の程度（大分類）</t>
    <phoneticPr fontId="2"/>
  </si>
  <si>
    <t>（前表からのつづき） ＱＲ２１　今の勤め先での仕事に対する満足度</t>
    <phoneticPr fontId="2"/>
  </si>
  <si>
    <t>（前表からのつづき） ＊ＱＲ２１　今の勤め先での仕事に対する満足度（大分類）</t>
    <phoneticPr fontId="2"/>
  </si>
  <si>
    <t>（前表からのつづき） ＱＲ２２　生活全般に対する満足度</t>
    <phoneticPr fontId="2"/>
  </si>
  <si>
    <t>（前表からのつづき） ＊ＱＲ２２　生活全般に対する満足度（大分類）</t>
    <phoneticPr fontId="2"/>
  </si>
  <si>
    <t>（前表からのつづき） ＱＲ２３　勤め先の労働組合の状況</t>
    <phoneticPr fontId="2"/>
  </si>
  <si>
    <t>（前表からのつづき） ＱＲ２４　労働組合への加入状況</t>
    <phoneticPr fontId="2"/>
  </si>
  <si>
    <t>（前表からのつづき） ＊ＱＲ２４　労働組合への加入状況（大分類）</t>
    <phoneticPr fontId="2"/>
  </si>
  <si>
    <t>（前表からのつづき） ＱＲ２５　労働組合への加入意向［ベース：労働組合非加入者］</t>
    <phoneticPr fontId="2"/>
  </si>
  <si>
    <t>（前表からのつづき） ＱＲ２６　労働組合の必要性</t>
    <phoneticPr fontId="2"/>
  </si>
  <si>
    <t>（前表からのつづき） ＊ＱＲ２６　労働組合の必要性（大分類）</t>
    <phoneticPr fontId="2"/>
  </si>
  <si>
    <t>（前表からのつづき） ＱＴ１　今年９月における所定労働時間の超過状況</t>
    <phoneticPr fontId="2"/>
  </si>
  <si>
    <t>（前表からのつづき） ＱＴ２　今年９月における所定労働時間を超過した時間数［ベース：所定労働時間超過者］</t>
    <phoneticPr fontId="2"/>
  </si>
  <si>
    <t>（前表からのつづき） ＱＴ２　今年９月における所定労働時間を超過した時間数（大分類）［ベース：所定労働時間超過者］</t>
    <phoneticPr fontId="2"/>
  </si>
  <si>
    <t>（前表からのつづき） ＱＴ２　今年９月における所定労働時間を超過した時間数（大分類２）［ベース：所定労働時間超過者］</t>
    <phoneticPr fontId="2"/>
  </si>
  <si>
    <t>（前表からのつづき） ＱＴ２　今年９月における所定労働時間を超過した時間数（大分類３）［ベース：所定労働時間超過者］</t>
    <phoneticPr fontId="2"/>
  </si>
  <si>
    <t>（前表からのつづき） ＱＴ３　今年９月に所定労働時間を越えて働く際に感じたこと［ベース：所定労働時間超過者］</t>
    <phoneticPr fontId="2"/>
  </si>
  <si>
    <t>（前表からのつづき） ＱＴ４　今年９月に所定労働時間を越えて働いた理由＜Ｍ．Ａ＞［ベース：所定労働時間超過者］</t>
    <phoneticPr fontId="2"/>
  </si>
  <si>
    <t>（前表からのつづき） ＊ＱＴ４　今年９月に所定労働時間を越えて働いた理由（大分類）＜Ｍ．Ａ＞［ベース：所定労働時間超過者］</t>
    <phoneticPr fontId="2"/>
  </si>
  <si>
    <t>（前表からのつづき） ＱＴ５　残業手当の受給資格の有無</t>
    <phoneticPr fontId="2"/>
  </si>
  <si>
    <t>（前表からのつづき） ＱＴ６　今年９月における残業手当未申告の状況［ベース：所定労働時間超過＆残業手当支給対象者］</t>
    <phoneticPr fontId="2"/>
  </si>
  <si>
    <t>（前表からのつづき） ＊ＱＴ６　今年９月における残業手当未申告の状況［ベース：残業手当支給対象者］</t>
    <phoneticPr fontId="2"/>
  </si>
  <si>
    <t>（前表からのつづき） ＱＴ７　今年９月における残業手当未申告の時間数［ベース：申告しなかった時間あり］</t>
    <phoneticPr fontId="2"/>
  </si>
  <si>
    <t>（前表からのつづき） ＱＴ８　今年９月に残業手当未申告の時間があった理由［ベース：申告しなかった時間あり］</t>
    <phoneticPr fontId="2"/>
  </si>
  <si>
    <t>（前表からのつづき） ＱＴ９　残業手当の申告時間を調整した理由［ベース：自身で申告時間調整者］</t>
    <phoneticPr fontId="2"/>
  </si>
  <si>
    <t>（前表からのつづき） ＊ＱＴ９　残業手当の申告時間を調整した理由（大分類）［ベース：自身で申告時間調整者］</t>
    <phoneticPr fontId="2"/>
  </si>
  <si>
    <t>（前表からのつづき） ＱＴ１０　年次有給休暇の日数把握状況  現時点（１０月１日）の保有日数</t>
    <phoneticPr fontId="2"/>
  </si>
  <si>
    <t>（前表からのつづき） ＱＴ１０　年次有給休暇の日数把握状況  今年度新たに付与された日数</t>
    <phoneticPr fontId="2"/>
  </si>
  <si>
    <t>（前表からのつづき） ＱＴ１０　年次有給休暇の日数把握状況  昨年度からの繰り越し日数</t>
    <phoneticPr fontId="2"/>
  </si>
  <si>
    <t>（前表からのつづき） ＱＴ１１　昨年度付与された年次有給休暇の年度内の取得状況</t>
    <phoneticPr fontId="2"/>
  </si>
  <si>
    <t>（前表からのつづき） ＱＴ１２　交代勤務の有無</t>
    <phoneticPr fontId="2"/>
  </si>
  <si>
    <t>（前表からのつづき） ＱＴ１３　深夜勤務の有無</t>
    <phoneticPr fontId="2"/>
  </si>
  <si>
    <t>（前表からのつづき） ＱＴ１４　労働時間制</t>
    <phoneticPr fontId="2"/>
  </si>
  <si>
    <t>（前表からのつづき） ＱＴ１５　過去６ヶ月間における長時間労働を原因として体調を崩した経験</t>
    <phoneticPr fontId="2"/>
  </si>
  <si>
    <t>（前表からのつづき） ＱＴ１６　上司による労働時間や仕事の管理の状況  実際の労働時間を把握している</t>
    <phoneticPr fontId="2"/>
  </si>
  <si>
    <t>（前表からのつづき） ＱＴ１６　上司による労働時間や仕事の管理の状況  労働時間が過重にならないように業務量を調整している</t>
    <phoneticPr fontId="2"/>
  </si>
  <si>
    <t>（前表からのつづき） ＱＴ１６　上司による労働時間や仕事の管理の状況  仕事の進め方について明確な指示をしている</t>
    <phoneticPr fontId="2"/>
  </si>
  <si>
    <t>（前表からのつづき） ＱＴ１６　上司による労働時間や仕事の管理の状況  健康を気遣っている</t>
    <phoneticPr fontId="2"/>
  </si>
  <si>
    <t>（前表からのつづき） ＱＴ１６　上司による労働時間や仕事の管理の状況  有給休暇取得に積極的に働きかけている</t>
    <phoneticPr fontId="2"/>
  </si>
  <si>
    <t>（前表からのつづき） ＱＴ１７　過去１年間のあなたの現在の職場での問題ある状況  長時間労働が日常的に行われている</t>
    <phoneticPr fontId="2"/>
  </si>
  <si>
    <t>（前表からのつづき） ＱＴ１７　過去１年間のあなたの現在の職場での問題ある状況  休憩時間を取らせてもらえないことがよくある</t>
    <phoneticPr fontId="2"/>
  </si>
  <si>
    <t>（前表からのつづき） ＱＴ１７　過去１年間のあなたの現在の職場での問題ある状況  あらかじめ定められた休日に休めない</t>
    <phoneticPr fontId="2"/>
  </si>
  <si>
    <t>（前表からのつづき） ＱＴ１７　過去１年間のあなたの現在の職場での問題ある状況  仕事により心身の健康を害した人がいる</t>
    <phoneticPr fontId="2"/>
  </si>
  <si>
    <t>n=</t>
    <phoneticPr fontId="2"/>
  </si>
  <si>
    <t xml:space="preserve">
男性</t>
    <phoneticPr fontId="2"/>
  </si>
  <si>
    <t xml:space="preserve">
女性</t>
    <phoneticPr fontId="2"/>
  </si>
  <si>
    <t xml:space="preserve"> (%)</t>
  </si>
  <si>
    <t xml:space="preserve">
２０代</t>
    <phoneticPr fontId="2"/>
  </si>
  <si>
    <t xml:space="preserve">
３０代</t>
    <phoneticPr fontId="2"/>
  </si>
  <si>
    <t xml:space="preserve">
４０代</t>
    <phoneticPr fontId="2"/>
  </si>
  <si>
    <t xml:space="preserve">
５０代</t>
    <phoneticPr fontId="2"/>
  </si>
  <si>
    <t xml:space="preserve">
６０代前半</t>
    <phoneticPr fontId="2"/>
  </si>
  <si>
    <t xml:space="preserve">
平均値</t>
    <phoneticPr fontId="2"/>
  </si>
  <si>
    <t xml:space="preserve">
中央値</t>
    <phoneticPr fontId="2"/>
  </si>
  <si>
    <t xml:space="preserve">
２０代前半</t>
    <phoneticPr fontId="2"/>
  </si>
  <si>
    <t xml:space="preserve">
２０代後半</t>
    <phoneticPr fontId="2"/>
  </si>
  <si>
    <t xml:space="preserve">
３０代前半</t>
    <phoneticPr fontId="2"/>
  </si>
  <si>
    <t xml:space="preserve">
３０代後半</t>
    <phoneticPr fontId="2"/>
  </si>
  <si>
    <t xml:space="preserve">
４０代前半</t>
    <phoneticPr fontId="2"/>
  </si>
  <si>
    <t xml:space="preserve">
４０代後半</t>
    <phoneticPr fontId="2"/>
  </si>
  <si>
    <t xml:space="preserve">
５０代前半</t>
    <phoneticPr fontId="2"/>
  </si>
  <si>
    <t xml:space="preserve">
５０代後半</t>
    <phoneticPr fontId="2"/>
  </si>
  <si>
    <t xml:space="preserve">
２０～５９歳</t>
    <phoneticPr fontId="2"/>
  </si>
  <si>
    <t xml:space="preserve">
６０～６４歳</t>
    <phoneticPr fontId="2"/>
  </si>
  <si>
    <t xml:space="preserve">
２０～５４歳</t>
    <phoneticPr fontId="2"/>
  </si>
  <si>
    <t xml:space="preserve">
５５～６４歳</t>
    <phoneticPr fontId="2"/>
  </si>
  <si>
    <t xml:space="preserve">
北海道</t>
    <phoneticPr fontId="2"/>
  </si>
  <si>
    <t xml:space="preserve">
青森県</t>
    <phoneticPr fontId="2"/>
  </si>
  <si>
    <t xml:space="preserve">
岩手県</t>
    <phoneticPr fontId="2"/>
  </si>
  <si>
    <t xml:space="preserve">
宮城県</t>
    <phoneticPr fontId="2"/>
  </si>
  <si>
    <t xml:space="preserve">
秋田県</t>
    <phoneticPr fontId="2"/>
  </si>
  <si>
    <t xml:space="preserve">
山形県</t>
    <phoneticPr fontId="2"/>
  </si>
  <si>
    <t xml:space="preserve">
福島県</t>
    <phoneticPr fontId="2"/>
  </si>
  <si>
    <t xml:space="preserve">
茨城県</t>
    <phoneticPr fontId="2"/>
  </si>
  <si>
    <t xml:space="preserve">
栃木県</t>
    <phoneticPr fontId="2"/>
  </si>
  <si>
    <t xml:space="preserve">
群馬県</t>
    <phoneticPr fontId="2"/>
  </si>
  <si>
    <t xml:space="preserve">
埼玉県</t>
    <phoneticPr fontId="2"/>
  </si>
  <si>
    <t xml:space="preserve">
千葉県</t>
    <phoneticPr fontId="2"/>
  </si>
  <si>
    <t xml:space="preserve">
東京都</t>
    <phoneticPr fontId="2"/>
  </si>
  <si>
    <t xml:space="preserve">
神奈川県</t>
    <phoneticPr fontId="2"/>
  </si>
  <si>
    <t xml:space="preserve">
新潟県</t>
    <phoneticPr fontId="2"/>
  </si>
  <si>
    <t xml:space="preserve">
富山県</t>
    <phoneticPr fontId="2"/>
  </si>
  <si>
    <t xml:space="preserve">
石川県</t>
    <phoneticPr fontId="2"/>
  </si>
  <si>
    <t xml:space="preserve">
福井県</t>
    <phoneticPr fontId="2"/>
  </si>
  <si>
    <t xml:space="preserve">
山梨県</t>
    <phoneticPr fontId="2"/>
  </si>
  <si>
    <t xml:space="preserve">
長野県</t>
    <phoneticPr fontId="2"/>
  </si>
  <si>
    <t xml:space="preserve">
岐阜県</t>
    <phoneticPr fontId="2"/>
  </si>
  <si>
    <t xml:space="preserve">
静岡県</t>
    <phoneticPr fontId="2"/>
  </si>
  <si>
    <t xml:space="preserve">
愛知県</t>
    <phoneticPr fontId="2"/>
  </si>
  <si>
    <t xml:space="preserve">
三重県</t>
    <phoneticPr fontId="2"/>
  </si>
  <si>
    <t xml:space="preserve">
滋賀県</t>
    <phoneticPr fontId="2"/>
  </si>
  <si>
    <t xml:space="preserve">
京都府</t>
    <phoneticPr fontId="2"/>
  </si>
  <si>
    <t xml:space="preserve">
大阪府</t>
    <phoneticPr fontId="2"/>
  </si>
  <si>
    <t xml:space="preserve">
兵庫県</t>
    <phoneticPr fontId="2"/>
  </si>
  <si>
    <t xml:space="preserve">
奈良県</t>
    <phoneticPr fontId="2"/>
  </si>
  <si>
    <t xml:space="preserve">
和歌山県</t>
    <phoneticPr fontId="2"/>
  </si>
  <si>
    <t xml:space="preserve">
鳥取県</t>
    <phoneticPr fontId="2"/>
  </si>
  <si>
    <t xml:space="preserve">
島根県</t>
    <phoneticPr fontId="2"/>
  </si>
  <si>
    <t xml:space="preserve">
岡山県</t>
    <phoneticPr fontId="2"/>
  </si>
  <si>
    <t xml:space="preserve">
広島県</t>
    <phoneticPr fontId="2"/>
  </si>
  <si>
    <t xml:space="preserve">
山口県</t>
    <phoneticPr fontId="2"/>
  </si>
  <si>
    <t xml:space="preserve">
徳島県</t>
    <phoneticPr fontId="2"/>
  </si>
  <si>
    <t xml:space="preserve">
香川県</t>
    <phoneticPr fontId="2"/>
  </si>
  <si>
    <t xml:space="preserve">
愛媛県</t>
    <phoneticPr fontId="2"/>
  </si>
  <si>
    <t xml:space="preserve">
高知県</t>
    <phoneticPr fontId="2"/>
  </si>
  <si>
    <t xml:space="preserve">
福岡県</t>
    <phoneticPr fontId="2"/>
  </si>
  <si>
    <t xml:space="preserve">
佐賀県</t>
    <phoneticPr fontId="2"/>
  </si>
  <si>
    <t xml:space="preserve">
長崎県</t>
    <phoneticPr fontId="2"/>
  </si>
  <si>
    <t xml:space="preserve">
熊本県</t>
    <phoneticPr fontId="2"/>
  </si>
  <si>
    <t xml:space="preserve">
大分県</t>
    <phoneticPr fontId="2"/>
  </si>
  <si>
    <t xml:space="preserve">
宮崎県</t>
    <phoneticPr fontId="2"/>
  </si>
  <si>
    <t xml:space="preserve">
鹿児島県</t>
    <phoneticPr fontId="2"/>
  </si>
  <si>
    <t xml:space="preserve">
沖縄県</t>
    <phoneticPr fontId="2"/>
  </si>
  <si>
    <t xml:space="preserve">
東北</t>
    <phoneticPr fontId="2"/>
  </si>
  <si>
    <t xml:space="preserve">
北関東</t>
    <phoneticPr fontId="2"/>
  </si>
  <si>
    <t xml:space="preserve">
首都圏</t>
    <phoneticPr fontId="2"/>
  </si>
  <si>
    <t xml:space="preserve">
中部</t>
    <phoneticPr fontId="2"/>
  </si>
  <si>
    <t xml:space="preserve">
関西圏</t>
    <phoneticPr fontId="2"/>
  </si>
  <si>
    <t xml:space="preserve">
中国</t>
    <phoneticPr fontId="2"/>
  </si>
  <si>
    <t xml:space="preserve">
四国</t>
    <phoneticPr fontId="2"/>
  </si>
  <si>
    <t xml:space="preserve">
九州</t>
    <phoneticPr fontId="2"/>
  </si>
  <si>
    <t xml:space="preserve">
首都圏・関西圏</t>
    <phoneticPr fontId="2"/>
  </si>
  <si>
    <t xml:space="preserve">
それ以外の地域</t>
    <phoneticPr fontId="2"/>
  </si>
  <si>
    <t xml:space="preserve">
正社員（役員を除く）</t>
    <phoneticPr fontId="2"/>
  </si>
  <si>
    <t xml:space="preserve">
パートタイマー</t>
    <phoneticPr fontId="2"/>
  </si>
  <si>
    <t xml:space="preserve">
アルバイト</t>
    <phoneticPr fontId="2"/>
  </si>
  <si>
    <t xml:space="preserve">
契約社員</t>
    <phoneticPr fontId="2"/>
  </si>
  <si>
    <t xml:space="preserve">
派遣労働者</t>
    <phoneticPr fontId="2"/>
  </si>
  <si>
    <t xml:space="preserve">
嘱託</t>
    <phoneticPr fontId="2"/>
  </si>
  <si>
    <t xml:space="preserve">
会社役員</t>
    <phoneticPr fontId="2"/>
  </si>
  <si>
    <t xml:space="preserve">
自営業・内職</t>
    <phoneticPr fontId="2"/>
  </si>
  <si>
    <t xml:space="preserve">
家業の手伝い</t>
    <phoneticPr fontId="2"/>
  </si>
  <si>
    <t xml:space="preserve">
その他</t>
    <phoneticPr fontId="2"/>
  </si>
  <si>
    <t xml:space="preserve">
働いていない</t>
    <phoneticPr fontId="2"/>
  </si>
  <si>
    <t xml:space="preserve">
正社員計</t>
    <phoneticPr fontId="2"/>
  </si>
  <si>
    <t xml:space="preserve">
非正社員計</t>
    <phoneticPr fontId="2"/>
  </si>
  <si>
    <t xml:space="preserve">
パート・アルバイト</t>
    <phoneticPr fontId="2"/>
  </si>
  <si>
    <t xml:space="preserve">
契約社員・嘱託社員</t>
    <phoneticPr fontId="2"/>
  </si>
  <si>
    <t xml:space="preserve">
期間の定めはない（定年までの雇用を含む）</t>
    <phoneticPr fontId="2"/>
  </si>
  <si>
    <t xml:space="preserve">
１か月未満</t>
    <phoneticPr fontId="2"/>
  </si>
  <si>
    <t xml:space="preserve">
１か月以上６か月以下</t>
    <phoneticPr fontId="2"/>
  </si>
  <si>
    <t xml:space="preserve">
６か月超１年以下</t>
    <phoneticPr fontId="2"/>
  </si>
  <si>
    <t xml:space="preserve">
１年超３年以下</t>
    <phoneticPr fontId="2"/>
  </si>
  <si>
    <t xml:space="preserve">
３年超５年以下</t>
    <phoneticPr fontId="2"/>
  </si>
  <si>
    <t xml:space="preserve">
５年超</t>
    <phoneticPr fontId="2"/>
  </si>
  <si>
    <t xml:space="preserve">
わからない</t>
    <phoneticPr fontId="2"/>
  </si>
  <si>
    <t xml:space="preserve">
１か月以上１年以下</t>
    <phoneticPr fontId="2"/>
  </si>
  <si>
    <t xml:space="preserve">
１年超５年以下</t>
    <phoneticPr fontId="2"/>
  </si>
  <si>
    <t xml:space="preserve">
１年以下</t>
    <phoneticPr fontId="2"/>
  </si>
  <si>
    <t xml:space="preserve">
１年超</t>
    <phoneticPr fontId="2"/>
  </si>
  <si>
    <t xml:space="preserve">
建設業</t>
    <phoneticPr fontId="2"/>
  </si>
  <si>
    <t xml:space="preserve">
製造業</t>
    <phoneticPr fontId="2"/>
  </si>
  <si>
    <t xml:space="preserve">
電気・ガス・熱供給・水道業</t>
    <phoneticPr fontId="2"/>
  </si>
  <si>
    <t xml:space="preserve">
情報通信業</t>
    <phoneticPr fontId="2"/>
  </si>
  <si>
    <t xml:space="preserve">
運輸業</t>
    <phoneticPr fontId="2"/>
  </si>
  <si>
    <t xml:space="preserve">
卸売・小売業</t>
    <phoneticPr fontId="2"/>
  </si>
  <si>
    <t xml:space="preserve">
金融・保険業</t>
    <phoneticPr fontId="2"/>
  </si>
  <si>
    <t xml:space="preserve">
不動産業</t>
    <phoneticPr fontId="2"/>
  </si>
  <si>
    <t xml:space="preserve">
飲食店、宿泊業</t>
    <phoneticPr fontId="2"/>
  </si>
  <si>
    <t xml:space="preserve">
医療、福祉</t>
    <phoneticPr fontId="2"/>
  </si>
  <si>
    <t xml:space="preserve">
教育、学習支援業</t>
    <phoneticPr fontId="2"/>
  </si>
  <si>
    <t xml:space="preserve">
郵便局・協同組合</t>
    <phoneticPr fontId="2"/>
  </si>
  <si>
    <t xml:space="preserve">
サービス業</t>
    <phoneticPr fontId="2"/>
  </si>
  <si>
    <t xml:space="preserve">
公務等</t>
    <phoneticPr fontId="2"/>
  </si>
  <si>
    <t xml:space="preserve">
その他の業種</t>
    <phoneticPr fontId="2"/>
  </si>
  <si>
    <t xml:space="preserve">
運輸・情報通信業</t>
    <phoneticPr fontId="2"/>
  </si>
  <si>
    <t xml:space="preserve">
卸売・小売業・飲食店・宿泊業</t>
    <phoneticPr fontId="2"/>
  </si>
  <si>
    <t xml:space="preserve">
金融・保険業・不動産業</t>
    <phoneticPr fontId="2"/>
  </si>
  <si>
    <t xml:space="preserve">
その他サービス業</t>
    <phoneticPr fontId="2"/>
  </si>
  <si>
    <t xml:space="preserve">
非製造業</t>
    <phoneticPr fontId="2"/>
  </si>
  <si>
    <t xml:space="preserve">
今と同じ勤め先で、正社員として働いていた</t>
    <phoneticPr fontId="2"/>
  </si>
  <si>
    <t xml:space="preserve">
今と同じ勤め先で、非正社員として働いていた</t>
    <phoneticPr fontId="2"/>
  </si>
  <si>
    <t xml:space="preserve">
今とは違う勤め先で、正社員として働いていた</t>
    <phoneticPr fontId="2"/>
  </si>
  <si>
    <t xml:space="preserve">
今とは違う勤め先で、非正社員として働いていた</t>
    <phoneticPr fontId="2"/>
  </si>
  <si>
    <t xml:space="preserve">
上記以外の働き方で働いていた</t>
    <phoneticPr fontId="2"/>
  </si>
  <si>
    <t xml:space="preserve">
働いていなかった</t>
    <phoneticPr fontId="2"/>
  </si>
  <si>
    <t xml:space="preserve">
同じ勤め先にいた</t>
    <phoneticPr fontId="2"/>
  </si>
  <si>
    <t xml:space="preserve">
別の勤め先にいた</t>
    <phoneticPr fontId="2"/>
  </si>
  <si>
    <t xml:space="preserve">
非雇用者</t>
    <phoneticPr fontId="2"/>
  </si>
  <si>
    <t xml:space="preserve">
無就業</t>
    <phoneticPr fontId="2"/>
  </si>
  <si>
    <t xml:space="preserve">
１年前正社員</t>
    <phoneticPr fontId="2"/>
  </si>
  <si>
    <t xml:space="preserve">
１年前非正社員</t>
    <phoneticPr fontId="2"/>
  </si>
  <si>
    <t xml:space="preserve">
働いていた</t>
    <phoneticPr fontId="2"/>
  </si>
  <si>
    <t xml:space="preserve">
無就業・わからない</t>
    <phoneticPr fontId="2"/>
  </si>
  <si>
    <t xml:space="preserve">
かなり良くなった(100)</t>
    <phoneticPr fontId="2"/>
  </si>
  <si>
    <t xml:space="preserve">
やや良くなった(50)</t>
    <phoneticPr fontId="2"/>
  </si>
  <si>
    <t xml:space="preserve">
変わらない(0)</t>
    <phoneticPr fontId="2"/>
  </si>
  <si>
    <t xml:space="preserve">
やや悪くなった(-50)</t>
    <phoneticPr fontId="2"/>
  </si>
  <si>
    <t xml:space="preserve">
かなり悪くなった(-100)</t>
    <phoneticPr fontId="2"/>
  </si>
  <si>
    <t xml:space="preserve">
良くなった</t>
    <phoneticPr fontId="2"/>
  </si>
  <si>
    <t xml:space="preserve">
変わらない</t>
    <phoneticPr fontId="2"/>
  </si>
  <si>
    <t xml:space="preserve">
悪くなった</t>
    <phoneticPr fontId="2"/>
  </si>
  <si>
    <t xml:space="preserve">
かなり良くなる(100)</t>
    <phoneticPr fontId="2"/>
  </si>
  <si>
    <t xml:space="preserve">
やや良くなる(50)</t>
    <phoneticPr fontId="2"/>
  </si>
  <si>
    <t xml:space="preserve">
やや悪くなる(-50)</t>
    <phoneticPr fontId="2"/>
  </si>
  <si>
    <t xml:space="preserve">
かなり悪くなる(-100)</t>
    <phoneticPr fontId="2"/>
  </si>
  <si>
    <t xml:space="preserve">
良くなる</t>
    <phoneticPr fontId="2"/>
  </si>
  <si>
    <t xml:space="preserve">
悪くなる</t>
    <phoneticPr fontId="2"/>
  </si>
  <si>
    <t xml:space="preserve">
かなり増えた(100)</t>
    <phoneticPr fontId="2"/>
  </si>
  <si>
    <t xml:space="preserve">
やや増えた(50)</t>
    <phoneticPr fontId="2"/>
  </si>
  <si>
    <t xml:space="preserve">
やや減った(-50)</t>
    <phoneticPr fontId="2"/>
  </si>
  <si>
    <t xml:space="preserve">
かなり減った(-100)</t>
    <phoneticPr fontId="2"/>
  </si>
  <si>
    <t xml:space="preserve">
増えた</t>
    <phoneticPr fontId="2"/>
  </si>
  <si>
    <t xml:space="preserve">
減った</t>
    <phoneticPr fontId="2"/>
  </si>
  <si>
    <t xml:space="preserve">
かなり感じる</t>
    <phoneticPr fontId="2"/>
  </si>
  <si>
    <t xml:space="preserve">
やや感じる</t>
    <phoneticPr fontId="2"/>
  </si>
  <si>
    <t xml:space="preserve">
あまり感じない</t>
    <phoneticPr fontId="2"/>
  </si>
  <si>
    <t xml:space="preserve">
ほとんど感じない</t>
    <phoneticPr fontId="2"/>
  </si>
  <si>
    <t xml:space="preserve">
失業不安感じる</t>
    <phoneticPr fontId="2"/>
  </si>
  <si>
    <t xml:space="preserve">
失業不安感じない</t>
    <phoneticPr fontId="2"/>
  </si>
  <si>
    <t xml:space="preserve">
かなり増える(100)</t>
    <phoneticPr fontId="2"/>
  </si>
  <si>
    <t xml:space="preserve">
やや増える(50)</t>
    <phoneticPr fontId="2"/>
  </si>
  <si>
    <t xml:space="preserve">
やや減る(-50)</t>
    <phoneticPr fontId="2"/>
  </si>
  <si>
    <t xml:space="preserve">
かなり減る(-100)</t>
    <phoneticPr fontId="2"/>
  </si>
  <si>
    <t xml:space="preserve">
増える</t>
    <phoneticPr fontId="2"/>
  </si>
  <si>
    <t xml:space="preserve">
減る</t>
    <phoneticPr fontId="2"/>
  </si>
  <si>
    <t xml:space="preserve">
かなり上がった(100)</t>
    <phoneticPr fontId="2"/>
  </si>
  <si>
    <t xml:space="preserve">
やや上がった(50)</t>
    <phoneticPr fontId="2"/>
  </si>
  <si>
    <t xml:space="preserve">
やや下がった(-50)</t>
    <phoneticPr fontId="2"/>
  </si>
  <si>
    <t xml:space="preserve">
かなり下がった(-100)</t>
    <phoneticPr fontId="2"/>
  </si>
  <si>
    <t xml:space="preserve">
上がった</t>
    <phoneticPr fontId="2"/>
  </si>
  <si>
    <t xml:space="preserve">
下がった</t>
    <phoneticPr fontId="2"/>
  </si>
  <si>
    <t xml:space="preserve">
かなり上がる(100)</t>
    <phoneticPr fontId="2"/>
  </si>
  <si>
    <t xml:space="preserve">
やや上がる(50)</t>
    <phoneticPr fontId="2"/>
  </si>
  <si>
    <t xml:space="preserve">
やや下がる(-50)</t>
    <phoneticPr fontId="2"/>
  </si>
  <si>
    <t xml:space="preserve">
かなり下がる(-100)</t>
    <phoneticPr fontId="2"/>
  </si>
  <si>
    <t xml:space="preserve">
上がる</t>
    <phoneticPr fontId="2"/>
  </si>
  <si>
    <t xml:space="preserve">
下がる</t>
    <phoneticPr fontId="2"/>
  </si>
  <si>
    <t xml:space="preserve">
当てはまる(100)</t>
    <phoneticPr fontId="2"/>
  </si>
  <si>
    <t xml:space="preserve">
どちらかというと当てはまる(50)</t>
    <phoneticPr fontId="2"/>
  </si>
  <si>
    <t xml:space="preserve">
どちらかというと当てはまらない(-50)</t>
    <phoneticPr fontId="2"/>
  </si>
  <si>
    <t xml:space="preserve">
当てはまらない(-100)</t>
    <phoneticPr fontId="2"/>
  </si>
  <si>
    <t xml:space="preserve">
当てはまる</t>
    <phoneticPr fontId="2"/>
  </si>
  <si>
    <t xml:space="preserve">
当てはまらない</t>
    <phoneticPr fontId="2"/>
  </si>
  <si>
    <t xml:space="preserve">
すぐにでも変わりたい</t>
    <phoneticPr fontId="2"/>
  </si>
  <si>
    <t xml:space="preserve">
いずれは変わりたい</t>
    <phoneticPr fontId="2"/>
  </si>
  <si>
    <t xml:space="preserve">
変わるつもりはない</t>
    <phoneticPr fontId="2"/>
  </si>
  <si>
    <t xml:space="preserve">
変わりたい</t>
    <phoneticPr fontId="2"/>
  </si>
  <si>
    <t xml:space="preserve">
かなり満足</t>
    <phoneticPr fontId="2"/>
  </si>
  <si>
    <t xml:space="preserve">
やや満足</t>
    <phoneticPr fontId="2"/>
  </si>
  <si>
    <t xml:space="preserve">
どちらともいえない</t>
    <phoneticPr fontId="2"/>
  </si>
  <si>
    <t xml:space="preserve">
やや不満</t>
    <phoneticPr fontId="2"/>
  </si>
  <si>
    <t xml:space="preserve">
かなり不満</t>
    <phoneticPr fontId="2"/>
  </si>
  <si>
    <t xml:space="preserve">
満足</t>
    <phoneticPr fontId="2"/>
  </si>
  <si>
    <t xml:space="preserve">
不満</t>
    <phoneticPr fontId="2"/>
  </si>
  <si>
    <t xml:space="preserve">
労働組合がある</t>
    <phoneticPr fontId="2"/>
  </si>
  <si>
    <t xml:space="preserve">
労働組合がない</t>
    <phoneticPr fontId="2"/>
  </si>
  <si>
    <t xml:space="preserve">
労働組合があるかどうかわからない</t>
    <phoneticPr fontId="2"/>
  </si>
  <si>
    <t xml:space="preserve">
勤め先にある労働組合に加入している</t>
    <phoneticPr fontId="2"/>
  </si>
  <si>
    <t xml:space="preserve">
勤め先以外の労働組合に加入している</t>
    <phoneticPr fontId="2"/>
  </si>
  <si>
    <t xml:space="preserve">
現在は加入していないが、過去に加入していた</t>
    <phoneticPr fontId="2"/>
  </si>
  <si>
    <t xml:space="preserve">
加入したことがない</t>
    <phoneticPr fontId="2"/>
  </si>
  <si>
    <t xml:space="preserve">
労組加入</t>
    <phoneticPr fontId="2"/>
  </si>
  <si>
    <t xml:space="preserve">
労組非加入</t>
    <phoneticPr fontId="2"/>
  </si>
  <si>
    <t xml:space="preserve">
加入したい（または加入予定がある）</t>
    <phoneticPr fontId="2"/>
  </si>
  <si>
    <t xml:space="preserve">
声をかけられたら、加入してもよい</t>
    <phoneticPr fontId="2"/>
  </si>
  <si>
    <t xml:space="preserve">
加入したくない</t>
    <phoneticPr fontId="2"/>
  </si>
  <si>
    <t xml:space="preserve">
労働組合は是非必要だ</t>
    <phoneticPr fontId="2"/>
  </si>
  <si>
    <t xml:space="preserve">
労働組合はどちらかというとあった方が良い</t>
    <phoneticPr fontId="2"/>
  </si>
  <si>
    <t xml:space="preserve">
労働組合はあってもなくてもよい</t>
    <phoneticPr fontId="2"/>
  </si>
  <si>
    <t xml:space="preserve">
労働組合はない方がよい</t>
    <phoneticPr fontId="2"/>
  </si>
  <si>
    <t xml:space="preserve">
労組必要</t>
    <phoneticPr fontId="2"/>
  </si>
  <si>
    <t xml:space="preserve">
どちらでもよい</t>
    <phoneticPr fontId="2"/>
  </si>
  <si>
    <t xml:space="preserve">
労組不要</t>
    <phoneticPr fontId="2"/>
  </si>
  <si>
    <t xml:space="preserve">
所定労働時間を超えて働いた</t>
    <phoneticPr fontId="2"/>
  </si>
  <si>
    <t xml:space="preserve">
所定労働時間を超えては働かなかった</t>
    <phoneticPr fontId="2"/>
  </si>
  <si>
    <t xml:space="preserve">
所定労働時間を超えて働いたかどうかわからない</t>
    <phoneticPr fontId="2"/>
  </si>
  <si>
    <t xml:space="preserve">
９月はずっと休業・休暇中または失業中だった</t>
    <phoneticPr fontId="2"/>
  </si>
  <si>
    <t xml:space="preserve">
１５時間未満</t>
    <phoneticPr fontId="2"/>
  </si>
  <si>
    <t xml:space="preserve">
１５時間以上３０時間未満</t>
    <phoneticPr fontId="2"/>
  </si>
  <si>
    <t xml:space="preserve">
３０時間以上４５時間未満</t>
    <phoneticPr fontId="2"/>
  </si>
  <si>
    <t xml:space="preserve">
４５時間以上６０時間未満</t>
    <phoneticPr fontId="2"/>
  </si>
  <si>
    <t xml:space="preserve">
６０時間以上８０時間未満</t>
    <phoneticPr fontId="2"/>
  </si>
  <si>
    <t xml:space="preserve">
８０時間以上１００時間未満</t>
    <phoneticPr fontId="2"/>
  </si>
  <si>
    <t xml:space="preserve">
１００時間以上</t>
    <phoneticPr fontId="2"/>
  </si>
  <si>
    <t xml:space="preserve">
月４５時間未満</t>
    <phoneticPr fontId="2"/>
  </si>
  <si>
    <t xml:space="preserve">
月４５時間以上</t>
    <phoneticPr fontId="2"/>
  </si>
  <si>
    <t xml:space="preserve">
月６０時間未満</t>
    <phoneticPr fontId="2"/>
  </si>
  <si>
    <t xml:space="preserve">
月６０時間以上</t>
    <phoneticPr fontId="2"/>
  </si>
  <si>
    <t xml:space="preserve">
月８０時間未満</t>
    <phoneticPr fontId="2"/>
  </si>
  <si>
    <t xml:space="preserve">
月８０時間以上</t>
    <phoneticPr fontId="2"/>
  </si>
  <si>
    <t xml:space="preserve">
仕事をやりたいと感じることが多かった</t>
    <phoneticPr fontId="2"/>
  </si>
  <si>
    <t xml:space="preserve">
仕事をやりたくないと感じることが多かった</t>
    <phoneticPr fontId="2"/>
  </si>
  <si>
    <t xml:space="preserve">
人手が足りないから</t>
    <phoneticPr fontId="2"/>
  </si>
  <si>
    <t xml:space="preserve">
残業を織り込んだ業務運営となっているから</t>
    <phoneticPr fontId="2"/>
  </si>
  <si>
    <t xml:space="preserve">
突発的な仕事があるから</t>
    <phoneticPr fontId="2"/>
  </si>
  <si>
    <t xml:space="preserve">
自分の仕事の進め方の手際が悪いから</t>
    <phoneticPr fontId="2"/>
  </si>
  <si>
    <t xml:space="preserve">
仕事の指示があいまいだから</t>
    <phoneticPr fontId="2"/>
  </si>
  <si>
    <t xml:space="preserve">
先に帰りづらい雰囲気があるから</t>
    <phoneticPr fontId="2"/>
  </si>
  <si>
    <t xml:space="preserve">
査定に影響するから</t>
    <phoneticPr fontId="2"/>
  </si>
  <si>
    <t xml:space="preserve">
他人からの評価に影響するから</t>
    <phoneticPr fontId="2"/>
  </si>
  <si>
    <t xml:space="preserve">
残業手当を生活の当てにしているから</t>
    <phoneticPr fontId="2"/>
  </si>
  <si>
    <t xml:space="preserve">
自分が納得するように仕事を仕上げたいから</t>
    <phoneticPr fontId="2"/>
  </si>
  <si>
    <t xml:space="preserve">
なんとなく職場にいたいから</t>
    <phoneticPr fontId="2"/>
  </si>
  <si>
    <t xml:space="preserve">
外的要因</t>
    <phoneticPr fontId="2"/>
  </si>
  <si>
    <t xml:space="preserve">
自発的要因</t>
    <phoneticPr fontId="2"/>
  </si>
  <si>
    <t xml:space="preserve">
支給される立場である</t>
    <phoneticPr fontId="2"/>
  </si>
  <si>
    <t xml:space="preserve">
支給される立場ではない</t>
    <phoneticPr fontId="2"/>
  </si>
  <si>
    <t xml:space="preserve">
申告しなかった時間がある</t>
    <phoneticPr fontId="2"/>
  </si>
  <si>
    <t xml:space="preserve">
申告しなかった時間はない</t>
    <phoneticPr fontId="2"/>
  </si>
  <si>
    <t xml:space="preserve">
申告しなかった時間があるかどうかわからない</t>
    <phoneticPr fontId="2"/>
  </si>
  <si>
    <t xml:space="preserve">
所定時間を超えて働かなかった／わからない</t>
    <phoneticPr fontId="2"/>
  </si>
  <si>
    <t xml:space="preserve">
申告する際に、自分自身で調整したから</t>
    <phoneticPr fontId="2"/>
  </si>
  <si>
    <t xml:space="preserve">
申告する際に、上司から調整するように言われたから</t>
    <phoneticPr fontId="2"/>
  </si>
  <si>
    <t xml:space="preserve">
残業手当に限度があるから</t>
    <phoneticPr fontId="2"/>
  </si>
  <si>
    <t xml:space="preserve">
行政に届け出た限度時間に違反するから</t>
    <phoneticPr fontId="2"/>
  </si>
  <si>
    <t xml:space="preserve">
働いた時間どおり申告しづらい雰囲気だから</t>
    <phoneticPr fontId="2"/>
  </si>
  <si>
    <t xml:space="preserve">
なんとなく申告しなかった</t>
    <phoneticPr fontId="2"/>
  </si>
  <si>
    <t xml:space="preserve">
把握している</t>
    <phoneticPr fontId="2"/>
  </si>
  <si>
    <t xml:space="preserve">
把握していない</t>
    <phoneticPr fontId="2"/>
  </si>
  <si>
    <t xml:space="preserve">
全て取得した</t>
    <phoneticPr fontId="2"/>
  </si>
  <si>
    <t xml:space="preserve">
おおよそ取得した</t>
    <phoneticPr fontId="2"/>
  </si>
  <si>
    <t xml:space="preserve">
半分くらい取得した</t>
    <phoneticPr fontId="2"/>
  </si>
  <si>
    <t xml:space="preserve">
あまり取得しなかった</t>
    <phoneticPr fontId="2"/>
  </si>
  <si>
    <t xml:space="preserve">
まったく取得しなかった</t>
    <phoneticPr fontId="2"/>
  </si>
  <si>
    <t xml:space="preserve">
昨年度は働いていない・年次有給休暇の付与無</t>
    <phoneticPr fontId="2"/>
  </si>
  <si>
    <t xml:space="preserve">
している</t>
    <phoneticPr fontId="2"/>
  </si>
  <si>
    <t xml:space="preserve">
していない</t>
    <phoneticPr fontId="2"/>
  </si>
  <si>
    <t xml:space="preserve">
ある</t>
    <phoneticPr fontId="2"/>
  </si>
  <si>
    <t xml:space="preserve">
ない</t>
    <phoneticPr fontId="2"/>
  </si>
  <si>
    <t xml:space="preserve">
通常の労働時間制</t>
    <phoneticPr fontId="2"/>
  </si>
  <si>
    <t xml:space="preserve">
フレックスタイム制</t>
    <phoneticPr fontId="2"/>
  </si>
  <si>
    <t xml:space="preserve">
変形労働時間制</t>
    <phoneticPr fontId="2"/>
  </si>
  <si>
    <t xml:space="preserve">
事業場外みなし労働時間制</t>
    <phoneticPr fontId="2"/>
  </si>
  <si>
    <t xml:space="preserve">
裁量労働制</t>
    <phoneticPr fontId="2"/>
  </si>
  <si>
    <t xml:space="preserve">
労働時間規制の適用除外</t>
    <phoneticPr fontId="2"/>
  </si>
  <si>
    <t xml:space="preserve">
体調を崩した経験がある</t>
    <phoneticPr fontId="2"/>
  </si>
  <si>
    <t xml:space="preserve">
体調を崩した経験はない</t>
    <phoneticPr fontId="2"/>
  </si>
  <si>
    <t xml:space="preserve">
そう思う</t>
    <phoneticPr fontId="2"/>
  </si>
  <si>
    <t xml:space="preserve">
そう思わない</t>
    <phoneticPr fontId="2"/>
  </si>
  <si>
    <t xml:space="preserve">
はい</t>
    <phoneticPr fontId="2"/>
  </si>
  <si>
    <t xml:space="preserve">
いいえ</t>
    <phoneticPr fontId="2"/>
  </si>
  <si>
    <t>数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0_ "/>
  </numFmts>
  <fonts count="9" x14ac:knownFonts="1">
    <font>
      <sz val="11"/>
      <name val="ＭＳ Ｐゴシック"/>
      <family val="3"/>
      <charset val="128"/>
    </font>
    <font>
      <b/>
      <sz val="9"/>
      <name val="ＭＳ Ｐゴシック"/>
      <family val="3"/>
      <charset val="128"/>
    </font>
    <font>
      <sz val="6"/>
      <name val="ＭＳ Ｐゴシック"/>
      <family val="3"/>
      <charset val="128"/>
    </font>
    <font>
      <b/>
      <sz val="12"/>
      <name val="ＭＳ Ｐゴシック"/>
      <family val="3"/>
      <charset val="128"/>
    </font>
    <font>
      <sz val="12"/>
      <name val="ＭＳ Ｐゴシック"/>
      <family val="3"/>
      <charset val="128"/>
    </font>
    <font>
      <sz val="9"/>
      <name val="ＭＳ Ｐゴシック"/>
      <family val="3"/>
      <charset val="128"/>
    </font>
    <font>
      <u/>
      <sz val="11"/>
      <color theme="10"/>
      <name val="ＭＳ Ｐゴシック"/>
      <family val="3"/>
      <charset val="128"/>
    </font>
    <font>
      <u/>
      <sz val="9"/>
      <color theme="10"/>
      <name val="ＭＳ Ｐゴシック"/>
      <family val="3"/>
      <charset val="128"/>
    </font>
    <font>
      <sz val="9"/>
      <name val="Arial"/>
      <family val="2"/>
    </font>
  </fonts>
  <fills count="3">
    <fill>
      <patternFill patternType="none"/>
    </fill>
    <fill>
      <patternFill patternType="gray125"/>
    </fill>
    <fill>
      <patternFill patternType="solid">
        <fgColor indexed="43"/>
        <bgColor indexed="64"/>
      </patternFill>
    </fill>
  </fills>
  <borders count="35">
    <border>
      <left/>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top style="hair">
        <color indexed="64"/>
      </top>
      <bottom style="thin">
        <color auto="1"/>
      </bottom>
      <diagonal/>
    </border>
    <border>
      <left style="hair">
        <color indexed="64"/>
      </left>
      <right style="hair">
        <color indexed="64"/>
      </right>
      <top style="hair">
        <color indexed="64"/>
      </top>
      <bottom style="thin">
        <color auto="1"/>
      </bottom>
      <diagonal/>
    </border>
    <border>
      <left/>
      <right style="thin">
        <color indexed="64"/>
      </right>
      <top style="hair">
        <color indexed="64"/>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auto="1"/>
      </top>
      <bottom style="hair">
        <color indexed="64"/>
      </bottom>
      <diagonal/>
    </border>
    <border>
      <left style="hair">
        <color indexed="64"/>
      </left>
      <right style="hair">
        <color indexed="64"/>
      </right>
      <top style="thin">
        <color auto="1"/>
      </top>
      <bottom style="hair">
        <color indexed="64"/>
      </bottom>
      <diagonal/>
    </border>
    <border>
      <left style="hair">
        <color indexed="64"/>
      </left>
      <right style="thin">
        <color indexed="64"/>
      </right>
      <top style="thin">
        <color auto="1"/>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style="thin">
        <color indexed="64"/>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s>
  <cellStyleXfs count="2">
    <xf numFmtId="0" fontId="0" fillId="0" borderId="0">
      <alignment vertical="center"/>
    </xf>
    <xf numFmtId="0" fontId="6" fillId="0" borderId="0" applyNumberFormat="0" applyFill="0" applyBorder="0" applyAlignment="0" applyProtection="0">
      <alignment vertical="center"/>
    </xf>
  </cellStyleXfs>
  <cellXfs count="78">
    <xf numFmtId="0" fontId="0" fillId="0" borderId="0" xfId="0">
      <alignment vertical="center"/>
    </xf>
    <xf numFmtId="0" fontId="1" fillId="0" borderId="0" xfId="0" applyFont="1" applyAlignment="1">
      <alignment vertical="center" wrapText="1"/>
    </xf>
    <xf numFmtId="0" fontId="4" fillId="0" borderId="0" xfId="0" applyFont="1">
      <alignment vertical="center"/>
    </xf>
    <xf numFmtId="0" fontId="5" fillId="0" borderId="0" xfId="0" applyFont="1" applyAlignment="1">
      <alignment horizontal="left" vertical="center"/>
    </xf>
    <xf numFmtId="0" fontId="5" fillId="0" borderId="0" xfId="0" applyFont="1">
      <alignment vertical="center"/>
    </xf>
    <xf numFmtId="0" fontId="5" fillId="0" borderId="0" xfId="0" applyFont="1" applyAlignment="1">
      <alignment vertical="center" wrapText="1"/>
    </xf>
    <xf numFmtId="0" fontId="0" fillId="0" borderId="0" xfId="0" applyAlignment="1">
      <alignment horizontal="right" vertical="center"/>
    </xf>
    <xf numFmtId="0" fontId="5" fillId="0" borderId="0" xfId="0" applyFont="1" applyAlignment="1">
      <alignment horizontal="right" vertical="center"/>
    </xf>
    <xf numFmtId="0" fontId="3" fillId="0" borderId="0" xfId="0" applyFont="1">
      <alignment vertical="center"/>
    </xf>
    <xf numFmtId="0" fontId="3" fillId="0" borderId="0" xfId="0" applyFont="1" applyAlignment="1">
      <alignment horizontal="left" vertical="center"/>
    </xf>
    <xf numFmtId="0" fontId="3" fillId="0" borderId="0" xfId="0" applyFont="1" applyAlignment="1">
      <alignment horizontal="right" vertical="center"/>
    </xf>
    <xf numFmtId="0" fontId="1" fillId="2" borderId="1" xfId="0" applyFont="1" applyFill="1" applyBorder="1">
      <alignment vertical="center"/>
    </xf>
    <xf numFmtId="0" fontId="1" fillId="2" borderId="2" xfId="0" applyFont="1" applyFill="1" applyBorder="1">
      <alignment vertical="center"/>
    </xf>
    <xf numFmtId="0" fontId="1" fillId="2" borderId="3" xfId="0" applyFont="1" applyFill="1" applyBorder="1">
      <alignment vertical="center"/>
    </xf>
    <xf numFmtId="0" fontId="1" fillId="0" borderId="4" xfId="0" applyFont="1" applyBorder="1">
      <alignment vertical="center"/>
    </xf>
    <xf numFmtId="0" fontId="1" fillId="0" borderId="7" xfId="0" applyFont="1" applyBorder="1" applyAlignment="1">
      <alignment vertical="center" wrapText="1"/>
    </xf>
    <xf numFmtId="49" fontId="1" fillId="0" borderId="8" xfId="0" applyNumberFormat="1" applyFont="1" applyBorder="1" applyAlignment="1">
      <alignment horizontal="right" vertical="center" wrapText="1"/>
    </xf>
    <xf numFmtId="0" fontId="5" fillId="0" borderId="9" xfId="0" applyFont="1" applyBorder="1" applyAlignment="1">
      <alignment vertical="center" wrapText="1"/>
    </xf>
    <xf numFmtId="0" fontId="1" fillId="0" borderId="10" xfId="0" applyFont="1" applyBorder="1" applyAlignment="1">
      <alignment vertical="center" wrapText="1"/>
    </xf>
    <xf numFmtId="0" fontId="5" fillId="0" borderId="11" xfId="0" applyFont="1" applyBorder="1" applyAlignment="1">
      <alignment vertical="center" wrapText="1"/>
    </xf>
    <xf numFmtId="0" fontId="1" fillId="0" borderId="14" xfId="0" applyFont="1" applyBorder="1" applyAlignment="1">
      <alignment vertical="center" wrapText="1"/>
    </xf>
    <xf numFmtId="0" fontId="1" fillId="0" borderId="15" xfId="0" applyFont="1" applyBorder="1" applyAlignment="1">
      <alignment horizontal="left" vertical="center" wrapText="1"/>
    </xf>
    <xf numFmtId="0" fontId="1" fillId="0" borderId="16" xfId="0" applyFont="1" applyBorder="1" applyAlignment="1">
      <alignment vertical="center" wrapText="1"/>
    </xf>
    <xf numFmtId="0" fontId="1" fillId="0" borderId="17" xfId="0" applyFont="1" applyBorder="1" applyAlignment="1">
      <alignment horizontal="left" vertical="center" wrapText="1"/>
    </xf>
    <xf numFmtId="0" fontId="5" fillId="0" borderId="18" xfId="0" applyFont="1" applyBorder="1" applyAlignment="1">
      <alignment vertical="center" wrapText="1"/>
    </xf>
    <xf numFmtId="0" fontId="7" fillId="0" borderId="0" xfId="1" applyFont="1" applyAlignment="1">
      <alignment vertical="center" wrapText="1"/>
    </xf>
    <xf numFmtId="0" fontId="7" fillId="0" borderId="0" xfId="1" applyFont="1">
      <alignment vertical="center"/>
    </xf>
    <xf numFmtId="49" fontId="1" fillId="0" borderId="8" xfId="0" quotePrefix="1" applyNumberFormat="1" applyFont="1" applyBorder="1" applyAlignment="1">
      <alignment horizontal="right" vertical="center" wrapText="1"/>
    </xf>
    <xf numFmtId="0" fontId="1" fillId="0" borderId="19" xfId="0" applyFont="1" applyBorder="1" applyAlignment="1">
      <alignment vertical="center" wrapText="1"/>
    </xf>
    <xf numFmtId="49" fontId="1" fillId="0" borderId="20" xfId="0" quotePrefix="1" applyNumberFormat="1" applyFont="1" applyBorder="1" applyAlignment="1">
      <alignment horizontal="right" vertical="center" wrapText="1"/>
    </xf>
    <xf numFmtId="0" fontId="5" fillId="0" borderId="21" xfId="0" applyFont="1" applyBorder="1" applyAlignment="1">
      <alignment vertical="center" wrapText="1"/>
    </xf>
    <xf numFmtId="0" fontId="5" fillId="0" borderId="0" xfId="0" applyFont="1" applyAlignment="1">
      <alignment horizontal="center" vertical="center" wrapText="1"/>
    </xf>
    <xf numFmtId="0" fontId="0" fillId="0" borderId="0" xfId="0" applyAlignment="1">
      <alignment horizontal="center" vertical="center" wrapText="1"/>
    </xf>
    <xf numFmtId="49" fontId="5" fillId="0" borderId="0" xfId="0" applyNumberFormat="1" applyFont="1" applyAlignment="1">
      <alignment horizontal="center" wrapText="1"/>
    </xf>
    <xf numFmtId="49" fontId="0" fillId="0" borderId="0" xfId="0" applyNumberFormat="1" applyAlignment="1">
      <alignment horizontal="center" vertical="center" wrapText="1"/>
    </xf>
    <xf numFmtId="49" fontId="8" fillId="0" borderId="0" xfId="0" applyNumberFormat="1" applyFont="1" applyAlignment="1">
      <alignment horizontal="left" vertical="top" wrapText="1"/>
    </xf>
    <xf numFmtId="49" fontId="5" fillId="0" borderId="23" xfId="0" applyNumberFormat="1" applyFont="1" applyBorder="1" applyAlignment="1">
      <alignment horizontal="center" vertical="center" wrapText="1"/>
    </xf>
    <xf numFmtId="49" fontId="5" fillId="0" borderId="24" xfId="0" applyNumberFormat="1" applyFont="1" applyBorder="1" applyAlignment="1">
      <alignment horizontal="center" vertical="center" wrapText="1"/>
    </xf>
    <xf numFmtId="49" fontId="5" fillId="0" borderId="25" xfId="0" applyNumberFormat="1" applyFont="1" applyBorder="1" applyAlignment="1">
      <alignment vertical="center" wrapText="1"/>
    </xf>
    <xf numFmtId="49" fontId="5" fillId="0" borderId="7" xfId="0" applyNumberFormat="1" applyFont="1" applyBorder="1" applyAlignment="1">
      <alignment vertical="center" wrapText="1"/>
    </xf>
    <xf numFmtId="49" fontId="5" fillId="0" borderId="28" xfId="0" applyNumberFormat="1" applyFont="1" applyBorder="1" applyAlignment="1">
      <alignment vertical="center" wrapText="1"/>
    </xf>
    <xf numFmtId="49" fontId="5" fillId="2" borderId="25" xfId="0" applyNumberFormat="1" applyFont="1" applyFill="1" applyBorder="1" applyAlignment="1">
      <alignment vertical="center" wrapText="1"/>
    </xf>
    <xf numFmtId="176" fontId="8" fillId="2" borderId="26" xfId="0" applyNumberFormat="1" applyFont="1" applyFill="1" applyBorder="1">
      <alignment vertical="center"/>
    </xf>
    <xf numFmtId="177" fontId="8" fillId="2" borderId="26" xfId="0" applyNumberFormat="1" applyFont="1" applyFill="1" applyBorder="1">
      <alignment vertical="center"/>
    </xf>
    <xf numFmtId="177" fontId="8" fillId="2" borderId="27" xfId="0" applyNumberFormat="1" applyFont="1" applyFill="1" applyBorder="1">
      <alignment vertical="center"/>
    </xf>
    <xf numFmtId="176" fontId="8" fillId="0" borderId="8" xfId="0" applyNumberFormat="1" applyFont="1" applyBorder="1">
      <alignment vertical="center"/>
    </xf>
    <xf numFmtId="177" fontId="8" fillId="0" borderId="8" xfId="0" applyNumberFormat="1" applyFont="1" applyBorder="1">
      <alignment vertical="center"/>
    </xf>
    <xf numFmtId="177" fontId="8" fillId="0" borderId="9" xfId="0" applyNumberFormat="1" applyFont="1" applyBorder="1">
      <alignment vertical="center"/>
    </xf>
    <xf numFmtId="176" fontId="8" fillId="0" borderId="29" xfId="0" applyNumberFormat="1" applyFont="1" applyBorder="1">
      <alignment vertical="center"/>
    </xf>
    <xf numFmtId="177" fontId="8" fillId="0" borderId="29" xfId="0" applyNumberFormat="1" applyFont="1" applyBorder="1">
      <alignment vertical="center"/>
    </xf>
    <xf numFmtId="177" fontId="8" fillId="0" borderId="30" xfId="0" applyNumberFormat="1" applyFont="1" applyBorder="1">
      <alignment vertical="center"/>
    </xf>
    <xf numFmtId="176" fontId="8" fillId="0" borderId="26" xfId="0" applyNumberFormat="1" applyFont="1" applyBorder="1">
      <alignment vertical="center"/>
    </xf>
    <xf numFmtId="177" fontId="8" fillId="0" borderId="26" xfId="0" applyNumberFormat="1" applyFont="1" applyBorder="1">
      <alignment vertical="center"/>
    </xf>
    <xf numFmtId="177" fontId="8" fillId="0" borderId="27" xfId="0" applyNumberFormat="1" applyFont="1" applyBorder="1">
      <alignment vertical="center"/>
    </xf>
    <xf numFmtId="0" fontId="8" fillId="0" borderId="0" xfId="0" applyFont="1" applyAlignment="1">
      <alignment horizontal="left" vertical="top" wrapText="1"/>
    </xf>
    <xf numFmtId="49" fontId="5" fillId="0" borderId="31" xfId="0" applyNumberFormat="1" applyFont="1" applyBorder="1" applyAlignment="1">
      <alignment horizontal="center" vertical="center" wrapText="1"/>
    </xf>
    <xf numFmtId="0" fontId="5" fillId="0" borderId="31" xfId="0" applyFont="1" applyBorder="1" applyAlignment="1">
      <alignment horizontal="center" vertical="center" wrapText="1"/>
    </xf>
    <xf numFmtId="0" fontId="5" fillId="0" borderId="24" xfId="0" applyFont="1" applyBorder="1" applyAlignment="1">
      <alignment horizontal="center" vertical="center" wrapText="1"/>
    </xf>
    <xf numFmtId="176" fontId="8" fillId="2" borderId="27" xfId="0" applyNumberFormat="1" applyFont="1" applyFill="1" applyBorder="1">
      <alignment vertical="center"/>
    </xf>
    <xf numFmtId="176" fontId="8" fillId="0" borderId="9" xfId="0" applyNumberFormat="1" applyFont="1" applyBorder="1">
      <alignment vertical="center"/>
    </xf>
    <xf numFmtId="176" fontId="8" fillId="0" borderId="30" xfId="0" applyNumberFormat="1" applyFont="1" applyBorder="1">
      <alignment vertical="center"/>
    </xf>
    <xf numFmtId="176" fontId="8" fillId="0" borderId="27" xfId="0" applyNumberFormat="1" applyFont="1" applyBorder="1">
      <alignment vertical="center"/>
    </xf>
    <xf numFmtId="0" fontId="5" fillId="2" borderId="32" xfId="0" applyFont="1" applyFill="1" applyBorder="1">
      <alignment vertical="center"/>
    </xf>
    <xf numFmtId="0" fontId="1" fillId="2" borderId="33" xfId="0" applyFont="1" applyFill="1" applyBorder="1" applyAlignment="1">
      <alignment vertical="center" wrapText="1"/>
    </xf>
    <xf numFmtId="0" fontId="5" fillId="2" borderId="34" xfId="0" applyFont="1" applyFill="1" applyBorder="1">
      <alignment vertical="center"/>
    </xf>
    <xf numFmtId="0" fontId="7" fillId="0" borderId="7" xfId="1" applyFont="1" applyBorder="1">
      <alignment vertical="center"/>
    </xf>
    <xf numFmtId="0" fontId="1" fillId="0" borderId="8" xfId="0" applyFont="1" applyBorder="1" applyAlignment="1">
      <alignment vertical="center" wrapText="1"/>
    </xf>
    <xf numFmtId="0" fontId="7" fillId="0" borderId="28" xfId="1" applyFont="1" applyBorder="1">
      <alignment vertical="center"/>
    </xf>
    <xf numFmtId="0" fontId="1" fillId="0" borderId="29" xfId="0" applyFont="1" applyBorder="1" applyAlignment="1">
      <alignment vertical="center" wrapText="1"/>
    </xf>
    <xf numFmtId="0" fontId="5" fillId="0" borderId="30" xfId="0" applyFont="1" applyBorder="1" applyAlignment="1">
      <alignment vertical="center" wrapText="1"/>
    </xf>
    <xf numFmtId="0" fontId="3" fillId="0" borderId="0" xfId="0" applyFont="1" applyAlignment="1">
      <alignment horizontal="left" vertical="center" wrapText="1"/>
    </xf>
    <xf numFmtId="0" fontId="1" fillId="0" borderId="5" xfId="0" applyFont="1" applyBorder="1" applyAlignment="1">
      <alignment horizontal="left" vertical="center" wrapText="1"/>
    </xf>
    <xf numFmtId="0" fontId="1" fillId="0" borderId="6" xfId="0" applyFont="1" applyBorder="1" applyAlignment="1">
      <alignment horizontal="left" vertical="center" wrapText="1"/>
    </xf>
    <xf numFmtId="0" fontId="1" fillId="0" borderId="12" xfId="0" applyFont="1" applyBorder="1" applyAlignment="1">
      <alignment horizontal="left" vertical="center"/>
    </xf>
    <xf numFmtId="0" fontId="1" fillId="0" borderId="13" xfId="0" applyFont="1" applyBorder="1" applyAlignment="1">
      <alignment horizontal="left" vertical="center"/>
    </xf>
    <xf numFmtId="0" fontId="1" fillId="0" borderId="0" xfId="0" applyFont="1" applyAlignment="1">
      <alignment horizontal="left" vertical="center" shrinkToFit="1"/>
    </xf>
    <xf numFmtId="0" fontId="0" fillId="0" borderId="0" xfId="0" applyAlignment="1">
      <alignment horizontal="left" vertical="center" shrinkToFit="1"/>
    </xf>
    <xf numFmtId="0" fontId="5" fillId="0" borderId="22" xfId="0" applyFont="1" applyBorder="1" applyAlignment="1">
      <alignment horizontal="center" vertical="center" wrapText="1"/>
    </xf>
  </cellXfs>
  <cellStyles count="2">
    <cellStyle name="ハイパーリンク" xfId="1" builtinId="8"/>
    <cellStyle name="標準" xfId="0" builtinId="0"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90000"/>
      <rgbColor rgb="0030CA00"/>
      <rgbColor rgb="000000FF"/>
      <rgbColor rgb="00FFE600"/>
      <rgbColor rgb="00FF4650"/>
      <rgbColor rgb="0094FFFF"/>
      <rgbColor rgb="00800000"/>
      <rgbColor rgb="00006600"/>
      <rgbColor rgb="0027238C"/>
      <rgbColor rgb="00808000"/>
      <rgbColor rgb="00800080"/>
      <rgbColor rgb="00008080"/>
      <rgbColor rgb="00B2B2B2"/>
      <rgbColor rgb="00808080"/>
      <rgbColor rgb="0099D140"/>
      <rgbColor rgb="0030CA00"/>
      <rgbColor rgb="00006600"/>
      <rgbColor rgb="00FFFF99"/>
      <rgbColor rgb="00FFCC99"/>
      <rgbColor rgb="00F5C619"/>
      <rgbColor rgb="00FF7F00"/>
      <rgbColor rgb="00FF3200"/>
      <rgbColor rgb="00FF99CC"/>
      <rgbColor rgb="00FF4650"/>
      <rgbColor rgb="00D90000"/>
      <rgbColor rgb="00CCFFFF"/>
      <rgbColor rgb="0099CCFF"/>
      <rgbColor rgb="0033CCCC"/>
      <rgbColor rgb="003366FF"/>
      <rgbColor rgb="0027238C"/>
      <rgbColor rgb="0000CCFF"/>
      <rgbColor rgb="00CCFFFF"/>
      <rgbColor rgb="00CCFFCC"/>
      <rgbColor rgb="00FFFF99"/>
      <rgbColor rgb="0099CCFF"/>
      <rgbColor rgb="00FF99CC"/>
      <rgbColor rgb="00CC99FF"/>
      <rgbColor rgb="00FFCC99"/>
      <rgbColor rgb="003366FF"/>
      <rgbColor rgb="0033CCCC"/>
      <rgbColor rgb="0099D140"/>
      <rgbColor rgb="00F5C619"/>
      <rgbColor rgb="00FF7F00"/>
      <rgbColor rgb="00FF3200"/>
      <rgbColor rgb="00688CC0"/>
      <rgbColor rgb="00969696"/>
      <rgbColor rgb="00002244"/>
      <rgbColor rgb="00339966"/>
      <rgbColor rgb="00003300"/>
      <rgbColor rgb="00333300"/>
      <rgbColor rgb="00993300"/>
      <rgbColor rgb="00CC3399"/>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D65066-76C6-486E-9CB4-CBF30FDDE768}">
  <dimension ref="A1:C127"/>
  <sheetViews>
    <sheetView showGridLines="0" tabSelected="1" zoomScaleNormal="100" workbookViewId="0"/>
  </sheetViews>
  <sheetFormatPr defaultColWidth="9" defaultRowHeight="10.8" x14ac:dyDescent="0.2"/>
  <cols>
    <col min="1" max="1" width="5.109375" style="4" customWidth="1"/>
    <col min="2" max="2" width="75.6640625" style="1" customWidth="1"/>
    <col min="3" max="3" width="75.6640625" style="5" customWidth="1"/>
    <col min="4" max="255" width="9" style="4"/>
    <col min="256" max="256" width="5.109375" style="4" customWidth="1"/>
    <col min="257" max="257" width="11.44140625" style="4" customWidth="1"/>
    <col min="258" max="259" width="75.6640625" style="4" customWidth="1"/>
    <col min="260" max="511" width="9" style="4"/>
    <col min="512" max="512" width="5.109375" style="4" customWidth="1"/>
    <col min="513" max="513" width="11.44140625" style="4" customWidth="1"/>
    <col min="514" max="515" width="75.6640625" style="4" customWidth="1"/>
    <col min="516" max="767" width="9" style="4"/>
    <col min="768" max="768" width="5.109375" style="4" customWidth="1"/>
    <col min="769" max="769" width="11.44140625" style="4" customWidth="1"/>
    <col min="770" max="771" width="75.6640625" style="4" customWidth="1"/>
    <col min="772" max="1023" width="9" style="4"/>
    <col min="1024" max="1024" width="5.109375" style="4" customWidth="1"/>
    <col min="1025" max="1025" width="11.44140625" style="4" customWidth="1"/>
    <col min="1026" max="1027" width="75.6640625" style="4" customWidth="1"/>
    <col min="1028" max="1279" width="9" style="4"/>
    <col min="1280" max="1280" width="5.109375" style="4" customWidth="1"/>
    <col min="1281" max="1281" width="11.44140625" style="4" customWidth="1"/>
    <col min="1282" max="1283" width="75.6640625" style="4" customWidth="1"/>
    <col min="1284" max="1535" width="9" style="4"/>
    <col min="1536" max="1536" width="5.109375" style="4" customWidth="1"/>
    <col min="1537" max="1537" width="11.44140625" style="4" customWidth="1"/>
    <col min="1538" max="1539" width="75.6640625" style="4" customWidth="1"/>
    <col min="1540" max="1791" width="9" style="4"/>
    <col min="1792" max="1792" width="5.109375" style="4" customWidth="1"/>
    <col min="1793" max="1793" width="11.44140625" style="4" customWidth="1"/>
    <col min="1794" max="1795" width="75.6640625" style="4" customWidth="1"/>
    <col min="1796" max="2047" width="9" style="4"/>
    <col min="2048" max="2048" width="5.109375" style="4" customWidth="1"/>
    <col min="2049" max="2049" width="11.44140625" style="4" customWidth="1"/>
    <col min="2050" max="2051" width="75.6640625" style="4" customWidth="1"/>
    <col min="2052" max="2303" width="9" style="4"/>
    <col min="2304" max="2304" width="5.109375" style="4" customWidth="1"/>
    <col min="2305" max="2305" width="11.44140625" style="4" customWidth="1"/>
    <col min="2306" max="2307" width="75.6640625" style="4" customWidth="1"/>
    <col min="2308" max="2559" width="9" style="4"/>
    <col min="2560" max="2560" width="5.109375" style="4" customWidth="1"/>
    <col min="2561" max="2561" width="11.44140625" style="4" customWidth="1"/>
    <col min="2562" max="2563" width="75.6640625" style="4" customWidth="1"/>
    <col min="2564" max="2815" width="9" style="4"/>
    <col min="2816" max="2816" width="5.109375" style="4" customWidth="1"/>
    <col min="2817" max="2817" width="11.44140625" style="4" customWidth="1"/>
    <col min="2818" max="2819" width="75.6640625" style="4" customWidth="1"/>
    <col min="2820" max="3071" width="9" style="4"/>
    <col min="3072" max="3072" width="5.109375" style="4" customWidth="1"/>
    <col min="3073" max="3073" width="11.44140625" style="4" customWidth="1"/>
    <col min="3074" max="3075" width="75.6640625" style="4" customWidth="1"/>
    <col min="3076" max="3327" width="9" style="4"/>
    <col min="3328" max="3328" width="5.109375" style="4" customWidth="1"/>
    <col min="3329" max="3329" width="11.44140625" style="4" customWidth="1"/>
    <col min="3330" max="3331" width="75.6640625" style="4" customWidth="1"/>
    <col min="3332" max="3583" width="9" style="4"/>
    <col min="3584" max="3584" width="5.109375" style="4" customWidth="1"/>
    <col min="3585" max="3585" width="11.44140625" style="4" customWidth="1"/>
    <col min="3586" max="3587" width="75.6640625" style="4" customWidth="1"/>
    <col min="3588" max="3839" width="9" style="4"/>
    <col min="3840" max="3840" width="5.109375" style="4" customWidth="1"/>
    <col min="3841" max="3841" width="11.44140625" style="4" customWidth="1"/>
    <col min="3842" max="3843" width="75.6640625" style="4" customWidth="1"/>
    <col min="3844" max="4095" width="9" style="4"/>
    <col min="4096" max="4096" width="5.109375" style="4" customWidth="1"/>
    <col min="4097" max="4097" width="11.44140625" style="4" customWidth="1"/>
    <col min="4098" max="4099" width="75.6640625" style="4" customWidth="1"/>
    <col min="4100" max="4351" width="9" style="4"/>
    <col min="4352" max="4352" width="5.109375" style="4" customWidth="1"/>
    <col min="4353" max="4353" width="11.44140625" style="4" customWidth="1"/>
    <col min="4354" max="4355" width="75.6640625" style="4" customWidth="1"/>
    <col min="4356" max="4607" width="9" style="4"/>
    <col min="4608" max="4608" width="5.109375" style="4" customWidth="1"/>
    <col min="4609" max="4609" width="11.44140625" style="4" customWidth="1"/>
    <col min="4610" max="4611" width="75.6640625" style="4" customWidth="1"/>
    <col min="4612" max="4863" width="9" style="4"/>
    <col min="4864" max="4864" width="5.109375" style="4" customWidth="1"/>
    <col min="4865" max="4865" width="11.44140625" style="4" customWidth="1"/>
    <col min="4866" max="4867" width="75.6640625" style="4" customWidth="1"/>
    <col min="4868" max="5119" width="9" style="4"/>
    <col min="5120" max="5120" width="5.109375" style="4" customWidth="1"/>
    <col min="5121" max="5121" width="11.44140625" style="4" customWidth="1"/>
    <col min="5122" max="5123" width="75.6640625" style="4" customWidth="1"/>
    <col min="5124" max="5375" width="9" style="4"/>
    <col min="5376" max="5376" width="5.109375" style="4" customWidth="1"/>
    <col min="5377" max="5377" width="11.44140625" style="4" customWidth="1"/>
    <col min="5378" max="5379" width="75.6640625" style="4" customWidth="1"/>
    <col min="5380" max="5631" width="9" style="4"/>
    <col min="5632" max="5632" width="5.109375" style="4" customWidth="1"/>
    <col min="5633" max="5633" width="11.44140625" style="4" customWidth="1"/>
    <col min="5634" max="5635" width="75.6640625" style="4" customWidth="1"/>
    <col min="5636" max="5887" width="9" style="4"/>
    <col min="5888" max="5888" width="5.109375" style="4" customWidth="1"/>
    <col min="5889" max="5889" width="11.44140625" style="4" customWidth="1"/>
    <col min="5890" max="5891" width="75.6640625" style="4" customWidth="1"/>
    <col min="5892" max="6143" width="9" style="4"/>
    <col min="6144" max="6144" width="5.109375" style="4" customWidth="1"/>
    <col min="6145" max="6145" width="11.44140625" style="4" customWidth="1"/>
    <col min="6146" max="6147" width="75.6640625" style="4" customWidth="1"/>
    <col min="6148" max="6399" width="9" style="4"/>
    <col min="6400" max="6400" width="5.109375" style="4" customWidth="1"/>
    <col min="6401" max="6401" width="11.44140625" style="4" customWidth="1"/>
    <col min="6402" max="6403" width="75.6640625" style="4" customWidth="1"/>
    <col min="6404" max="6655" width="9" style="4"/>
    <col min="6656" max="6656" width="5.109375" style="4" customWidth="1"/>
    <col min="6657" max="6657" width="11.44140625" style="4" customWidth="1"/>
    <col min="6658" max="6659" width="75.6640625" style="4" customWidth="1"/>
    <col min="6660" max="6911" width="9" style="4"/>
    <col min="6912" max="6912" width="5.109375" style="4" customWidth="1"/>
    <col min="6913" max="6913" width="11.44140625" style="4" customWidth="1"/>
    <col min="6914" max="6915" width="75.6640625" style="4" customWidth="1"/>
    <col min="6916" max="7167" width="9" style="4"/>
    <col min="7168" max="7168" width="5.109375" style="4" customWidth="1"/>
    <col min="7169" max="7169" width="11.44140625" style="4" customWidth="1"/>
    <col min="7170" max="7171" width="75.6640625" style="4" customWidth="1"/>
    <col min="7172" max="7423" width="9" style="4"/>
    <col min="7424" max="7424" width="5.109375" style="4" customWidth="1"/>
    <col min="7425" max="7425" width="11.44140625" style="4" customWidth="1"/>
    <col min="7426" max="7427" width="75.6640625" style="4" customWidth="1"/>
    <col min="7428" max="7679" width="9" style="4"/>
    <col min="7680" max="7680" width="5.109375" style="4" customWidth="1"/>
    <col min="7681" max="7681" width="11.44140625" style="4" customWidth="1"/>
    <col min="7682" max="7683" width="75.6640625" style="4" customWidth="1"/>
    <col min="7684" max="7935" width="9" style="4"/>
    <col min="7936" max="7936" width="5.109375" style="4" customWidth="1"/>
    <col min="7937" max="7937" width="11.44140625" style="4" customWidth="1"/>
    <col min="7938" max="7939" width="75.6640625" style="4" customWidth="1"/>
    <col min="7940" max="8191" width="9" style="4"/>
    <col min="8192" max="8192" width="5.109375" style="4" customWidth="1"/>
    <col min="8193" max="8193" width="11.44140625" style="4" customWidth="1"/>
    <col min="8194" max="8195" width="75.6640625" style="4" customWidth="1"/>
    <col min="8196" max="8447" width="9" style="4"/>
    <col min="8448" max="8448" width="5.109375" style="4" customWidth="1"/>
    <col min="8449" max="8449" width="11.44140625" style="4" customWidth="1"/>
    <col min="8450" max="8451" width="75.6640625" style="4" customWidth="1"/>
    <col min="8452" max="8703" width="9" style="4"/>
    <col min="8704" max="8704" width="5.109375" style="4" customWidth="1"/>
    <col min="8705" max="8705" width="11.44140625" style="4" customWidth="1"/>
    <col min="8706" max="8707" width="75.6640625" style="4" customWidth="1"/>
    <col min="8708" max="8959" width="9" style="4"/>
    <col min="8960" max="8960" width="5.109375" style="4" customWidth="1"/>
    <col min="8961" max="8961" width="11.44140625" style="4" customWidth="1"/>
    <col min="8962" max="8963" width="75.6640625" style="4" customWidth="1"/>
    <col min="8964" max="9215" width="9" style="4"/>
    <col min="9216" max="9216" width="5.109375" style="4" customWidth="1"/>
    <col min="9217" max="9217" width="11.44140625" style="4" customWidth="1"/>
    <col min="9218" max="9219" width="75.6640625" style="4" customWidth="1"/>
    <col min="9220" max="9471" width="9" style="4"/>
    <col min="9472" max="9472" width="5.109375" style="4" customWidth="1"/>
    <col min="9473" max="9473" width="11.44140625" style="4" customWidth="1"/>
    <col min="9474" max="9475" width="75.6640625" style="4" customWidth="1"/>
    <col min="9476" max="9727" width="9" style="4"/>
    <col min="9728" max="9728" width="5.109375" style="4" customWidth="1"/>
    <col min="9729" max="9729" width="11.44140625" style="4" customWidth="1"/>
    <col min="9730" max="9731" width="75.6640625" style="4" customWidth="1"/>
    <col min="9732" max="9983" width="9" style="4"/>
    <col min="9984" max="9984" width="5.109375" style="4" customWidth="1"/>
    <col min="9985" max="9985" width="11.44140625" style="4" customWidth="1"/>
    <col min="9986" max="9987" width="75.6640625" style="4" customWidth="1"/>
    <col min="9988" max="10239" width="9" style="4"/>
    <col min="10240" max="10240" width="5.109375" style="4" customWidth="1"/>
    <col min="10241" max="10241" width="11.44140625" style="4" customWidth="1"/>
    <col min="10242" max="10243" width="75.6640625" style="4" customWidth="1"/>
    <col min="10244" max="10495" width="9" style="4"/>
    <col min="10496" max="10496" width="5.109375" style="4" customWidth="1"/>
    <col min="10497" max="10497" width="11.44140625" style="4" customWidth="1"/>
    <col min="10498" max="10499" width="75.6640625" style="4" customWidth="1"/>
    <col min="10500" max="10751" width="9" style="4"/>
    <col min="10752" max="10752" width="5.109375" style="4" customWidth="1"/>
    <col min="10753" max="10753" width="11.44140625" style="4" customWidth="1"/>
    <col min="10754" max="10755" width="75.6640625" style="4" customWidth="1"/>
    <col min="10756" max="11007" width="9" style="4"/>
    <col min="11008" max="11008" width="5.109375" style="4" customWidth="1"/>
    <col min="11009" max="11009" width="11.44140625" style="4" customWidth="1"/>
    <col min="11010" max="11011" width="75.6640625" style="4" customWidth="1"/>
    <col min="11012" max="11263" width="9" style="4"/>
    <col min="11264" max="11264" width="5.109375" style="4" customWidth="1"/>
    <col min="11265" max="11265" width="11.44140625" style="4" customWidth="1"/>
    <col min="11266" max="11267" width="75.6640625" style="4" customWidth="1"/>
    <col min="11268" max="11519" width="9" style="4"/>
    <col min="11520" max="11520" width="5.109375" style="4" customWidth="1"/>
    <col min="11521" max="11521" width="11.44140625" style="4" customWidth="1"/>
    <col min="11522" max="11523" width="75.6640625" style="4" customWidth="1"/>
    <col min="11524" max="11775" width="9" style="4"/>
    <col min="11776" max="11776" width="5.109375" style="4" customWidth="1"/>
    <col min="11777" max="11777" width="11.44140625" style="4" customWidth="1"/>
    <col min="11778" max="11779" width="75.6640625" style="4" customWidth="1"/>
    <col min="11780" max="12031" width="9" style="4"/>
    <col min="12032" max="12032" width="5.109375" style="4" customWidth="1"/>
    <col min="12033" max="12033" width="11.44140625" style="4" customWidth="1"/>
    <col min="12034" max="12035" width="75.6640625" style="4" customWidth="1"/>
    <col min="12036" max="12287" width="9" style="4"/>
    <col min="12288" max="12288" width="5.109375" style="4" customWidth="1"/>
    <col min="12289" max="12289" width="11.44140625" style="4" customWidth="1"/>
    <col min="12290" max="12291" width="75.6640625" style="4" customWidth="1"/>
    <col min="12292" max="12543" width="9" style="4"/>
    <col min="12544" max="12544" width="5.109375" style="4" customWidth="1"/>
    <col min="12545" max="12545" width="11.44140625" style="4" customWidth="1"/>
    <col min="12546" max="12547" width="75.6640625" style="4" customWidth="1"/>
    <col min="12548" max="12799" width="9" style="4"/>
    <col min="12800" max="12800" width="5.109375" style="4" customWidth="1"/>
    <col min="12801" max="12801" width="11.44140625" style="4" customWidth="1"/>
    <col min="12802" max="12803" width="75.6640625" style="4" customWidth="1"/>
    <col min="12804" max="13055" width="9" style="4"/>
    <col min="13056" max="13056" width="5.109375" style="4" customWidth="1"/>
    <col min="13057" max="13057" width="11.44140625" style="4" customWidth="1"/>
    <col min="13058" max="13059" width="75.6640625" style="4" customWidth="1"/>
    <col min="13060" max="13311" width="9" style="4"/>
    <col min="13312" max="13312" width="5.109375" style="4" customWidth="1"/>
    <col min="13313" max="13313" width="11.44140625" style="4" customWidth="1"/>
    <col min="13314" max="13315" width="75.6640625" style="4" customWidth="1"/>
    <col min="13316" max="13567" width="9" style="4"/>
    <col min="13568" max="13568" width="5.109375" style="4" customWidth="1"/>
    <col min="13569" max="13569" width="11.44140625" style="4" customWidth="1"/>
    <col min="13570" max="13571" width="75.6640625" style="4" customWidth="1"/>
    <col min="13572" max="13823" width="9" style="4"/>
    <col min="13824" max="13824" width="5.109375" style="4" customWidth="1"/>
    <col min="13825" max="13825" width="11.44140625" style="4" customWidth="1"/>
    <col min="13826" max="13827" width="75.6640625" style="4" customWidth="1"/>
    <col min="13828" max="14079" width="9" style="4"/>
    <col min="14080" max="14080" width="5.109375" style="4" customWidth="1"/>
    <col min="14081" max="14081" width="11.44140625" style="4" customWidth="1"/>
    <col min="14082" max="14083" width="75.6640625" style="4" customWidth="1"/>
    <col min="14084" max="14335" width="9" style="4"/>
    <col min="14336" max="14336" width="5.109375" style="4" customWidth="1"/>
    <col min="14337" max="14337" width="11.44140625" style="4" customWidth="1"/>
    <col min="14338" max="14339" width="75.6640625" style="4" customWidth="1"/>
    <col min="14340" max="14591" width="9" style="4"/>
    <col min="14592" max="14592" width="5.109375" style="4" customWidth="1"/>
    <col min="14593" max="14593" width="11.44140625" style="4" customWidth="1"/>
    <col min="14594" max="14595" width="75.6640625" style="4" customWidth="1"/>
    <col min="14596" max="14847" width="9" style="4"/>
    <col min="14848" max="14848" width="5.109375" style="4" customWidth="1"/>
    <col min="14849" max="14849" width="11.44140625" style="4" customWidth="1"/>
    <col min="14850" max="14851" width="75.6640625" style="4" customWidth="1"/>
    <col min="14852" max="15103" width="9" style="4"/>
    <col min="15104" max="15104" width="5.109375" style="4" customWidth="1"/>
    <col min="15105" max="15105" width="11.44140625" style="4" customWidth="1"/>
    <col min="15106" max="15107" width="75.6640625" style="4" customWidth="1"/>
    <col min="15108" max="15359" width="9" style="4"/>
    <col min="15360" max="15360" width="5.109375" style="4" customWidth="1"/>
    <col min="15361" max="15361" width="11.44140625" style="4" customWidth="1"/>
    <col min="15362" max="15363" width="75.6640625" style="4" customWidth="1"/>
    <col min="15364" max="15615" width="9" style="4"/>
    <col min="15616" max="15616" width="5.109375" style="4" customWidth="1"/>
    <col min="15617" max="15617" width="11.44140625" style="4" customWidth="1"/>
    <col min="15618" max="15619" width="75.6640625" style="4" customWidth="1"/>
    <col min="15620" max="15871" width="9" style="4"/>
    <col min="15872" max="15872" width="5.109375" style="4" customWidth="1"/>
    <col min="15873" max="15873" width="11.44140625" style="4" customWidth="1"/>
    <col min="15874" max="15875" width="75.6640625" style="4" customWidth="1"/>
    <col min="15876" max="16127" width="9" style="4"/>
    <col min="16128" max="16128" width="5.109375" style="4" customWidth="1"/>
    <col min="16129" max="16129" width="11.44140625" style="4" customWidth="1"/>
    <col min="16130" max="16131" width="75.6640625" style="4" customWidth="1"/>
    <col min="16132" max="16384" width="9" style="4"/>
  </cols>
  <sheetData>
    <row r="1" spans="1:3" s="2" customFormat="1" ht="14.4" x14ac:dyDescent="0.2">
      <c r="A1" s="1"/>
      <c r="B1" s="70" t="s">
        <v>20</v>
      </c>
      <c r="C1" s="70"/>
    </row>
    <row r="2" spans="1:3" x14ac:dyDescent="0.2">
      <c r="A2" s="3"/>
      <c r="B2" s="3" t="s">
        <v>21</v>
      </c>
      <c r="C2" s="4"/>
    </row>
    <row r="3" spans="1:3" ht="11.25" customHeight="1" x14ac:dyDescent="0.2">
      <c r="A3" s="3"/>
      <c r="B3" s="4" t="s">
        <v>22</v>
      </c>
      <c r="C3" s="4"/>
    </row>
    <row r="4" spans="1:3" ht="11.25" customHeight="1" x14ac:dyDescent="0.2">
      <c r="B4" s="5" t="s">
        <v>23</v>
      </c>
      <c r="C4" s="4"/>
    </row>
    <row r="5" spans="1:3" ht="11.25" customHeight="1" x14ac:dyDescent="0.2">
      <c r="B5" s="25" t="s">
        <v>24</v>
      </c>
      <c r="C5" s="4"/>
    </row>
    <row r="6" spans="1:3" x14ac:dyDescent="0.2">
      <c r="A6" s="62"/>
      <c r="B6" s="63" t="s">
        <v>0</v>
      </c>
      <c r="C6" s="64" t="s">
        <v>1</v>
      </c>
    </row>
    <row r="7" spans="1:3" x14ac:dyDescent="0.2">
      <c r="A7" s="65" t="s">
        <v>667</v>
      </c>
      <c r="B7" s="66" t="s">
        <v>36</v>
      </c>
      <c r="C7" s="17" t="s">
        <v>37</v>
      </c>
    </row>
    <row r="8" spans="1:3" x14ac:dyDescent="0.2">
      <c r="A8" s="65" t="s">
        <v>667</v>
      </c>
      <c r="B8" s="66" t="s">
        <v>74</v>
      </c>
      <c r="C8" s="17" t="s">
        <v>37</v>
      </c>
    </row>
    <row r="9" spans="1:3" x14ac:dyDescent="0.2">
      <c r="A9" s="65" t="s">
        <v>667</v>
      </c>
      <c r="B9" s="66" t="s">
        <v>75</v>
      </c>
      <c r="C9" s="17" t="s">
        <v>37</v>
      </c>
    </row>
    <row r="10" spans="1:3" x14ac:dyDescent="0.2">
      <c r="A10" s="65" t="s">
        <v>667</v>
      </c>
      <c r="B10" s="66" t="s">
        <v>76</v>
      </c>
      <c r="C10" s="17" t="s">
        <v>37</v>
      </c>
    </row>
    <row r="11" spans="1:3" x14ac:dyDescent="0.2">
      <c r="A11" s="65" t="s">
        <v>667</v>
      </c>
      <c r="B11" s="66"/>
      <c r="C11" s="17" t="s">
        <v>37</v>
      </c>
    </row>
    <row r="12" spans="1:3" x14ac:dyDescent="0.2">
      <c r="A12" s="65" t="s">
        <v>667</v>
      </c>
      <c r="B12" s="66" t="s">
        <v>77</v>
      </c>
      <c r="C12" s="17" t="s">
        <v>37</v>
      </c>
    </row>
    <row r="13" spans="1:3" x14ac:dyDescent="0.2">
      <c r="A13" s="65" t="s">
        <v>667</v>
      </c>
      <c r="B13" s="66" t="s">
        <v>79</v>
      </c>
      <c r="C13" s="17" t="s">
        <v>37</v>
      </c>
    </row>
    <row r="14" spans="1:3" x14ac:dyDescent="0.2">
      <c r="A14" s="65" t="s">
        <v>667</v>
      </c>
      <c r="B14" s="66" t="s">
        <v>80</v>
      </c>
      <c r="C14" s="17" t="s">
        <v>37</v>
      </c>
    </row>
    <row r="15" spans="1:3" x14ac:dyDescent="0.2">
      <c r="A15" s="65" t="s">
        <v>667</v>
      </c>
      <c r="B15" s="66" t="s">
        <v>81</v>
      </c>
      <c r="C15" s="17" t="s">
        <v>37</v>
      </c>
    </row>
    <row r="16" spans="1:3" x14ac:dyDescent="0.2">
      <c r="A16" s="65" t="s">
        <v>667</v>
      </c>
      <c r="B16" s="66" t="s">
        <v>83</v>
      </c>
      <c r="C16" s="17" t="s">
        <v>37</v>
      </c>
    </row>
    <row r="17" spans="1:3" x14ac:dyDescent="0.2">
      <c r="A17" s="65" t="s">
        <v>667</v>
      </c>
      <c r="B17" s="66" t="s">
        <v>84</v>
      </c>
      <c r="C17" s="17" t="s">
        <v>37</v>
      </c>
    </row>
    <row r="18" spans="1:3" x14ac:dyDescent="0.2">
      <c r="A18" s="65" t="s">
        <v>667</v>
      </c>
      <c r="B18" s="66" t="s">
        <v>85</v>
      </c>
      <c r="C18" s="17" t="s">
        <v>37</v>
      </c>
    </row>
    <row r="19" spans="1:3" x14ac:dyDescent="0.2">
      <c r="A19" s="65" t="s">
        <v>667</v>
      </c>
      <c r="B19" s="66" t="s">
        <v>87</v>
      </c>
      <c r="C19" s="17" t="s">
        <v>37</v>
      </c>
    </row>
    <row r="20" spans="1:3" x14ac:dyDescent="0.2">
      <c r="A20" s="65" t="s">
        <v>667</v>
      </c>
      <c r="B20" s="66" t="s">
        <v>88</v>
      </c>
      <c r="C20" s="17" t="s">
        <v>37</v>
      </c>
    </row>
    <row r="21" spans="1:3" x14ac:dyDescent="0.2">
      <c r="A21" s="65" t="s">
        <v>667</v>
      </c>
      <c r="B21" s="66" t="s">
        <v>89</v>
      </c>
      <c r="C21" s="17" t="s">
        <v>37</v>
      </c>
    </row>
    <row r="22" spans="1:3" x14ac:dyDescent="0.2">
      <c r="A22" s="65" t="s">
        <v>667</v>
      </c>
      <c r="B22" s="66" t="s">
        <v>91</v>
      </c>
      <c r="C22" s="17" t="s">
        <v>37</v>
      </c>
    </row>
    <row r="23" spans="1:3" x14ac:dyDescent="0.2">
      <c r="A23" s="65" t="s">
        <v>667</v>
      </c>
      <c r="B23" s="66" t="s">
        <v>92</v>
      </c>
      <c r="C23" s="17" t="s">
        <v>37</v>
      </c>
    </row>
    <row r="24" spans="1:3" x14ac:dyDescent="0.2">
      <c r="A24" s="65" t="s">
        <v>667</v>
      </c>
      <c r="B24" s="66" t="s">
        <v>93</v>
      </c>
      <c r="C24" s="17" t="s">
        <v>37</v>
      </c>
    </row>
    <row r="25" spans="1:3" x14ac:dyDescent="0.2">
      <c r="A25" s="65" t="s">
        <v>667</v>
      </c>
      <c r="B25" s="66" t="s">
        <v>95</v>
      </c>
      <c r="C25" s="17" t="s">
        <v>37</v>
      </c>
    </row>
    <row r="26" spans="1:3" x14ac:dyDescent="0.2">
      <c r="A26" s="65" t="s">
        <v>667</v>
      </c>
      <c r="B26" s="66" t="s">
        <v>96</v>
      </c>
      <c r="C26" s="17" t="s">
        <v>37</v>
      </c>
    </row>
    <row r="27" spans="1:3" x14ac:dyDescent="0.2">
      <c r="A27" s="65" t="s">
        <v>667</v>
      </c>
      <c r="B27" s="66" t="s">
        <v>97</v>
      </c>
      <c r="C27" s="17" t="s">
        <v>37</v>
      </c>
    </row>
    <row r="28" spans="1:3" x14ac:dyDescent="0.2">
      <c r="A28" s="65" t="s">
        <v>667</v>
      </c>
      <c r="B28" s="66" t="s">
        <v>98</v>
      </c>
      <c r="C28" s="17" t="s">
        <v>37</v>
      </c>
    </row>
    <row r="29" spans="1:3" x14ac:dyDescent="0.2">
      <c r="A29" s="65" t="s">
        <v>667</v>
      </c>
      <c r="B29" s="66" t="s">
        <v>100</v>
      </c>
      <c r="C29" s="17" t="s">
        <v>37</v>
      </c>
    </row>
    <row r="30" spans="1:3" x14ac:dyDescent="0.2">
      <c r="A30" s="65" t="s">
        <v>667</v>
      </c>
      <c r="B30" s="66" t="s">
        <v>101</v>
      </c>
      <c r="C30" s="17" t="s">
        <v>37</v>
      </c>
    </row>
    <row r="31" spans="1:3" x14ac:dyDescent="0.2">
      <c r="A31" s="65" t="s">
        <v>667</v>
      </c>
      <c r="B31" s="66" t="s">
        <v>103</v>
      </c>
      <c r="C31" s="17" t="s">
        <v>37</v>
      </c>
    </row>
    <row r="32" spans="1:3" x14ac:dyDescent="0.2">
      <c r="A32" s="65" t="s">
        <v>667</v>
      </c>
      <c r="B32" s="66" t="s">
        <v>104</v>
      </c>
      <c r="C32" s="17" t="s">
        <v>37</v>
      </c>
    </row>
    <row r="33" spans="1:3" x14ac:dyDescent="0.2">
      <c r="A33" s="65" t="s">
        <v>667</v>
      </c>
      <c r="B33" s="66" t="s">
        <v>106</v>
      </c>
      <c r="C33" s="17" t="s">
        <v>37</v>
      </c>
    </row>
    <row r="34" spans="1:3" x14ac:dyDescent="0.2">
      <c r="A34" s="65" t="s">
        <v>667</v>
      </c>
      <c r="B34" s="66" t="s">
        <v>107</v>
      </c>
      <c r="C34" s="17" t="s">
        <v>37</v>
      </c>
    </row>
    <row r="35" spans="1:3" x14ac:dyDescent="0.2">
      <c r="A35" s="65" t="s">
        <v>667</v>
      </c>
      <c r="B35" s="66" t="s">
        <v>109</v>
      </c>
      <c r="C35" s="17" t="s">
        <v>37</v>
      </c>
    </row>
    <row r="36" spans="1:3" x14ac:dyDescent="0.2">
      <c r="A36" s="65" t="s">
        <v>667</v>
      </c>
      <c r="B36" s="66" t="s">
        <v>110</v>
      </c>
      <c r="C36" s="17" t="s">
        <v>37</v>
      </c>
    </row>
    <row r="37" spans="1:3" x14ac:dyDescent="0.2">
      <c r="A37" s="65" t="s">
        <v>667</v>
      </c>
      <c r="B37" s="66" t="s">
        <v>112</v>
      </c>
      <c r="C37" s="17" t="s">
        <v>37</v>
      </c>
    </row>
    <row r="38" spans="1:3" ht="21.6" x14ac:dyDescent="0.2">
      <c r="A38" s="65" t="s">
        <v>667</v>
      </c>
      <c r="B38" s="66" t="s">
        <v>114</v>
      </c>
      <c r="C38" s="17" t="s">
        <v>37</v>
      </c>
    </row>
    <row r="39" spans="1:3" ht="21.6" x14ac:dyDescent="0.2">
      <c r="A39" s="65" t="s">
        <v>667</v>
      </c>
      <c r="B39" s="66" t="s">
        <v>115</v>
      </c>
      <c r="C39" s="17" t="s">
        <v>37</v>
      </c>
    </row>
    <row r="40" spans="1:3" x14ac:dyDescent="0.2">
      <c r="A40" s="65" t="s">
        <v>667</v>
      </c>
      <c r="B40" s="66" t="s">
        <v>116</v>
      </c>
      <c r="C40" s="17" t="s">
        <v>37</v>
      </c>
    </row>
    <row r="41" spans="1:3" x14ac:dyDescent="0.2">
      <c r="A41" s="65" t="s">
        <v>667</v>
      </c>
      <c r="B41" s="66" t="s">
        <v>118</v>
      </c>
      <c r="C41" s="17" t="s">
        <v>37</v>
      </c>
    </row>
    <row r="42" spans="1:3" x14ac:dyDescent="0.2">
      <c r="A42" s="65" t="s">
        <v>667</v>
      </c>
      <c r="B42" s="66" t="s">
        <v>119</v>
      </c>
      <c r="C42" s="17" t="s">
        <v>37</v>
      </c>
    </row>
    <row r="43" spans="1:3" x14ac:dyDescent="0.2">
      <c r="A43" s="65" t="s">
        <v>667</v>
      </c>
      <c r="B43" s="66" t="s">
        <v>121</v>
      </c>
      <c r="C43" s="17" t="s">
        <v>37</v>
      </c>
    </row>
    <row r="44" spans="1:3" x14ac:dyDescent="0.2">
      <c r="A44" s="65" t="s">
        <v>667</v>
      </c>
      <c r="B44" s="66" t="s">
        <v>122</v>
      </c>
      <c r="C44" s="17" t="s">
        <v>37</v>
      </c>
    </row>
    <row r="45" spans="1:3" x14ac:dyDescent="0.2">
      <c r="A45" s="65" t="s">
        <v>667</v>
      </c>
      <c r="B45" s="66" t="s">
        <v>124</v>
      </c>
      <c r="C45" s="17" t="s">
        <v>37</v>
      </c>
    </row>
    <row r="46" spans="1:3" x14ac:dyDescent="0.2">
      <c r="A46" s="65" t="s">
        <v>667</v>
      </c>
      <c r="B46" s="66" t="s">
        <v>125</v>
      </c>
      <c r="C46" s="17" t="s">
        <v>37</v>
      </c>
    </row>
    <row r="47" spans="1:3" x14ac:dyDescent="0.2">
      <c r="A47" s="65" t="s">
        <v>667</v>
      </c>
      <c r="B47" s="66" t="s">
        <v>127</v>
      </c>
      <c r="C47" s="17" t="s">
        <v>37</v>
      </c>
    </row>
    <row r="48" spans="1:3" x14ac:dyDescent="0.2">
      <c r="A48" s="65" t="s">
        <v>667</v>
      </c>
      <c r="B48" s="66" t="s">
        <v>128</v>
      </c>
      <c r="C48" s="17" t="s">
        <v>37</v>
      </c>
    </row>
    <row r="49" spans="1:3" x14ac:dyDescent="0.2">
      <c r="A49" s="65" t="s">
        <v>667</v>
      </c>
      <c r="B49" s="66" t="s">
        <v>130</v>
      </c>
      <c r="C49" s="17" t="s">
        <v>37</v>
      </c>
    </row>
    <row r="50" spans="1:3" x14ac:dyDescent="0.2">
      <c r="A50" s="65" t="s">
        <v>667</v>
      </c>
      <c r="B50" s="66" t="s">
        <v>131</v>
      </c>
      <c r="C50" s="17" t="s">
        <v>37</v>
      </c>
    </row>
    <row r="51" spans="1:3" x14ac:dyDescent="0.2">
      <c r="A51" s="65" t="s">
        <v>667</v>
      </c>
      <c r="B51" s="66" t="s">
        <v>133</v>
      </c>
      <c r="C51" s="17" t="s">
        <v>37</v>
      </c>
    </row>
    <row r="52" spans="1:3" x14ac:dyDescent="0.2">
      <c r="A52" s="65" t="s">
        <v>667</v>
      </c>
      <c r="B52" s="66" t="s">
        <v>134</v>
      </c>
      <c r="C52" s="17" t="s">
        <v>37</v>
      </c>
    </row>
    <row r="53" spans="1:3" x14ac:dyDescent="0.2">
      <c r="A53" s="65" t="s">
        <v>667</v>
      </c>
      <c r="B53" s="66" t="s">
        <v>136</v>
      </c>
      <c r="C53" s="17" t="s">
        <v>37</v>
      </c>
    </row>
    <row r="54" spans="1:3" x14ac:dyDescent="0.2">
      <c r="A54" s="65" t="s">
        <v>667</v>
      </c>
      <c r="B54" s="66" t="s">
        <v>137</v>
      </c>
      <c r="C54" s="17" t="s">
        <v>37</v>
      </c>
    </row>
    <row r="55" spans="1:3" x14ac:dyDescent="0.2">
      <c r="A55" s="65" t="s">
        <v>667</v>
      </c>
      <c r="B55" s="66" t="s">
        <v>139</v>
      </c>
      <c r="C55" s="17" t="s">
        <v>37</v>
      </c>
    </row>
    <row r="56" spans="1:3" x14ac:dyDescent="0.2">
      <c r="A56" s="65" t="s">
        <v>667</v>
      </c>
      <c r="B56" s="66" t="s">
        <v>140</v>
      </c>
      <c r="C56" s="17" t="s">
        <v>37</v>
      </c>
    </row>
    <row r="57" spans="1:3" x14ac:dyDescent="0.2">
      <c r="A57" s="65" t="s">
        <v>667</v>
      </c>
      <c r="B57" s="66" t="s">
        <v>142</v>
      </c>
      <c r="C57" s="17" t="s">
        <v>37</v>
      </c>
    </row>
    <row r="58" spans="1:3" x14ac:dyDescent="0.2">
      <c r="A58" s="65" t="s">
        <v>667</v>
      </c>
      <c r="B58" s="66" t="s">
        <v>143</v>
      </c>
      <c r="C58" s="17" t="s">
        <v>37</v>
      </c>
    </row>
    <row r="59" spans="1:3" x14ac:dyDescent="0.2">
      <c r="A59" s="65" t="s">
        <v>667</v>
      </c>
      <c r="B59" s="66" t="s">
        <v>145</v>
      </c>
      <c r="C59" s="17" t="s">
        <v>37</v>
      </c>
    </row>
    <row r="60" spans="1:3" x14ac:dyDescent="0.2">
      <c r="A60" s="65" t="s">
        <v>667</v>
      </c>
      <c r="B60" s="66" t="s">
        <v>146</v>
      </c>
      <c r="C60" s="17" t="s">
        <v>37</v>
      </c>
    </row>
    <row r="61" spans="1:3" x14ac:dyDescent="0.2">
      <c r="A61" s="65" t="s">
        <v>667</v>
      </c>
      <c r="B61" s="66" t="s">
        <v>148</v>
      </c>
      <c r="C61" s="17" t="s">
        <v>37</v>
      </c>
    </row>
    <row r="62" spans="1:3" x14ac:dyDescent="0.2">
      <c r="A62" s="65" t="s">
        <v>667</v>
      </c>
      <c r="B62" s="66" t="s">
        <v>149</v>
      </c>
      <c r="C62" s="17" t="s">
        <v>37</v>
      </c>
    </row>
    <row r="63" spans="1:3" x14ac:dyDescent="0.2">
      <c r="A63" s="65" t="s">
        <v>667</v>
      </c>
      <c r="B63" s="66" t="s">
        <v>151</v>
      </c>
      <c r="C63" s="17" t="s">
        <v>37</v>
      </c>
    </row>
    <row r="64" spans="1:3" x14ac:dyDescent="0.2">
      <c r="A64" s="65" t="s">
        <v>667</v>
      </c>
      <c r="B64" s="66" t="s">
        <v>152</v>
      </c>
      <c r="C64" s="17" t="s">
        <v>37</v>
      </c>
    </row>
    <row r="65" spans="1:3" x14ac:dyDescent="0.2">
      <c r="A65" s="65" t="s">
        <v>667</v>
      </c>
      <c r="B65" s="66" t="s">
        <v>154</v>
      </c>
      <c r="C65" s="17" t="s">
        <v>37</v>
      </c>
    </row>
    <row r="66" spans="1:3" x14ac:dyDescent="0.2">
      <c r="A66" s="65" t="s">
        <v>667</v>
      </c>
      <c r="B66" s="66" t="s">
        <v>156</v>
      </c>
      <c r="C66" s="17" t="s">
        <v>37</v>
      </c>
    </row>
    <row r="67" spans="1:3" x14ac:dyDescent="0.2">
      <c r="A67" s="65" t="s">
        <v>667</v>
      </c>
      <c r="B67" s="66" t="s">
        <v>158</v>
      </c>
      <c r="C67" s="17" t="s">
        <v>37</v>
      </c>
    </row>
    <row r="68" spans="1:3" x14ac:dyDescent="0.2">
      <c r="A68" s="65" t="s">
        <v>667</v>
      </c>
      <c r="B68" s="66" t="s">
        <v>160</v>
      </c>
      <c r="C68" s="17" t="s">
        <v>37</v>
      </c>
    </row>
    <row r="69" spans="1:3" x14ac:dyDescent="0.2">
      <c r="A69" s="65" t="s">
        <v>667</v>
      </c>
      <c r="B69" s="66" t="s">
        <v>162</v>
      </c>
      <c r="C69" s="17" t="s">
        <v>37</v>
      </c>
    </row>
    <row r="70" spans="1:3" x14ac:dyDescent="0.2">
      <c r="A70" s="65" t="s">
        <v>667</v>
      </c>
      <c r="B70" s="66" t="s">
        <v>164</v>
      </c>
      <c r="C70" s="17" t="s">
        <v>37</v>
      </c>
    </row>
    <row r="71" spans="1:3" x14ac:dyDescent="0.2">
      <c r="A71" s="65" t="s">
        <v>667</v>
      </c>
      <c r="B71" s="66" t="s">
        <v>166</v>
      </c>
      <c r="C71" s="17" t="s">
        <v>37</v>
      </c>
    </row>
    <row r="72" spans="1:3" x14ac:dyDescent="0.2">
      <c r="A72" s="65" t="s">
        <v>667</v>
      </c>
      <c r="B72" s="66" t="s">
        <v>168</v>
      </c>
      <c r="C72" s="17" t="s">
        <v>37</v>
      </c>
    </row>
    <row r="73" spans="1:3" x14ac:dyDescent="0.2">
      <c r="A73" s="65" t="s">
        <v>667</v>
      </c>
      <c r="B73" s="66" t="s">
        <v>170</v>
      </c>
      <c r="C73" s="17" t="s">
        <v>37</v>
      </c>
    </row>
    <row r="74" spans="1:3" x14ac:dyDescent="0.2">
      <c r="A74" s="65" t="s">
        <v>667</v>
      </c>
      <c r="B74" s="66" t="s">
        <v>172</v>
      </c>
      <c r="C74" s="17" t="s">
        <v>37</v>
      </c>
    </row>
    <row r="75" spans="1:3" x14ac:dyDescent="0.2">
      <c r="A75" s="65" t="s">
        <v>667</v>
      </c>
      <c r="B75" s="66" t="s">
        <v>173</v>
      </c>
      <c r="C75" s="17" t="s">
        <v>37</v>
      </c>
    </row>
    <row r="76" spans="1:3" ht="21.6" x14ac:dyDescent="0.2">
      <c r="A76" s="65" t="s">
        <v>667</v>
      </c>
      <c r="B76" s="66" t="s">
        <v>174</v>
      </c>
      <c r="C76" s="17" t="s">
        <v>37</v>
      </c>
    </row>
    <row r="77" spans="1:3" x14ac:dyDescent="0.2">
      <c r="A77" s="65" t="s">
        <v>667</v>
      </c>
      <c r="B77" s="66" t="s">
        <v>175</v>
      </c>
      <c r="C77" s="17" t="s">
        <v>37</v>
      </c>
    </row>
    <row r="78" spans="1:3" x14ac:dyDescent="0.2">
      <c r="A78" s="65" t="s">
        <v>667</v>
      </c>
      <c r="B78" s="66" t="s">
        <v>176</v>
      </c>
      <c r="C78" s="17" t="s">
        <v>37</v>
      </c>
    </row>
    <row r="79" spans="1:3" x14ac:dyDescent="0.2">
      <c r="A79" s="65" t="s">
        <v>667</v>
      </c>
      <c r="B79" s="66" t="s">
        <v>177</v>
      </c>
      <c r="C79" s="17" t="s">
        <v>37</v>
      </c>
    </row>
    <row r="80" spans="1:3" x14ac:dyDescent="0.2">
      <c r="A80" s="65" t="s">
        <v>667</v>
      </c>
      <c r="B80" s="66" t="s">
        <v>178</v>
      </c>
      <c r="C80" s="17" t="s">
        <v>37</v>
      </c>
    </row>
    <row r="81" spans="1:3" x14ac:dyDescent="0.2">
      <c r="A81" s="65" t="s">
        <v>667</v>
      </c>
      <c r="B81" s="66" t="s">
        <v>179</v>
      </c>
      <c r="C81" s="17" t="s">
        <v>37</v>
      </c>
    </row>
    <row r="82" spans="1:3" x14ac:dyDescent="0.2">
      <c r="A82" s="65" t="s">
        <v>667</v>
      </c>
      <c r="B82" s="66" t="s">
        <v>180</v>
      </c>
      <c r="C82" s="17" t="s">
        <v>37</v>
      </c>
    </row>
    <row r="83" spans="1:3" x14ac:dyDescent="0.2">
      <c r="A83" s="65" t="s">
        <v>667</v>
      </c>
      <c r="B83" s="66" t="s">
        <v>181</v>
      </c>
      <c r="C83" s="17" t="s">
        <v>37</v>
      </c>
    </row>
    <row r="84" spans="1:3" x14ac:dyDescent="0.2">
      <c r="A84" s="65" t="s">
        <v>667</v>
      </c>
      <c r="B84" s="66" t="s">
        <v>182</v>
      </c>
      <c r="C84" s="17" t="s">
        <v>37</v>
      </c>
    </row>
    <row r="85" spans="1:3" x14ac:dyDescent="0.2">
      <c r="A85" s="65" t="s">
        <v>667</v>
      </c>
      <c r="B85" s="66" t="s">
        <v>184</v>
      </c>
      <c r="C85" s="17" t="s">
        <v>37</v>
      </c>
    </row>
    <row r="86" spans="1:3" x14ac:dyDescent="0.2">
      <c r="A86" s="65" t="s">
        <v>667</v>
      </c>
      <c r="B86" s="66" t="s">
        <v>185</v>
      </c>
      <c r="C86" s="17" t="s">
        <v>37</v>
      </c>
    </row>
    <row r="87" spans="1:3" x14ac:dyDescent="0.2">
      <c r="A87" s="65" t="s">
        <v>667</v>
      </c>
      <c r="B87" s="66" t="s">
        <v>187</v>
      </c>
      <c r="C87" s="17" t="s">
        <v>37</v>
      </c>
    </row>
    <row r="88" spans="1:3" x14ac:dyDescent="0.2">
      <c r="A88" s="65" t="s">
        <v>667</v>
      </c>
      <c r="B88" s="66" t="s">
        <v>188</v>
      </c>
      <c r="C88" s="17" t="s">
        <v>37</v>
      </c>
    </row>
    <row r="89" spans="1:3" x14ac:dyDescent="0.2">
      <c r="A89" s="65" t="s">
        <v>667</v>
      </c>
      <c r="B89" s="66" t="s">
        <v>190</v>
      </c>
      <c r="C89" s="17" t="s">
        <v>37</v>
      </c>
    </row>
    <row r="90" spans="1:3" x14ac:dyDescent="0.2">
      <c r="A90" s="65" t="s">
        <v>667</v>
      </c>
      <c r="B90" s="66" t="s">
        <v>191</v>
      </c>
      <c r="C90" s="17" t="s">
        <v>37</v>
      </c>
    </row>
    <row r="91" spans="1:3" x14ac:dyDescent="0.2">
      <c r="A91" s="65" t="s">
        <v>667</v>
      </c>
      <c r="B91" s="66" t="s">
        <v>193</v>
      </c>
      <c r="C91" s="17" t="s">
        <v>37</v>
      </c>
    </row>
    <row r="92" spans="1:3" x14ac:dyDescent="0.2">
      <c r="A92" s="65" t="s">
        <v>667</v>
      </c>
      <c r="B92" s="66" t="s">
        <v>195</v>
      </c>
      <c r="C92" s="17" t="s">
        <v>37</v>
      </c>
    </row>
    <row r="93" spans="1:3" x14ac:dyDescent="0.2">
      <c r="A93" s="65" t="s">
        <v>667</v>
      </c>
      <c r="B93" s="66" t="s">
        <v>196</v>
      </c>
      <c r="C93" s="17" t="s">
        <v>37</v>
      </c>
    </row>
    <row r="94" spans="1:3" x14ac:dyDescent="0.2">
      <c r="A94" s="65" t="s">
        <v>667</v>
      </c>
      <c r="B94" s="66" t="s">
        <v>198</v>
      </c>
      <c r="C94" s="17" t="s">
        <v>37</v>
      </c>
    </row>
    <row r="95" spans="1:3" x14ac:dyDescent="0.2">
      <c r="A95" s="65" t="s">
        <v>667</v>
      </c>
      <c r="B95" s="66" t="s">
        <v>200</v>
      </c>
      <c r="C95" s="17" t="s">
        <v>37</v>
      </c>
    </row>
    <row r="96" spans="1:3" x14ac:dyDescent="0.2">
      <c r="A96" s="65" t="s">
        <v>667</v>
      </c>
      <c r="B96" s="66" t="s">
        <v>201</v>
      </c>
      <c r="C96" s="17" t="s">
        <v>37</v>
      </c>
    </row>
    <row r="97" spans="1:3" x14ac:dyDescent="0.2">
      <c r="A97" s="65" t="s">
        <v>667</v>
      </c>
      <c r="B97" s="66" t="s">
        <v>203</v>
      </c>
      <c r="C97" s="17" t="s">
        <v>37</v>
      </c>
    </row>
    <row r="98" spans="1:3" x14ac:dyDescent="0.2">
      <c r="A98" s="65" t="s">
        <v>667</v>
      </c>
      <c r="B98" s="66" t="s">
        <v>204</v>
      </c>
      <c r="C98" s="17" t="s">
        <v>37</v>
      </c>
    </row>
    <row r="99" spans="1:3" x14ac:dyDescent="0.2">
      <c r="A99" s="65" t="s">
        <v>667</v>
      </c>
      <c r="B99" s="66" t="s">
        <v>205</v>
      </c>
      <c r="C99" s="17" t="s">
        <v>37</v>
      </c>
    </row>
    <row r="100" spans="1:3" x14ac:dyDescent="0.2">
      <c r="A100" s="65" t="s">
        <v>667</v>
      </c>
      <c r="B100" s="66" t="s">
        <v>206</v>
      </c>
      <c r="C100" s="17" t="s">
        <v>37</v>
      </c>
    </row>
    <row r="101" spans="1:3" x14ac:dyDescent="0.2">
      <c r="A101" s="65" t="s">
        <v>667</v>
      </c>
      <c r="B101" s="66" t="s">
        <v>207</v>
      </c>
      <c r="C101" s="17" t="s">
        <v>37</v>
      </c>
    </row>
    <row r="102" spans="1:3" x14ac:dyDescent="0.2">
      <c r="A102" s="65" t="s">
        <v>667</v>
      </c>
      <c r="B102" s="66" t="s">
        <v>209</v>
      </c>
      <c r="C102" s="17" t="s">
        <v>37</v>
      </c>
    </row>
    <row r="103" spans="1:3" ht="21.6" x14ac:dyDescent="0.2">
      <c r="A103" s="65" t="s">
        <v>667</v>
      </c>
      <c r="B103" s="66" t="s">
        <v>211</v>
      </c>
      <c r="C103" s="17" t="s">
        <v>37</v>
      </c>
    </row>
    <row r="104" spans="1:3" x14ac:dyDescent="0.2">
      <c r="A104" s="65" t="s">
        <v>667</v>
      </c>
      <c r="B104" s="66" t="s">
        <v>212</v>
      </c>
      <c r="C104" s="17" t="s">
        <v>37</v>
      </c>
    </row>
    <row r="105" spans="1:3" ht="21.6" x14ac:dyDescent="0.2">
      <c r="A105" s="65" t="s">
        <v>667</v>
      </c>
      <c r="B105" s="66" t="s">
        <v>214</v>
      </c>
      <c r="C105" s="17" t="s">
        <v>37</v>
      </c>
    </row>
    <row r="106" spans="1:3" x14ac:dyDescent="0.2">
      <c r="A106" s="65" t="s">
        <v>667</v>
      </c>
      <c r="B106" s="66" t="s">
        <v>216</v>
      </c>
      <c r="C106" s="17" t="s">
        <v>37</v>
      </c>
    </row>
    <row r="107" spans="1:3" x14ac:dyDescent="0.2">
      <c r="A107" s="65" t="s">
        <v>667</v>
      </c>
      <c r="B107" s="66" t="s">
        <v>217</v>
      </c>
      <c r="C107" s="17" t="s">
        <v>37</v>
      </c>
    </row>
    <row r="108" spans="1:3" x14ac:dyDescent="0.2">
      <c r="A108" s="65" t="s">
        <v>667</v>
      </c>
      <c r="B108" s="66" t="s">
        <v>218</v>
      </c>
      <c r="C108" s="17" t="s">
        <v>37</v>
      </c>
    </row>
    <row r="109" spans="1:3" x14ac:dyDescent="0.2">
      <c r="A109" s="65" t="s">
        <v>667</v>
      </c>
      <c r="B109" s="66" t="s">
        <v>220</v>
      </c>
      <c r="C109" s="17" t="s">
        <v>37</v>
      </c>
    </row>
    <row r="110" spans="1:3" x14ac:dyDescent="0.2">
      <c r="A110" s="65" t="s">
        <v>667</v>
      </c>
      <c r="B110" s="66" t="s">
        <v>222</v>
      </c>
      <c r="C110" s="17" t="s">
        <v>37</v>
      </c>
    </row>
    <row r="111" spans="1:3" x14ac:dyDescent="0.2">
      <c r="A111" s="65" t="s">
        <v>667</v>
      </c>
      <c r="B111" s="66" t="s">
        <v>223</v>
      </c>
      <c r="C111" s="17" t="s">
        <v>37</v>
      </c>
    </row>
    <row r="112" spans="1:3" x14ac:dyDescent="0.2">
      <c r="A112" s="65" t="s">
        <v>667</v>
      </c>
      <c r="B112" s="66" t="s">
        <v>225</v>
      </c>
      <c r="C112" s="17" t="s">
        <v>37</v>
      </c>
    </row>
    <row r="113" spans="1:3" x14ac:dyDescent="0.2">
      <c r="A113" s="65" t="s">
        <v>667</v>
      </c>
      <c r="B113" s="66" t="s">
        <v>227</v>
      </c>
      <c r="C113" s="17" t="s">
        <v>37</v>
      </c>
    </row>
    <row r="114" spans="1:3" x14ac:dyDescent="0.2">
      <c r="A114" s="65" t="s">
        <v>667</v>
      </c>
      <c r="B114" s="66" t="s">
        <v>229</v>
      </c>
      <c r="C114" s="17" t="s">
        <v>37</v>
      </c>
    </row>
    <row r="115" spans="1:3" x14ac:dyDescent="0.2">
      <c r="A115" s="65" t="s">
        <v>667</v>
      </c>
      <c r="B115" s="66" t="s">
        <v>231</v>
      </c>
      <c r="C115" s="17" t="s">
        <v>37</v>
      </c>
    </row>
    <row r="116" spans="1:3" x14ac:dyDescent="0.2">
      <c r="A116" s="65" t="s">
        <v>667</v>
      </c>
      <c r="B116" s="66" t="s">
        <v>233</v>
      </c>
      <c r="C116" s="17" t="s">
        <v>37</v>
      </c>
    </row>
    <row r="117" spans="1:3" x14ac:dyDescent="0.2">
      <c r="A117" s="65" t="s">
        <v>667</v>
      </c>
      <c r="B117" s="66" t="s">
        <v>235</v>
      </c>
      <c r="C117" s="17" t="s">
        <v>37</v>
      </c>
    </row>
    <row r="118" spans="1:3" x14ac:dyDescent="0.2">
      <c r="A118" s="65" t="s">
        <v>667</v>
      </c>
      <c r="B118" s="66" t="s">
        <v>237</v>
      </c>
      <c r="C118" s="17" t="s">
        <v>37</v>
      </c>
    </row>
    <row r="119" spans="1:3" x14ac:dyDescent="0.2">
      <c r="A119" s="65" t="s">
        <v>667</v>
      </c>
      <c r="B119" s="66" t="s">
        <v>239</v>
      </c>
      <c r="C119" s="17" t="s">
        <v>37</v>
      </c>
    </row>
    <row r="120" spans="1:3" ht="21.6" x14ac:dyDescent="0.2">
      <c r="A120" s="65" t="s">
        <v>667</v>
      </c>
      <c r="B120" s="66" t="s">
        <v>241</v>
      </c>
      <c r="C120" s="17" t="s">
        <v>37</v>
      </c>
    </row>
    <row r="121" spans="1:3" x14ac:dyDescent="0.2">
      <c r="A121" s="65" t="s">
        <v>667</v>
      </c>
      <c r="B121" s="66" t="s">
        <v>243</v>
      </c>
      <c r="C121" s="17" t="s">
        <v>37</v>
      </c>
    </row>
    <row r="122" spans="1:3" x14ac:dyDescent="0.2">
      <c r="A122" s="65" t="s">
        <v>667</v>
      </c>
      <c r="B122" s="66" t="s">
        <v>245</v>
      </c>
      <c r="C122" s="17" t="s">
        <v>37</v>
      </c>
    </row>
    <row r="123" spans="1:3" x14ac:dyDescent="0.2">
      <c r="A123" s="65" t="s">
        <v>667</v>
      </c>
      <c r="B123" s="66" t="s">
        <v>247</v>
      </c>
      <c r="C123" s="17" t="s">
        <v>37</v>
      </c>
    </row>
    <row r="124" spans="1:3" ht="21.6" x14ac:dyDescent="0.2">
      <c r="A124" s="65" t="s">
        <v>667</v>
      </c>
      <c r="B124" s="66" t="s">
        <v>249</v>
      </c>
      <c r="C124" s="17" t="s">
        <v>37</v>
      </c>
    </row>
    <row r="125" spans="1:3" ht="21.6" x14ac:dyDescent="0.2">
      <c r="A125" s="65" t="s">
        <v>667</v>
      </c>
      <c r="B125" s="66" t="s">
        <v>251</v>
      </c>
      <c r="C125" s="17" t="s">
        <v>37</v>
      </c>
    </row>
    <row r="126" spans="1:3" ht="21.6" x14ac:dyDescent="0.2">
      <c r="A126" s="65" t="s">
        <v>667</v>
      </c>
      <c r="B126" s="66" t="s">
        <v>253</v>
      </c>
      <c r="C126" s="17" t="s">
        <v>37</v>
      </c>
    </row>
    <row r="127" spans="1:3" ht="21.6" x14ac:dyDescent="0.2">
      <c r="A127" s="67" t="s">
        <v>667</v>
      </c>
      <c r="B127" s="68" t="s">
        <v>255</v>
      </c>
      <c r="C127" s="69" t="s">
        <v>37</v>
      </c>
    </row>
  </sheetData>
  <autoFilter ref="A6:C6" xr:uid="{0A8DA22E-03C2-40CD-ACC8-A76A5EDD695F}"/>
  <mergeCells count="1">
    <mergeCell ref="B1:C1"/>
  </mergeCells>
  <phoneticPr fontId="2"/>
  <dataValidations count="1">
    <dataValidation type="list" allowBlank="1" showInputMessage="1" showErrorMessage="1" sqref="IW7:IW65536 SS7:SS65536 ACO7:ACO65536 AMK7:AMK65536 AWG7:AWG65536 BGC7:BGC65536 BPY7:BPY65536 BZU7:BZU65536 CJQ7:CJQ65536 CTM7:CTM65536 DDI7:DDI65536 DNE7:DNE65536 DXA7:DXA65536 EGW7:EGW65536 EQS7:EQS65536 FAO7:FAO65536 FKK7:FKK65536 FUG7:FUG65536 GEC7:GEC65536 GNY7:GNY65536 GXU7:GXU65536 HHQ7:HHQ65536 HRM7:HRM65536 IBI7:IBI65536 ILE7:ILE65536 IVA7:IVA65536 JEW7:JEW65536 JOS7:JOS65536 JYO7:JYO65536 KIK7:KIK65536 KSG7:KSG65536 LCC7:LCC65536 LLY7:LLY65536 LVU7:LVU65536 MFQ7:MFQ65536 MPM7:MPM65536 MZI7:MZI65536 NJE7:NJE65536 NTA7:NTA65536 OCW7:OCW65536 OMS7:OMS65536 OWO7:OWO65536 PGK7:PGK65536 PQG7:PQG65536 QAC7:QAC65536 QJY7:QJY65536 QTU7:QTU65536 RDQ7:RDQ65536 RNM7:RNM65536 RXI7:RXI65536 SHE7:SHE65536 SRA7:SRA65536 TAW7:TAW65536 TKS7:TKS65536 TUO7:TUO65536 UEK7:UEK65536 UOG7:UOG65536 UYC7:UYC65536 VHY7:VHY65536 VRU7:VRU65536 WBQ7:WBQ65536 WLM7:WLM65536 WVI7:WVI65536 IW65543:IW131072 SS65543:SS131072 ACO65543:ACO131072 AMK65543:AMK131072 AWG65543:AWG131072 BGC65543:BGC131072 BPY65543:BPY131072 BZU65543:BZU131072 CJQ65543:CJQ131072 CTM65543:CTM131072 DDI65543:DDI131072 DNE65543:DNE131072 DXA65543:DXA131072 EGW65543:EGW131072 EQS65543:EQS131072 FAO65543:FAO131072 FKK65543:FKK131072 FUG65543:FUG131072 GEC65543:GEC131072 GNY65543:GNY131072 GXU65543:GXU131072 HHQ65543:HHQ131072 HRM65543:HRM131072 IBI65543:IBI131072 ILE65543:ILE131072 IVA65543:IVA131072 JEW65543:JEW131072 JOS65543:JOS131072 JYO65543:JYO131072 KIK65543:KIK131072 KSG65543:KSG131072 LCC65543:LCC131072 LLY65543:LLY131072 LVU65543:LVU131072 MFQ65543:MFQ131072 MPM65543:MPM131072 MZI65543:MZI131072 NJE65543:NJE131072 NTA65543:NTA131072 OCW65543:OCW131072 OMS65543:OMS131072 OWO65543:OWO131072 PGK65543:PGK131072 PQG65543:PQG131072 QAC65543:QAC131072 QJY65543:QJY131072 QTU65543:QTU131072 RDQ65543:RDQ131072 RNM65543:RNM131072 RXI65543:RXI131072 SHE65543:SHE131072 SRA65543:SRA131072 TAW65543:TAW131072 TKS65543:TKS131072 TUO65543:TUO131072 UEK65543:UEK131072 UOG65543:UOG131072 UYC65543:UYC131072 VHY65543:VHY131072 VRU65543:VRU131072 WBQ65543:WBQ131072 WLM65543:WLM131072 WVI65543:WVI131072 IW131079:IW196608 SS131079:SS196608 ACO131079:ACO196608 AMK131079:AMK196608 AWG131079:AWG196608 BGC131079:BGC196608 BPY131079:BPY196608 BZU131079:BZU196608 CJQ131079:CJQ196608 CTM131079:CTM196608 DDI131079:DDI196608 DNE131079:DNE196608 DXA131079:DXA196608 EGW131079:EGW196608 EQS131079:EQS196608 FAO131079:FAO196608 FKK131079:FKK196608 FUG131079:FUG196608 GEC131079:GEC196608 GNY131079:GNY196608 GXU131079:GXU196608 HHQ131079:HHQ196608 HRM131079:HRM196608 IBI131079:IBI196608 ILE131079:ILE196608 IVA131079:IVA196608 JEW131079:JEW196608 JOS131079:JOS196608 JYO131079:JYO196608 KIK131079:KIK196608 KSG131079:KSG196608 LCC131079:LCC196608 LLY131079:LLY196608 LVU131079:LVU196608 MFQ131079:MFQ196608 MPM131079:MPM196608 MZI131079:MZI196608 NJE131079:NJE196608 NTA131079:NTA196608 OCW131079:OCW196608 OMS131079:OMS196608 OWO131079:OWO196608 PGK131079:PGK196608 PQG131079:PQG196608 QAC131079:QAC196608 QJY131079:QJY196608 QTU131079:QTU196608 RDQ131079:RDQ196608 RNM131079:RNM196608 RXI131079:RXI196608 SHE131079:SHE196608 SRA131079:SRA196608 TAW131079:TAW196608 TKS131079:TKS196608 TUO131079:TUO196608 UEK131079:UEK196608 UOG131079:UOG196608 UYC131079:UYC196608 VHY131079:VHY196608 VRU131079:VRU196608 WBQ131079:WBQ196608 WLM131079:WLM196608 WVI131079:WVI196608 IW196615:IW262144 SS196615:SS262144 ACO196615:ACO262144 AMK196615:AMK262144 AWG196615:AWG262144 BGC196615:BGC262144 BPY196615:BPY262144 BZU196615:BZU262144 CJQ196615:CJQ262144 CTM196615:CTM262144 DDI196615:DDI262144 DNE196615:DNE262144 DXA196615:DXA262144 EGW196615:EGW262144 EQS196615:EQS262144 FAO196615:FAO262144 FKK196615:FKK262144 FUG196615:FUG262144 GEC196615:GEC262144 GNY196615:GNY262144 GXU196615:GXU262144 HHQ196615:HHQ262144 HRM196615:HRM262144 IBI196615:IBI262144 ILE196615:ILE262144 IVA196615:IVA262144 JEW196615:JEW262144 JOS196615:JOS262144 JYO196615:JYO262144 KIK196615:KIK262144 KSG196615:KSG262144 LCC196615:LCC262144 LLY196615:LLY262144 LVU196615:LVU262144 MFQ196615:MFQ262144 MPM196615:MPM262144 MZI196615:MZI262144 NJE196615:NJE262144 NTA196615:NTA262144 OCW196615:OCW262144 OMS196615:OMS262144 OWO196615:OWO262144 PGK196615:PGK262144 PQG196615:PQG262144 QAC196615:QAC262144 QJY196615:QJY262144 QTU196615:QTU262144 RDQ196615:RDQ262144 RNM196615:RNM262144 RXI196615:RXI262144 SHE196615:SHE262144 SRA196615:SRA262144 TAW196615:TAW262144 TKS196615:TKS262144 TUO196615:TUO262144 UEK196615:UEK262144 UOG196615:UOG262144 UYC196615:UYC262144 VHY196615:VHY262144 VRU196615:VRU262144 WBQ196615:WBQ262144 WLM196615:WLM262144 WVI196615:WVI262144 IW262151:IW327680 SS262151:SS327680 ACO262151:ACO327680 AMK262151:AMK327680 AWG262151:AWG327680 BGC262151:BGC327680 BPY262151:BPY327680 BZU262151:BZU327680 CJQ262151:CJQ327680 CTM262151:CTM327680 DDI262151:DDI327680 DNE262151:DNE327680 DXA262151:DXA327680 EGW262151:EGW327680 EQS262151:EQS327680 FAO262151:FAO327680 FKK262151:FKK327680 FUG262151:FUG327680 GEC262151:GEC327680 GNY262151:GNY327680 GXU262151:GXU327680 HHQ262151:HHQ327680 HRM262151:HRM327680 IBI262151:IBI327680 ILE262151:ILE327680 IVA262151:IVA327680 JEW262151:JEW327680 JOS262151:JOS327680 JYO262151:JYO327680 KIK262151:KIK327680 KSG262151:KSG327680 LCC262151:LCC327680 LLY262151:LLY327680 LVU262151:LVU327680 MFQ262151:MFQ327680 MPM262151:MPM327680 MZI262151:MZI327680 NJE262151:NJE327680 NTA262151:NTA327680 OCW262151:OCW327680 OMS262151:OMS327680 OWO262151:OWO327680 PGK262151:PGK327680 PQG262151:PQG327680 QAC262151:QAC327680 QJY262151:QJY327680 QTU262151:QTU327680 RDQ262151:RDQ327680 RNM262151:RNM327680 RXI262151:RXI327680 SHE262151:SHE327680 SRA262151:SRA327680 TAW262151:TAW327680 TKS262151:TKS327680 TUO262151:TUO327680 UEK262151:UEK327680 UOG262151:UOG327680 UYC262151:UYC327680 VHY262151:VHY327680 VRU262151:VRU327680 WBQ262151:WBQ327680 WLM262151:WLM327680 WVI262151:WVI327680 IW327687:IW393216 SS327687:SS393216 ACO327687:ACO393216 AMK327687:AMK393216 AWG327687:AWG393216 BGC327687:BGC393216 BPY327687:BPY393216 BZU327687:BZU393216 CJQ327687:CJQ393216 CTM327687:CTM393216 DDI327687:DDI393216 DNE327687:DNE393216 DXA327687:DXA393216 EGW327687:EGW393216 EQS327687:EQS393216 FAO327687:FAO393216 FKK327687:FKK393216 FUG327687:FUG393216 GEC327687:GEC393216 GNY327687:GNY393216 GXU327687:GXU393216 HHQ327687:HHQ393216 HRM327687:HRM393216 IBI327687:IBI393216 ILE327687:ILE393216 IVA327687:IVA393216 JEW327687:JEW393216 JOS327687:JOS393216 JYO327687:JYO393216 KIK327687:KIK393216 KSG327687:KSG393216 LCC327687:LCC393216 LLY327687:LLY393216 LVU327687:LVU393216 MFQ327687:MFQ393216 MPM327687:MPM393216 MZI327687:MZI393216 NJE327687:NJE393216 NTA327687:NTA393216 OCW327687:OCW393216 OMS327687:OMS393216 OWO327687:OWO393216 PGK327687:PGK393216 PQG327687:PQG393216 QAC327687:QAC393216 QJY327687:QJY393216 QTU327687:QTU393216 RDQ327687:RDQ393216 RNM327687:RNM393216 RXI327687:RXI393216 SHE327687:SHE393216 SRA327687:SRA393216 TAW327687:TAW393216 TKS327687:TKS393216 TUO327687:TUO393216 UEK327687:UEK393216 UOG327687:UOG393216 UYC327687:UYC393216 VHY327687:VHY393216 VRU327687:VRU393216 WBQ327687:WBQ393216 WLM327687:WLM393216 WVI327687:WVI393216 IW393223:IW458752 SS393223:SS458752 ACO393223:ACO458752 AMK393223:AMK458752 AWG393223:AWG458752 BGC393223:BGC458752 BPY393223:BPY458752 BZU393223:BZU458752 CJQ393223:CJQ458752 CTM393223:CTM458752 DDI393223:DDI458752 DNE393223:DNE458752 DXA393223:DXA458752 EGW393223:EGW458752 EQS393223:EQS458752 FAO393223:FAO458752 FKK393223:FKK458752 FUG393223:FUG458752 GEC393223:GEC458752 GNY393223:GNY458752 GXU393223:GXU458752 HHQ393223:HHQ458752 HRM393223:HRM458752 IBI393223:IBI458752 ILE393223:ILE458752 IVA393223:IVA458752 JEW393223:JEW458752 JOS393223:JOS458752 JYO393223:JYO458752 KIK393223:KIK458752 KSG393223:KSG458752 LCC393223:LCC458752 LLY393223:LLY458752 LVU393223:LVU458752 MFQ393223:MFQ458752 MPM393223:MPM458752 MZI393223:MZI458752 NJE393223:NJE458752 NTA393223:NTA458752 OCW393223:OCW458752 OMS393223:OMS458752 OWO393223:OWO458752 PGK393223:PGK458752 PQG393223:PQG458752 QAC393223:QAC458752 QJY393223:QJY458752 QTU393223:QTU458752 RDQ393223:RDQ458752 RNM393223:RNM458752 RXI393223:RXI458752 SHE393223:SHE458752 SRA393223:SRA458752 TAW393223:TAW458752 TKS393223:TKS458752 TUO393223:TUO458752 UEK393223:UEK458752 UOG393223:UOG458752 UYC393223:UYC458752 VHY393223:VHY458752 VRU393223:VRU458752 WBQ393223:WBQ458752 WLM393223:WLM458752 WVI393223:WVI458752 IW458759:IW524288 SS458759:SS524288 ACO458759:ACO524288 AMK458759:AMK524288 AWG458759:AWG524288 BGC458759:BGC524288 BPY458759:BPY524288 BZU458759:BZU524288 CJQ458759:CJQ524288 CTM458759:CTM524288 DDI458759:DDI524288 DNE458759:DNE524288 DXA458759:DXA524288 EGW458759:EGW524288 EQS458759:EQS524288 FAO458759:FAO524288 FKK458759:FKK524288 FUG458759:FUG524288 GEC458759:GEC524288 GNY458759:GNY524288 GXU458759:GXU524288 HHQ458759:HHQ524288 HRM458759:HRM524288 IBI458759:IBI524288 ILE458759:ILE524288 IVA458759:IVA524288 JEW458759:JEW524288 JOS458759:JOS524288 JYO458759:JYO524288 KIK458759:KIK524288 KSG458759:KSG524288 LCC458759:LCC524288 LLY458759:LLY524288 LVU458759:LVU524288 MFQ458759:MFQ524288 MPM458759:MPM524288 MZI458759:MZI524288 NJE458759:NJE524288 NTA458759:NTA524288 OCW458759:OCW524288 OMS458759:OMS524288 OWO458759:OWO524288 PGK458759:PGK524288 PQG458759:PQG524288 QAC458759:QAC524288 QJY458759:QJY524288 QTU458759:QTU524288 RDQ458759:RDQ524288 RNM458759:RNM524288 RXI458759:RXI524288 SHE458759:SHE524288 SRA458759:SRA524288 TAW458759:TAW524288 TKS458759:TKS524288 TUO458759:TUO524288 UEK458759:UEK524288 UOG458759:UOG524288 UYC458759:UYC524288 VHY458759:VHY524288 VRU458759:VRU524288 WBQ458759:WBQ524288 WLM458759:WLM524288 WVI458759:WVI524288 IW524295:IW589824 SS524295:SS589824 ACO524295:ACO589824 AMK524295:AMK589824 AWG524295:AWG589824 BGC524295:BGC589824 BPY524295:BPY589824 BZU524295:BZU589824 CJQ524295:CJQ589824 CTM524295:CTM589824 DDI524295:DDI589824 DNE524295:DNE589824 DXA524295:DXA589824 EGW524295:EGW589824 EQS524295:EQS589824 FAO524295:FAO589824 FKK524295:FKK589824 FUG524295:FUG589824 GEC524295:GEC589824 GNY524295:GNY589824 GXU524295:GXU589824 HHQ524295:HHQ589824 HRM524295:HRM589824 IBI524295:IBI589824 ILE524295:ILE589824 IVA524295:IVA589824 JEW524295:JEW589824 JOS524295:JOS589824 JYO524295:JYO589824 KIK524295:KIK589824 KSG524295:KSG589824 LCC524295:LCC589824 LLY524295:LLY589824 LVU524295:LVU589824 MFQ524295:MFQ589824 MPM524295:MPM589824 MZI524295:MZI589824 NJE524295:NJE589824 NTA524295:NTA589824 OCW524295:OCW589824 OMS524295:OMS589824 OWO524295:OWO589824 PGK524295:PGK589824 PQG524295:PQG589824 QAC524295:QAC589824 QJY524295:QJY589824 QTU524295:QTU589824 RDQ524295:RDQ589824 RNM524295:RNM589824 RXI524295:RXI589824 SHE524295:SHE589824 SRA524295:SRA589824 TAW524295:TAW589824 TKS524295:TKS589824 TUO524295:TUO589824 UEK524295:UEK589824 UOG524295:UOG589824 UYC524295:UYC589824 VHY524295:VHY589824 VRU524295:VRU589824 WBQ524295:WBQ589824 WLM524295:WLM589824 WVI524295:WVI589824 IW589831:IW655360 SS589831:SS655360 ACO589831:ACO655360 AMK589831:AMK655360 AWG589831:AWG655360 BGC589831:BGC655360 BPY589831:BPY655360 BZU589831:BZU655360 CJQ589831:CJQ655360 CTM589831:CTM655360 DDI589831:DDI655360 DNE589831:DNE655360 DXA589831:DXA655360 EGW589831:EGW655360 EQS589831:EQS655360 FAO589831:FAO655360 FKK589831:FKK655360 FUG589831:FUG655360 GEC589831:GEC655360 GNY589831:GNY655360 GXU589831:GXU655360 HHQ589831:HHQ655360 HRM589831:HRM655360 IBI589831:IBI655360 ILE589831:ILE655360 IVA589831:IVA655360 JEW589831:JEW655360 JOS589831:JOS655360 JYO589831:JYO655360 KIK589831:KIK655360 KSG589831:KSG655360 LCC589831:LCC655360 LLY589831:LLY655360 LVU589831:LVU655360 MFQ589831:MFQ655360 MPM589831:MPM655360 MZI589831:MZI655360 NJE589831:NJE655360 NTA589831:NTA655360 OCW589831:OCW655360 OMS589831:OMS655360 OWO589831:OWO655360 PGK589831:PGK655360 PQG589831:PQG655360 QAC589831:QAC655360 QJY589831:QJY655360 QTU589831:QTU655360 RDQ589831:RDQ655360 RNM589831:RNM655360 RXI589831:RXI655360 SHE589831:SHE655360 SRA589831:SRA655360 TAW589831:TAW655360 TKS589831:TKS655360 TUO589831:TUO655360 UEK589831:UEK655360 UOG589831:UOG655360 UYC589831:UYC655360 VHY589831:VHY655360 VRU589831:VRU655360 WBQ589831:WBQ655360 WLM589831:WLM655360 WVI589831:WVI655360 IW655367:IW720896 SS655367:SS720896 ACO655367:ACO720896 AMK655367:AMK720896 AWG655367:AWG720896 BGC655367:BGC720896 BPY655367:BPY720896 BZU655367:BZU720896 CJQ655367:CJQ720896 CTM655367:CTM720896 DDI655367:DDI720896 DNE655367:DNE720896 DXA655367:DXA720896 EGW655367:EGW720896 EQS655367:EQS720896 FAO655367:FAO720896 FKK655367:FKK720896 FUG655367:FUG720896 GEC655367:GEC720896 GNY655367:GNY720896 GXU655367:GXU720896 HHQ655367:HHQ720896 HRM655367:HRM720896 IBI655367:IBI720896 ILE655367:ILE720896 IVA655367:IVA720896 JEW655367:JEW720896 JOS655367:JOS720896 JYO655367:JYO720896 KIK655367:KIK720896 KSG655367:KSG720896 LCC655367:LCC720896 LLY655367:LLY720896 LVU655367:LVU720896 MFQ655367:MFQ720896 MPM655367:MPM720896 MZI655367:MZI720896 NJE655367:NJE720896 NTA655367:NTA720896 OCW655367:OCW720896 OMS655367:OMS720896 OWO655367:OWO720896 PGK655367:PGK720896 PQG655367:PQG720896 QAC655367:QAC720896 QJY655367:QJY720896 QTU655367:QTU720896 RDQ655367:RDQ720896 RNM655367:RNM720896 RXI655367:RXI720896 SHE655367:SHE720896 SRA655367:SRA720896 TAW655367:TAW720896 TKS655367:TKS720896 TUO655367:TUO720896 UEK655367:UEK720896 UOG655367:UOG720896 UYC655367:UYC720896 VHY655367:VHY720896 VRU655367:VRU720896 WBQ655367:WBQ720896 WLM655367:WLM720896 WVI655367:WVI720896 IW720903:IW786432 SS720903:SS786432 ACO720903:ACO786432 AMK720903:AMK786432 AWG720903:AWG786432 BGC720903:BGC786432 BPY720903:BPY786432 BZU720903:BZU786432 CJQ720903:CJQ786432 CTM720903:CTM786432 DDI720903:DDI786432 DNE720903:DNE786432 DXA720903:DXA786432 EGW720903:EGW786432 EQS720903:EQS786432 FAO720903:FAO786432 FKK720903:FKK786432 FUG720903:FUG786432 GEC720903:GEC786432 GNY720903:GNY786432 GXU720903:GXU786432 HHQ720903:HHQ786432 HRM720903:HRM786432 IBI720903:IBI786432 ILE720903:ILE786432 IVA720903:IVA786432 JEW720903:JEW786432 JOS720903:JOS786432 JYO720903:JYO786432 KIK720903:KIK786432 KSG720903:KSG786432 LCC720903:LCC786432 LLY720903:LLY786432 LVU720903:LVU786432 MFQ720903:MFQ786432 MPM720903:MPM786432 MZI720903:MZI786432 NJE720903:NJE786432 NTA720903:NTA786432 OCW720903:OCW786432 OMS720903:OMS786432 OWO720903:OWO786432 PGK720903:PGK786432 PQG720903:PQG786432 QAC720903:QAC786432 QJY720903:QJY786432 QTU720903:QTU786432 RDQ720903:RDQ786432 RNM720903:RNM786432 RXI720903:RXI786432 SHE720903:SHE786432 SRA720903:SRA786432 TAW720903:TAW786432 TKS720903:TKS786432 TUO720903:TUO786432 UEK720903:UEK786432 UOG720903:UOG786432 UYC720903:UYC786432 VHY720903:VHY786432 VRU720903:VRU786432 WBQ720903:WBQ786432 WLM720903:WLM786432 WVI720903:WVI786432 IW786439:IW851968 SS786439:SS851968 ACO786439:ACO851968 AMK786439:AMK851968 AWG786439:AWG851968 BGC786439:BGC851968 BPY786439:BPY851968 BZU786439:BZU851968 CJQ786439:CJQ851968 CTM786439:CTM851968 DDI786439:DDI851968 DNE786439:DNE851968 DXA786439:DXA851968 EGW786439:EGW851968 EQS786439:EQS851968 FAO786439:FAO851968 FKK786439:FKK851968 FUG786439:FUG851968 GEC786439:GEC851968 GNY786439:GNY851968 GXU786439:GXU851968 HHQ786439:HHQ851968 HRM786439:HRM851968 IBI786439:IBI851968 ILE786439:ILE851968 IVA786439:IVA851968 JEW786439:JEW851968 JOS786439:JOS851968 JYO786439:JYO851968 KIK786439:KIK851968 KSG786439:KSG851968 LCC786439:LCC851968 LLY786439:LLY851968 LVU786439:LVU851968 MFQ786439:MFQ851968 MPM786439:MPM851968 MZI786439:MZI851968 NJE786439:NJE851968 NTA786439:NTA851968 OCW786439:OCW851968 OMS786439:OMS851968 OWO786439:OWO851968 PGK786439:PGK851968 PQG786439:PQG851968 QAC786439:QAC851968 QJY786439:QJY851968 QTU786439:QTU851968 RDQ786439:RDQ851968 RNM786439:RNM851968 RXI786439:RXI851968 SHE786439:SHE851968 SRA786439:SRA851968 TAW786439:TAW851968 TKS786439:TKS851968 TUO786439:TUO851968 UEK786439:UEK851968 UOG786439:UOG851968 UYC786439:UYC851968 VHY786439:VHY851968 VRU786439:VRU851968 WBQ786439:WBQ851968 WLM786439:WLM851968 WVI786439:WVI851968 IW851975:IW917504 SS851975:SS917504 ACO851975:ACO917504 AMK851975:AMK917504 AWG851975:AWG917504 BGC851975:BGC917504 BPY851975:BPY917504 BZU851975:BZU917504 CJQ851975:CJQ917504 CTM851975:CTM917504 DDI851975:DDI917504 DNE851975:DNE917504 DXA851975:DXA917504 EGW851975:EGW917504 EQS851975:EQS917504 FAO851975:FAO917504 FKK851975:FKK917504 FUG851975:FUG917504 GEC851975:GEC917504 GNY851975:GNY917504 GXU851975:GXU917504 HHQ851975:HHQ917504 HRM851975:HRM917504 IBI851975:IBI917504 ILE851975:ILE917504 IVA851975:IVA917504 JEW851975:JEW917504 JOS851975:JOS917504 JYO851975:JYO917504 KIK851975:KIK917504 KSG851975:KSG917504 LCC851975:LCC917504 LLY851975:LLY917504 LVU851975:LVU917504 MFQ851975:MFQ917504 MPM851975:MPM917504 MZI851975:MZI917504 NJE851975:NJE917504 NTA851975:NTA917504 OCW851975:OCW917504 OMS851975:OMS917504 OWO851975:OWO917504 PGK851975:PGK917504 PQG851975:PQG917504 QAC851975:QAC917504 QJY851975:QJY917504 QTU851975:QTU917504 RDQ851975:RDQ917504 RNM851975:RNM917504 RXI851975:RXI917504 SHE851975:SHE917504 SRA851975:SRA917504 TAW851975:TAW917504 TKS851975:TKS917504 TUO851975:TUO917504 UEK851975:UEK917504 UOG851975:UOG917504 UYC851975:UYC917504 VHY851975:VHY917504 VRU851975:VRU917504 WBQ851975:WBQ917504 WLM851975:WLM917504 WVI851975:WVI917504 IW917511:IW983040 SS917511:SS983040 ACO917511:ACO983040 AMK917511:AMK983040 AWG917511:AWG983040 BGC917511:BGC983040 BPY917511:BPY983040 BZU917511:BZU983040 CJQ917511:CJQ983040 CTM917511:CTM983040 DDI917511:DDI983040 DNE917511:DNE983040 DXA917511:DXA983040 EGW917511:EGW983040 EQS917511:EQS983040 FAO917511:FAO983040 FKK917511:FKK983040 FUG917511:FUG983040 GEC917511:GEC983040 GNY917511:GNY983040 GXU917511:GXU983040 HHQ917511:HHQ983040 HRM917511:HRM983040 IBI917511:IBI983040 ILE917511:ILE983040 IVA917511:IVA983040 JEW917511:JEW983040 JOS917511:JOS983040 JYO917511:JYO983040 KIK917511:KIK983040 KSG917511:KSG983040 LCC917511:LCC983040 LLY917511:LLY983040 LVU917511:LVU983040 MFQ917511:MFQ983040 MPM917511:MPM983040 MZI917511:MZI983040 NJE917511:NJE983040 NTA917511:NTA983040 OCW917511:OCW983040 OMS917511:OMS983040 OWO917511:OWO983040 PGK917511:PGK983040 PQG917511:PQG983040 QAC917511:QAC983040 QJY917511:QJY983040 QTU917511:QTU983040 RDQ917511:RDQ983040 RNM917511:RNM983040 RXI917511:RXI983040 SHE917511:SHE983040 SRA917511:SRA983040 TAW917511:TAW983040 TKS917511:TKS983040 TUO917511:TUO983040 UEK917511:UEK983040 UOG917511:UOG983040 UYC917511:UYC983040 VHY917511:VHY983040 VRU917511:VRU983040 WBQ917511:WBQ983040 WLM917511:WLM983040 WVI917511:WVI983040 IW983047:IW1048576 SS983047:SS1048576 ACO983047:ACO1048576 AMK983047:AMK1048576 AWG983047:AWG1048576 BGC983047:BGC1048576 BPY983047:BPY1048576 BZU983047:BZU1048576 CJQ983047:CJQ1048576 CTM983047:CTM1048576 DDI983047:DDI1048576 DNE983047:DNE1048576 DXA983047:DXA1048576 EGW983047:EGW1048576 EQS983047:EQS1048576 FAO983047:FAO1048576 FKK983047:FKK1048576 FUG983047:FUG1048576 GEC983047:GEC1048576 GNY983047:GNY1048576 GXU983047:GXU1048576 HHQ983047:HHQ1048576 HRM983047:HRM1048576 IBI983047:IBI1048576 ILE983047:ILE1048576 IVA983047:IVA1048576 JEW983047:JEW1048576 JOS983047:JOS1048576 JYO983047:JYO1048576 KIK983047:KIK1048576 KSG983047:KSG1048576 LCC983047:LCC1048576 LLY983047:LLY1048576 LVU983047:LVU1048576 MFQ983047:MFQ1048576 MPM983047:MPM1048576 MZI983047:MZI1048576 NJE983047:NJE1048576 NTA983047:NTA1048576 OCW983047:OCW1048576 OMS983047:OMS1048576 OWO983047:OWO1048576 PGK983047:PGK1048576 PQG983047:PQG1048576 QAC983047:QAC1048576 QJY983047:QJY1048576 QTU983047:QTU1048576 RDQ983047:RDQ1048576 RNM983047:RNM1048576 RXI983047:RXI1048576 SHE983047:SHE1048576 SRA983047:SRA1048576 TAW983047:TAW1048576 TKS983047:TKS1048576 TUO983047:TUO1048576 UEK983047:UEK1048576 UOG983047:UOG1048576 UYC983047:UYC1048576 VHY983047:VHY1048576 VRU983047:VRU1048576 WBQ983047:WBQ1048576 WLM983047:WLM1048576 WVI983047:WVI1048576" xr:uid="{6B3E8BDF-7821-423C-8EAA-5D2478DF21AD}">
      <formula1>"円グラフ,棒グラフ,帯グラフ,帯（５段階評価）,帯（７段階評価）,折線グラフ"</formula1>
    </dataValidation>
  </dataValidations>
  <hyperlinks>
    <hyperlink ref="B5" location="Details!A1" display="調査概要・集計条件詳細" xr:uid="{51E78ACE-15CE-4DCE-9833-0097251A953B}"/>
    <hyperlink ref="A7" location="Table!A1" display="数表" xr:uid="{848F0393-80EC-4A9E-AF64-67E671DA7599}"/>
    <hyperlink ref="A8" location="Table!A53" display="数表" xr:uid="{35044A5F-2EC6-4397-B2F5-408487D2DCD0}"/>
    <hyperlink ref="A9" location="Table!A101" display="数表" xr:uid="{AF3E356B-19F2-4469-9FC1-D20992F9F76D}"/>
    <hyperlink ref="A10" location="Table!A149" display="数表" xr:uid="{B339D043-F392-4F75-B4B6-DFC57AB16438}"/>
    <hyperlink ref="A11" location="Table!A197" display="数表" xr:uid="{10BE0D8A-F5B6-4E19-BA08-64BA736A2596}"/>
    <hyperlink ref="A12" location="Table!A245" display="数表" xr:uid="{CD3155CE-1CC8-49BE-9A1B-04E4149843B6}"/>
    <hyperlink ref="A13" location="Table!A401" display="数表" xr:uid="{D064BA96-2605-48C1-BD25-844C9CC86208}"/>
    <hyperlink ref="A14" location="Table!A449" display="数表" xr:uid="{2E6D27BE-BC6B-4615-AC98-5D587613B43C}"/>
    <hyperlink ref="A15" location="Table!A497" display="数表" xr:uid="{E9C7BFA5-459C-4C3F-8614-2F8C33300E3C}"/>
    <hyperlink ref="A16" location="Table!A549" display="数表" xr:uid="{11896836-292E-4676-AB2E-32C223DDF258}"/>
    <hyperlink ref="A17" location="Table!A597" display="数表" xr:uid="{DDA67E98-4FB4-4C87-9E09-42A45C11D82C}"/>
    <hyperlink ref="A18" location="Table!A645" display="数表" xr:uid="{8DD8B22D-7566-4E11-BA26-0B0EEA171C12}"/>
    <hyperlink ref="A19" location="Table!A697" display="数表" xr:uid="{4CD4B7B4-B90B-49A9-B66A-626479BC120F}"/>
    <hyperlink ref="A20" location="Table!A745" display="数表" xr:uid="{EA83F8EE-4D1C-43E8-8E85-55E2063EB545}"/>
    <hyperlink ref="A21" location="Table!A793" display="数表" xr:uid="{3BB98954-627B-4CED-A076-C84B0D1314F0}"/>
    <hyperlink ref="A22" location="Table!A845" display="数表" xr:uid="{D7186E3B-DE09-4271-9E3A-3F0149F7A824}"/>
    <hyperlink ref="A23" location="Table!A893" display="数表" xr:uid="{486BE444-99CD-4EB2-BA34-1DE2473F37F6}"/>
    <hyperlink ref="A24" location="Table!A941" display="数表" xr:uid="{3A5AB47C-2973-4BBC-A6FE-1545C563534C}"/>
    <hyperlink ref="A25" location="Table!A993" display="数表" xr:uid="{E140A16D-A84B-40C5-80CD-4524B0C8D20A}"/>
    <hyperlink ref="A26" location="Table!A1041" display="数表" xr:uid="{72CAB0E9-35C7-4AB3-8481-D4327E10DAFA}"/>
    <hyperlink ref="A27" location="Table!A1089" display="数表" xr:uid="{44FDD9EF-6788-4961-A465-1A80EA153DFB}"/>
    <hyperlink ref="A28" location="Table!A1137" display="数表" xr:uid="{697EB350-0595-4A4D-8A3E-915013E1FCC4}"/>
    <hyperlink ref="A29" location="Table!A1189" display="数表" xr:uid="{0C88CABE-50A8-4EC9-8E2E-AE4F2E806580}"/>
    <hyperlink ref="A30" location="Table!A1237" display="数表" xr:uid="{B650C0AD-1C1A-4DD2-94DB-74DB371009A7}"/>
    <hyperlink ref="A31" location="Table!A1289" display="数表" xr:uid="{D8BC161E-4FA4-4D83-9CC9-09D64EF28985}"/>
    <hyperlink ref="A32" location="Table!A1337" display="数表" xr:uid="{44E4EB8A-225B-4C38-AC75-44504991D362}"/>
    <hyperlink ref="A33" location="Table!A1389" display="数表" xr:uid="{3DE187F5-033B-4732-AD39-8DDF1F3B5390}"/>
    <hyperlink ref="A34" location="Table!A1437" display="数表" xr:uid="{602BFC8E-B9CC-4B58-85C1-BB452D9C2642}"/>
    <hyperlink ref="A35" location="Table!A1489" display="数表" xr:uid="{155DD5F7-B79B-4BCF-ABCD-450B61BF630B}"/>
    <hyperlink ref="A36" location="Table!A1537" display="数表" xr:uid="{C74F64A0-30B7-49B4-BD64-139F2F84F0DE}"/>
    <hyperlink ref="A37" location="Table!A1589" display="数表" xr:uid="{0636F41E-A5C3-458C-AA08-CCAFE9E5DA67}"/>
    <hyperlink ref="A38" location="Table!A1641" display="数表" xr:uid="{7943A7D1-9773-42BD-A094-AF2AE5A28F81}"/>
    <hyperlink ref="A39" location="Table!A1689" display="数表" xr:uid="{0F764E09-D289-49AC-BEFD-F0818329C927}"/>
    <hyperlink ref="A40" location="Table!A1737" display="数表" xr:uid="{E8C356AC-05E3-41E8-864F-07F7D7560058}"/>
    <hyperlink ref="A41" location="Table!A1789" display="数表" xr:uid="{CA72D3B5-2824-40F6-9BD2-C15D5571F722}"/>
    <hyperlink ref="A42" location="Table!A1837" display="数表" xr:uid="{3AB9A2E1-532F-4911-A917-456620BBF535}"/>
    <hyperlink ref="A43" location="Table!A1889" display="数表" xr:uid="{BA41903F-37B8-42D8-9CFB-E02EA01F0ED4}"/>
    <hyperlink ref="A44" location="Table!A1937" display="数表" xr:uid="{5D452CFB-ABF3-4F77-B325-EFC3B631FB0D}"/>
    <hyperlink ref="A45" location="Table!A1989" display="数表" xr:uid="{C155F064-3108-45B5-BF43-C95651AD0D27}"/>
    <hyperlink ref="A46" location="Table!A2037" display="数表" xr:uid="{D3E3FA13-ED1D-444C-BF29-55FC24D7685E}"/>
    <hyperlink ref="A47" location="Table!A2089" display="数表" xr:uid="{40F259DC-3C09-466C-AF1E-8D676206A86C}"/>
    <hyperlink ref="A48" location="Table!A2137" display="数表" xr:uid="{6372809E-A805-4904-8B47-E6BEFCCF75F7}"/>
    <hyperlink ref="A49" location="Table!A2189" display="数表" xr:uid="{3EBCC769-4684-491D-9D56-9E5E4C6F2B67}"/>
    <hyperlink ref="A50" location="Table!A2237" display="数表" xr:uid="{4822D05D-37B1-46D9-8513-16E22AC67BDB}"/>
    <hyperlink ref="A51" location="Table!A2289" display="数表" xr:uid="{1F895F1E-AA16-4796-B2F1-C9B856D410E4}"/>
    <hyperlink ref="A52" location="Table!A2337" display="数表" xr:uid="{237463BD-B929-46D2-BA0A-9069881C2AA8}"/>
    <hyperlink ref="A53" location="Table!A2389" display="数表" xr:uid="{7D138CAE-51F1-4131-9631-E109236ACD19}"/>
    <hyperlink ref="A54" location="Table!A2437" display="数表" xr:uid="{D94D59D5-86EB-459A-8747-E5D61A13417F}"/>
    <hyperlink ref="A55" location="Table!A2489" display="数表" xr:uid="{0495A462-2EA2-4CA3-BA78-EBF40439D4E2}"/>
    <hyperlink ref="A56" location="Table!A2537" display="数表" xr:uid="{6563E517-C851-4B8E-8A0C-5B065DA47CCF}"/>
    <hyperlink ref="A57" location="Table!A2589" display="数表" xr:uid="{26FC819A-8804-45FA-AEFD-A0990179BCDE}"/>
    <hyperlink ref="A58" location="Table!A2637" display="数表" xr:uid="{CAF819B8-B001-4EE9-A49D-D0DB68866034}"/>
    <hyperlink ref="A59" location="Table!A2689" display="数表" xr:uid="{CE93F020-32F6-465A-8C14-597F71472D59}"/>
    <hyperlink ref="A60" location="Table!A2737" display="数表" xr:uid="{F946865E-DB73-429B-8D4B-FC4CC66501C7}"/>
    <hyperlink ref="A61" location="Table!A2789" display="数表" xr:uid="{CB0DFCF2-D2D5-41F0-AFBD-0B012D67F5C0}"/>
    <hyperlink ref="A62" location="Table!A2837" display="数表" xr:uid="{27E23638-B569-459E-9231-E3E22268FFE6}"/>
    <hyperlink ref="A63" location="Table!A2889" display="数表" xr:uid="{D0EC15A9-FF97-4A19-AAE6-12B67E83C95B}"/>
    <hyperlink ref="A64" location="Table!A2937" display="数表" xr:uid="{36CDCF71-C5DD-457B-AA48-C089AA1565C1}"/>
    <hyperlink ref="A65" location="Table!A2989" display="数表" xr:uid="{DC781BBA-E8FB-41F6-BC12-37B3BC30DBC5}"/>
    <hyperlink ref="A66" location="Table!A3041" display="数表" xr:uid="{FA2AD707-7EBE-4EAC-B833-F5BB3AB067BA}"/>
    <hyperlink ref="A67" location="Table!A3093" display="数表" xr:uid="{8077FECC-84C7-4908-96FF-F970EB214AE8}"/>
    <hyperlink ref="A68" location="Table!A3145" display="数表" xr:uid="{D8F783AF-7A88-4956-A87C-EEF9B91D4703}"/>
    <hyperlink ref="A69" location="Table!A3197" display="数表" xr:uid="{A47EB8A3-DD09-4752-8C3E-D9F1A23F54E7}"/>
    <hyperlink ref="A70" location="Table!A3249" display="数表" xr:uid="{96283CF9-07CF-4EC3-8D1A-93FC0626130E}"/>
    <hyperlink ref="A71" location="Table!A3301" display="数表" xr:uid="{043C7472-D993-4DAA-A853-A00689BF2B91}"/>
    <hyperlink ref="A72" location="Table!A3353" display="数表" xr:uid="{238B45D9-B254-4EA9-A8DE-3DE3277377A0}"/>
    <hyperlink ref="A73" location="Table!A3405" display="数表" xr:uid="{B349ED4E-7B31-444B-8414-7200CA273A6A}"/>
    <hyperlink ref="A74" location="Table!A3457" display="数表" xr:uid="{373CEAEA-F594-4F3A-8742-FEB346839E97}"/>
    <hyperlink ref="A75" location="Table!A3505" display="数表" xr:uid="{5F103FC2-C217-457F-9C5B-87217B694E81}"/>
    <hyperlink ref="A76" location="Table!A3553" display="数表" xr:uid="{CE406A77-DA66-463B-B612-A40AB1F5E4CB}"/>
    <hyperlink ref="A77" location="Table!A3601" display="数表" xr:uid="{0FE75287-3450-4E5D-8501-F8F4874AACC9}"/>
    <hyperlink ref="A78" location="Table!A3649" display="数表" xr:uid="{589C590A-E6D0-4D79-AA65-447EBF0DAFE5}"/>
    <hyperlink ref="A79" location="Table!A3697" display="数表" xr:uid="{8298A142-88CE-4F10-8AB9-C6721E906481}"/>
    <hyperlink ref="A80" location="Table!A3745" display="数表" xr:uid="{EB031D85-B328-4295-8056-0DE0BA7B1C17}"/>
    <hyperlink ref="A81" location="Table!A3793" display="数表" xr:uid="{F838409D-C439-481F-9075-C3E8B5D19C31}"/>
    <hyperlink ref="A82" location="Table!A3841" display="数表" xr:uid="{938A0C10-A932-4AFD-B8AD-17F79674FD9C}"/>
    <hyperlink ref="A83" location="Table!A3889" display="数表" xr:uid="{3482129B-6607-40A5-97FF-8B1C1CE47170}"/>
    <hyperlink ref="A84" location="Table!A3937" display="数表" xr:uid="{7878A14A-87E3-4136-8565-0AA7462F588C}"/>
    <hyperlink ref="A85" location="Table!A3989" display="数表" xr:uid="{82BF98AD-66D4-4011-B3D5-E33FC3F7C855}"/>
    <hyperlink ref="A86" location="Table!A4037" display="数表" xr:uid="{0F78D3D2-0A3E-4E36-A47D-DAFD8DAC3BED}"/>
    <hyperlink ref="A87" location="Table!A4089" display="数表" xr:uid="{CCEC9D53-F1E6-4B4F-8B53-290FB5028190}"/>
    <hyperlink ref="A88" location="Table!A4137" display="数表" xr:uid="{B78F496C-6CE9-453D-A238-E648F002F86C}"/>
    <hyperlink ref="A89" location="Table!A4189" display="数表" xr:uid="{4320621C-6F40-4AF8-81D3-A100F02F7960}"/>
    <hyperlink ref="A90" location="Table!A4237" display="数表" xr:uid="{D6B8A11B-D54F-4B27-8B84-3C8D4EEA0D45}"/>
    <hyperlink ref="A91" location="Table!A4289" display="数表" xr:uid="{60F908AE-A42D-48F3-99B8-9BF136BF74F6}"/>
    <hyperlink ref="A92" location="Table!A4341" display="数表" xr:uid="{EACBB9AE-B4B6-4FA9-AEC2-2EDAB934580D}"/>
    <hyperlink ref="A93" location="Table!A4389" display="数表" xr:uid="{C911F583-E055-4F45-AABA-19B2AB1C8DCE}"/>
    <hyperlink ref="A94" location="Table!A4440" display="数表" xr:uid="{FF4B647D-EFED-4183-8037-BD7EA2BC261E}"/>
    <hyperlink ref="A95" location="Table!A4492" display="数表" xr:uid="{1AF44C84-C405-4A10-868B-8E977BB79336}"/>
    <hyperlink ref="A96" location="Table!A4540" display="数表" xr:uid="{ACCF9CAC-26F8-4C14-BC5C-C00FF6C009BC}"/>
    <hyperlink ref="A97" location="Table!A4592" display="数表" xr:uid="{C7C29E2F-3CAE-4FFC-96FB-B054B16EA9DE}"/>
    <hyperlink ref="A98" location="Table!A4640" display="数表" xr:uid="{C6C68E0D-402A-445F-88D7-F99E36A8F7A6}"/>
    <hyperlink ref="A99" location="Table!A4688" display="数表" xr:uid="{B6687D11-1720-4322-A2C6-CE5C62951842}"/>
    <hyperlink ref="A100" location="Table!A4736" display="数表" xr:uid="{65111CE1-29C7-4388-80AF-9B9745A9E26F}"/>
    <hyperlink ref="A101" location="Table!A4784" display="数表" xr:uid="{61CFD6D3-0A7C-4569-9771-FDDC7F62FCCE}"/>
    <hyperlink ref="A102" location="Table!A4836" display="数表" xr:uid="{7BD3BB21-6D1F-47BA-9E57-8FC44F754A60}"/>
    <hyperlink ref="A103" location="Table!A4888" display="数表" xr:uid="{DEC44B62-217B-4A3C-9E3D-1A0647BC5616}"/>
    <hyperlink ref="A104" location="Table!A4936" display="数表" xr:uid="{4DF39F35-4CE9-4D86-9F2F-9B63EE3BC8B7}"/>
    <hyperlink ref="A105" location="Table!A4988" display="数表" xr:uid="{B5C8C2C6-31EE-4A65-B3D4-479221CB7E79}"/>
    <hyperlink ref="A106" location="Table!A5040" display="数表" xr:uid="{6AC5AC4F-67F6-4EAF-8CE8-91E4B3D46F33}"/>
    <hyperlink ref="A107" location="Table!A5088" display="数表" xr:uid="{398C6BFF-A3AF-4DD2-B624-532F97D5146F}"/>
    <hyperlink ref="A108" location="Table!A5136" display="数表" xr:uid="{94E03A0F-B57D-4E44-B52B-95CD0CBBA79E}"/>
    <hyperlink ref="A109" location="Table!A5188" display="数表" xr:uid="{4CC407FB-0E32-4E65-8817-00C3ED107D78}"/>
    <hyperlink ref="A110" location="Table!A5239" display="数表" xr:uid="{2018E48F-B615-44BD-BA6D-DA8DA7D6650D}"/>
    <hyperlink ref="A111" location="Table!A5286" display="数表" xr:uid="{C3921DDF-1A2C-44CE-A38D-8DD26E952F6E}"/>
    <hyperlink ref="A112" location="Table!A5338" display="数表" xr:uid="{5C82D0D4-68A1-476E-A5B3-1CA4B6B58A95}"/>
    <hyperlink ref="A113" location="Table!A5390" display="数表" xr:uid="{FCC1FB99-BC46-4FFD-BDC3-B8351405607E}"/>
    <hyperlink ref="A114" location="Table!A5442" display="数表" xr:uid="{647EA6A4-839E-4C75-942F-C6DB9BC2D322}"/>
    <hyperlink ref="A115" location="Table!A5494" display="数表" xr:uid="{2046BB0B-D6B0-4B22-925A-413C61084549}"/>
    <hyperlink ref="A116" location="Table!A5546" display="数表" xr:uid="{64B47B9C-5A76-4071-8EA8-F290355484BA}"/>
    <hyperlink ref="A117" location="Table!A5598" display="数表" xr:uid="{985C635F-4AAA-46AC-83E7-77C2F0C834DF}"/>
    <hyperlink ref="A118" location="Table!A5650" display="数表" xr:uid="{ADFA8C5E-3CF8-463F-8230-81422C71A591}"/>
    <hyperlink ref="A119" location="Table!A5702" display="数表" xr:uid="{3D63DA47-72FC-4C1F-A6D8-A92ADC80AF7B}"/>
    <hyperlink ref="A120" location="Table!A5754" display="数表" xr:uid="{BF30E604-1942-46A6-82C3-F4E009BCC2B7}"/>
    <hyperlink ref="A121" location="Table!A5806" display="数表" xr:uid="{C736A3BD-0366-4155-8D89-5B1CFAF6A621}"/>
    <hyperlink ref="A122" location="Table!A5858" display="数表" xr:uid="{799976AB-AC18-4A69-8AAC-A83E4443691F}"/>
    <hyperlink ref="A123" location="Table!A5910" display="数表" xr:uid="{80556399-E434-4C0E-B921-9AA613E1CC9D}"/>
    <hyperlink ref="A124" location="Table!A5962" display="数表" xr:uid="{552FA420-E22B-4DD1-A7BE-887DDA623DCF}"/>
    <hyperlink ref="A125" location="Table!A6014" display="数表" xr:uid="{ACD349C8-DF43-495D-9B55-FD084EDCDCEC}"/>
    <hyperlink ref="A126" location="Table!A6066" display="数表" xr:uid="{328DE7B9-2057-41A8-9C53-BE319044EDBE}"/>
    <hyperlink ref="A127" location="Table!A6118" display="数表" xr:uid="{AB895537-EFD6-4468-BDB7-CA213DA821B4}"/>
  </hyperlinks>
  <pageMargins left="0.59055118110236227" right="0.39370078740157483" top="0.98425196850393704" bottom="0.98425196850393704" header="0.51181102362204722" footer="0.51181102362204722"/>
  <pageSetup paperSize="9" orientation="landscape" r:id="rId1"/>
  <headerFooter alignWithMargins="0">
    <oddFooter>&amp;R&amp;9&amp;P/&amp;N&amp;L&amp;9</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4ADE81-BE8F-4BB3-90A9-1320E3D9E277}">
  <dimension ref="A1:E19"/>
  <sheetViews>
    <sheetView showGridLines="0" zoomScaleNormal="100" workbookViewId="0"/>
  </sheetViews>
  <sheetFormatPr defaultRowHeight="13.2" x14ac:dyDescent="0.2"/>
  <cols>
    <col min="1" max="1" width="5.6640625" customWidth="1"/>
    <col min="2" max="2" width="13.6640625" customWidth="1"/>
    <col min="3" max="3" width="11.6640625" style="6" customWidth="1"/>
    <col min="4" max="4" width="110.6640625" customWidth="1"/>
    <col min="257" max="257" width="5.6640625" customWidth="1"/>
    <col min="258" max="258" width="13.6640625" customWidth="1"/>
    <col min="259" max="259" width="11.6640625" customWidth="1"/>
    <col min="260" max="260" width="110.6640625" customWidth="1"/>
    <col min="513" max="513" width="5.6640625" customWidth="1"/>
    <col min="514" max="514" width="13.6640625" customWidth="1"/>
    <col min="515" max="515" width="11.6640625" customWidth="1"/>
    <col min="516" max="516" width="110.6640625" customWidth="1"/>
    <col min="769" max="769" width="5.6640625" customWidth="1"/>
    <col min="770" max="770" width="13.6640625" customWidth="1"/>
    <col min="771" max="771" width="11.6640625" customWidth="1"/>
    <col min="772" max="772" width="110.6640625" customWidth="1"/>
    <col min="1025" max="1025" width="5.6640625" customWidth="1"/>
    <col min="1026" max="1026" width="13.6640625" customWidth="1"/>
    <col min="1027" max="1027" width="11.6640625" customWidth="1"/>
    <col min="1028" max="1028" width="110.6640625" customWidth="1"/>
    <col min="1281" max="1281" width="5.6640625" customWidth="1"/>
    <col min="1282" max="1282" width="13.6640625" customWidth="1"/>
    <col min="1283" max="1283" width="11.6640625" customWidth="1"/>
    <col min="1284" max="1284" width="110.6640625" customWidth="1"/>
    <col min="1537" max="1537" width="5.6640625" customWidth="1"/>
    <col min="1538" max="1538" width="13.6640625" customWidth="1"/>
    <col min="1539" max="1539" width="11.6640625" customWidth="1"/>
    <col min="1540" max="1540" width="110.6640625" customWidth="1"/>
    <col min="1793" max="1793" width="5.6640625" customWidth="1"/>
    <col min="1794" max="1794" width="13.6640625" customWidth="1"/>
    <col min="1795" max="1795" width="11.6640625" customWidth="1"/>
    <col min="1796" max="1796" width="110.6640625" customWidth="1"/>
    <col min="2049" max="2049" width="5.6640625" customWidth="1"/>
    <col min="2050" max="2050" width="13.6640625" customWidth="1"/>
    <col min="2051" max="2051" width="11.6640625" customWidth="1"/>
    <col min="2052" max="2052" width="110.6640625" customWidth="1"/>
    <col min="2305" max="2305" width="5.6640625" customWidth="1"/>
    <col min="2306" max="2306" width="13.6640625" customWidth="1"/>
    <col min="2307" max="2307" width="11.6640625" customWidth="1"/>
    <col min="2308" max="2308" width="110.6640625" customWidth="1"/>
    <col min="2561" max="2561" width="5.6640625" customWidth="1"/>
    <col min="2562" max="2562" width="13.6640625" customWidth="1"/>
    <col min="2563" max="2563" width="11.6640625" customWidth="1"/>
    <col min="2564" max="2564" width="110.6640625" customWidth="1"/>
    <col min="2817" max="2817" width="5.6640625" customWidth="1"/>
    <col min="2818" max="2818" width="13.6640625" customWidth="1"/>
    <col min="2819" max="2819" width="11.6640625" customWidth="1"/>
    <col min="2820" max="2820" width="110.6640625" customWidth="1"/>
    <col min="3073" max="3073" width="5.6640625" customWidth="1"/>
    <col min="3074" max="3074" width="13.6640625" customWidth="1"/>
    <col min="3075" max="3075" width="11.6640625" customWidth="1"/>
    <col min="3076" max="3076" width="110.6640625" customWidth="1"/>
    <col min="3329" max="3329" width="5.6640625" customWidth="1"/>
    <col min="3330" max="3330" width="13.6640625" customWidth="1"/>
    <col min="3331" max="3331" width="11.6640625" customWidth="1"/>
    <col min="3332" max="3332" width="110.6640625" customWidth="1"/>
    <col min="3585" max="3585" width="5.6640625" customWidth="1"/>
    <col min="3586" max="3586" width="13.6640625" customWidth="1"/>
    <col min="3587" max="3587" width="11.6640625" customWidth="1"/>
    <col min="3588" max="3588" width="110.6640625" customWidth="1"/>
    <col min="3841" max="3841" width="5.6640625" customWidth="1"/>
    <col min="3842" max="3842" width="13.6640625" customWidth="1"/>
    <col min="3843" max="3843" width="11.6640625" customWidth="1"/>
    <col min="3844" max="3844" width="110.6640625" customWidth="1"/>
    <col min="4097" max="4097" width="5.6640625" customWidth="1"/>
    <col min="4098" max="4098" width="13.6640625" customWidth="1"/>
    <col min="4099" max="4099" width="11.6640625" customWidth="1"/>
    <col min="4100" max="4100" width="110.6640625" customWidth="1"/>
    <col min="4353" max="4353" width="5.6640625" customWidth="1"/>
    <col min="4354" max="4354" width="13.6640625" customWidth="1"/>
    <col min="4355" max="4355" width="11.6640625" customWidth="1"/>
    <col min="4356" max="4356" width="110.6640625" customWidth="1"/>
    <col min="4609" max="4609" width="5.6640625" customWidth="1"/>
    <col min="4610" max="4610" width="13.6640625" customWidth="1"/>
    <col min="4611" max="4611" width="11.6640625" customWidth="1"/>
    <col min="4612" max="4612" width="110.6640625" customWidth="1"/>
    <col min="4865" max="4865" width="5.6640625" customWidth="1"/>
    <col min="4866" max="4866" width="13.6640625" customWidth="1"/>
    <col min="4867" max="4867" width="11.6640625" customWidth="1"/>
    <col min="4868" max="4868" width="110.6640625" customWidth="1"/>
    <col min="5121" max="5121" width="5.6640625" customWidth="1"/>
    <col min="5122" max="5122" width="13.6640625" customWidth="1"/>
    <col min="5123" max="5123" width="11.6640625" customWidth="1"/>
    <col min="5124" max="5124" width="110.6640625" customWidth="1"/>
    <col min="5377" max="5377" width="5.6640625" customWidth="1"/>
    <col min="5378" max="5378" width="13.6640625" customWidth="1"/>
    <col min="5379" max="5379" width="11.6640625" customWidth="1"/>
    <col min="5380" max="5380" width="110.6640625" customWidth="1"/>
    <col min="5633" max="5633" width="5.6640625" customWidth="1"/>
    <col min="5634" max="5634" width="13.6640625" customWidth="1"/>
    <col min="5635" max="5635" width="11.6640625" customWidth="1"/>
    <col min="5636" max="5636" width="110.6640625" customWidth="1"/>
    <col min="5889" max="5889" width="5.6640625" customWidth="1"/>
    <col min="5890" max="5890" width="13.6640625" customWidth="1"/>
    <col min="5891" max="5891" width="11.6640625" customWidth="1"/>
    <col min="5892" max="5892" width="110.6640625" customWidth="1"/>
    <col min="6145" max="6145" width="5.6640625" customWidth="1"/>
    <col min="6146" max="6146" width="13.6640625" customWidth="1"/>
    <col min="6147" max="6147" width="11.6640625" customWidth="1"/>
    <col min="6148" max="6148" width="110.6640625" customWidth="1"/>
    <col min="6401" max="6401" width="5.6640625" customWidth="1"/>
    <col min="6402" max="6402" width="13.6640625" customWidth="1"/>
    <col min="6403" max="6403" width="11.6640625" customWidth="1"/>
    <col min="6404" max="6404" width="110.6640625" customWidth="1"/>
    <col min="6657" max="6657" width="5.6640625" customWidth="1"/>
    <col min="6658" max="6658" width="13.6640625" customWidth="1"/>
    <col min="6659" max="6659" width="11.6640625" customWidth="1"/>
    <col min="6660" max="6660" width="110.6640625" customWidth="1"/>
    <col min="6913" max="6913" width="5.6640625" customWidth="1"/>
    <col min="6914" max="6914" width="13.6640625" customWidth="1"/>
    <col min="6915" max="6915" width="11.6640625" customWidth="1"/>
    <col min="6916" max="6916" width="110.6640625" customWidth="1"/>
    <col min="7169" max="7169" width="5.6640625" customWidth="1"/>
    <col min="7170" max="7170" width="13.6640625" customWidth="1"/>
    <col min="7171" max="7171" width="11.6640625" customWidth="1"/>
    <col min="7172" max="7172" width="110.6640625" customWidth="1"/>
    <col min="7425" max="7425" width="5.6640625" customWidth="1"/>
    <col min="7426" max="7426" width="13.6640625" customWidth="1"/>
    <col min="7427" max="7427" width="11.6640625" customWidth="1"/>
    <col min="7428" max="7428" width="110.6640625" customWidth="1"/>
    <col min="7681" max="7681" width="5.6640625" customWidth="1"/>
    <col min="7682" max="7682" width="13.6640625" customWidth="1"/>
    <col min="7683" max="7683" width="11.6640625" customWidth="1"/>
    <col min="7684" max="7684" width="110.6640625" customWidth="1"/>
    <col min="7937" max="7937" width="5.6640625" customWidth="1"/>
    <col min="7938" max="7938" width="13.6640625" customWidth="1"/>
    <col min="7939" max="7939" width="11.6640625" customWidth="1"/>
    <col min="7940" max="7940" width="110.6640625" customWidth="1"/>
    <col min="8193" max="8193" width="5.6640625" customWidth="1"/>
    <col min="8194" max="8194" width="13.6640625" customWidth="1"/>
    <col min="8195" max="8195" width="11.6640625" customWidth="1"/>
    <col min="8196" max="8196" width="110.6640625" customWidth="1"/>
    <col min="8449" max="8449" width="5.6640625" customWidth="1"/>
    <col min="8450" max="8450" width="13.6640625" customWidth="1"/>
    <col min="8451" max="8451" width="11.6640625" customWidth="1"/>
    <col min="8452" max="8452" width="110.6640625" customWidth="1"/>
    <col min="8705" max="8705" width="5.6640625" customWidth="1"/>
    <col min="8706" max="8706" width="13.6640625" customWidth="1"/>
    <col min="8707" max="8707" width="11.6640625" customWidth="1"/>
    <col min="8708" max="8708" width="110.6640625" customWidth="1"/>
    <col min="8961" max="8961" width="5.6640625" customWidth="1"/>
    <col min="8962" max="8962" width="13.6640625" customWidth="1"/>
    <col min="8963" max="8963" width="11.6640625" customWidth="1"/>
    <col min="8964" max="8964" width="110.6640625" customWidth="1"/>
    <col min="9217" max="9217" width="5.6640625" customWidth="1"/>
    <col min="9218" max="9218" width="13.6640625" customWidth="1"/>
    <col min="9219" max="9219" width="11.6640625" customWidth="1"/>
    <col min="9220" max="9220" width="110.6640625" customWidth="1"/>
    <col min="9473" max="9473" width="5.6640625" customWidth="1"/>
    <col min="9474" max="9474" width="13.6640625" customWidth="1"/>
    <col min="9475" max="9475" width="11.6640625" customWidth="1"/>
    <col min="9476" max="9476" width="110.6640625" customWidth="1"/>
    <col min="9729" max="9729" width="5.6640625" customWidth="1"/>
    <col min="9730" max="9730" width="13.6640625" customWidth="1"/>
    <col min="9731" max="9731" width="11.6640625" customWidth="1"/>
    <col min="9732" max="9732" width="110.6640625" customWidth="1"/>
    <col min="9985" max="9985" width="5.6640625" customWidth="1"/>
    <col min="9986" max="9986" width="13.6640625" customWidth="1"/>
    <col min="9987" max="9987" width="11.6640625" customWidth="1"/>
    <col min="9988" max="9988" width="110.6640625" customWidth="1"/>
    <col min="10241" max="10241" width="5.6640625" customWidth="1"/>
    <col min="10242" max="10242" width="13.6640625" customWidth="1"/>
    <col min="10243" max="10243" width="11.6640625" customWidth="1"/>
    <col min="10244" max="10244" width="110.6640625" customWidth="1"/>
    <col min="10497" max="10497" width="5.6640625" customWidth="1"/>
    <col min="10498" max="10498" width="13.6640625" customWidth="1"/>
    <col min="10499" max="10499" width="11.6640625" customWidth="1"/>
    <col min="10500" max="10500" width="110.6640625" customWidth="1"/>
    <col min="10753" max="10753" width="5.6640625" customWidth="1"/>
    <col min="10754" max="10754" width="13.6640625" customWidth="1"/>
    <col min="10755" max="10755" width="11.6640625" customWidth="1"/>
    <col min="10756" max="10756" width="110.6640625" customWidth="1"/>
    <col min="11009" max="11009" width="5.6640625" customWidth="1"/>
    <col min="11010" max="11010" width="13.6640625" customWidth="1"/>
    <col min="11011" max="11011" width="11.6640625" customWidth="1"/>
    <col min="11012" max="11012" width="110.6640625" customWidth="1"/>
    <col min="11265" max="11265" width="5.6640625" customWidth="1"/>
    <col min="11266" max="11266" width="13.6640625" customWidth="1"/>
    <col min="11267" max="11267" width="11.6640625" customWidth="1"/>
    <col min="11268" max="11268" width="110.6640625" customWidth="1"/>
    <col min="11521" max="11521" width="5.6640625" customWidth="1"/>
    <col min="11522" max="11522" width="13.6640625" customWidth="1"/>
    <col min="11523" max="11523" width="11.6640625" customWidth="1"/>
    <col min="11524" max="11524" width="110.6640625" customWidth="1"/>
    <col min="11777" max="11777" width="5.6640625" customWidth="1"/>
    <col min="11778" max="11778" width="13.6640625" customWidth="1"/>
    <col min="11779" max="11779" width="11.6640625" customWidth="1"/>
    <col min="11780" max="11780" width="110.6640625" customWidth="1"/>
    <col min="12033" max="12033" width="5.6640625" customWidth="1"/>
    <col min="12034" max="12034" width="13.6640625" customWidth="1"/>
    <col min="12035" max="12035" width="11.6640625" customWidth="1"/>
    <col min="12036" max="12036" width="110.6640625" customWidth="1"/>
    <col min="12289" max="12289" width="5.6640625" customWidth="1"/>
    <col min="12290" max="12290" width="13.6640625" customWidth="1"/>
    <col min="12291" max="12291" width="11.6640625" customWidth="1"/>
    <col min="12292" max="12292" width="110.6640625" customWidth="1"/>
    <col min="12545" max="12545" width="5.6640625" customWidth="1"/>
    <col min="12546" max="12546" width="13.6640625" customWidth="1"/>
    <col min="12547" max="12547" width="11.6640625" customWidth="1"/>
    <col min="12548" max="12548" width="110.6640625" customWidth="1"/>
    <col min="12801" max="12801" width="5.6640625" customWidth="1"/>
    <col min="12802" max="12802" width="13.6640625" customWidth="1"/>
    <col min="12803" max="12803" width="11.6640625" customWidth="1"/>
    <col min="12804" max="12804" width="110.6640625" customWidth="1"/>
    <col min="13057" max="13057" width="5.6640625" customWidth="1"/>
    <col min="13058" max="13058" width="13.6640625" customWidth="1"/>
    <col min="13059" max="13059" width="11.6640625" customWidth="1"/>
    <col min="13060" max="13060" width="110.6640625" customWidth="1"/>
    <col min="13313" max="13313" width="5.6640625" customWidth="1"/>
    <col min="13314" max="13314" width="13.6640625" customWidth="1"/>
    <col min="13315" max="13315" width="11.6640625" customWidth="1"/>
    <col min="13316" max="13316" width="110.6640625" customWidth="1"/>
    <col min="13569" max="13569" width="5.6640625" customWidth="1"/>
    <col min="13570" max="13570" width="13.6640625" customWidth="1"/>
    <col min="13571" max="13571" width="11.6640625" customWidth="1"/>
    <col min="13572" max="13572" width="110.6640625" customWidth="1"/>
    <col min="13825" max="13825" width="5.6640625" customWidth="1"/>
    <col min="13826" max="13826" width="13.6640625" customWidth="1"/>
    <col min="13827" max="13827" width="11.6640625" customWidth="1"/>
    <col min="13828" max="13828" width="110.6640625" customWidth="1"/>
    <col min="14081" max="14081" width="5.6640625" customWidth="1"/>
    <col min="14082" max="14082" width="13.6640625" customWidth="1"/>
    <col min="14083" max="14083" width="11.6640625" customWidth="1"/>
    <col min="14084" max="14084" width="110.6640625" customWidth="1"/>
    <col min="14337" max="14337" width="5.6640625" customWidth="1"/>
    <col min="14338" max="14338" width="13.6640625" customWidth="1"/>
    <col min="14339" max="14339" width="11.6640625" customWidth="1"/>
    <col min="14340" max="14340" width="110.6640625" customWidth="1"/>
    <col min="14593" max="14593" width="5.6640625" customWidth="1"/>
    <col min="14594" max="14594" width="13.6640625" customWidth="1"/>
    <col min="14595" max="14595" width="11.6640625" customWidth="1"/>
    <col min="14596" max="14596" width="110.6640625" customWidth="1"/>
    <col min="14849" max="14849" width="5.6640625" customWidth="1"/>
    <col min="14850" max="14850" width="13.6640625" customWidth="1"/>
    <col min="14851" max="14851" width="11.6640625" customWidth="1"/>
    <col min="14852" max="14852" width="110.6640625" customWidth="1"/>
    <col min="15105" max="15105" width="5.6640625" customWidth="1"/>
    <col min="15106" max="15106" width="13.6640625" customWidth="1"/>
    <col min="15107" max="15107" width="11.6640625" customWidth="1"/>
    <col min="15108" max="15108" width="110.6640625" customWidth="1"/>
    <col min="15361" max="15361" width="5.6640625" customWidth="1"/>
    <col min="15362" max="15362" width="13.6640625" customWidth="1"/>
    <col min="15363" max="15363" width="11.6640625" customWidth="1"/>
    <col min="15364" max="15364" width="110.6640625" customWidth="1"/>
    <col min="15617" max="15617" width="5.6640625" customWidth="1"/>
    <col min="15618" max="15618" width="13.6640625" customWidth="1"/>
    <col min="15619" max="15619" width="11.6640625" customWidth="1"/>
    <col min="15620" max="15620" width="110.6640625" customWidth="1"/>
    <col min="15873" max="15873" width="5.6640625" customWidth="1"/>
    <col min="15874" max="15874" width="13.6640625" customWidth="1"/>
    <col min="15875" max="15875" width="11.6640625" customWidth="1"/>
    <col min="15876" max="15876" width="110.6640625" customWidth="1"/>
    <col min="16129" max="16129" width="5.6640625" customWidth="1"/>
    <col min="16130" max="16130" width="13.6640625" customWidth="1"/>
    <col min="16131" max="16131" width="11.6640625" customWidth="1"/>
    <col min="16132" max="16132" width="110.6640625" customWidth="1"/>
  </cols>
  <sheetData>
    <row r="1" spans="1:5" x14ac:dyDescent="0.2">
      <c r="A1" s="26" t="s">
        <v>25</v>
      </c>
      <c r="D1" s="7" t="s">
        <v>26</v>
      </c>
    </row>
    <row r="2" spans="1:5" s="2" customFormat="1" ht="14.4" x14ac:dyDescent="0.2">
      <c r="A2" s="8"/>
      <c r="B2" s="9" t="s">
        <v>20</v>
      </c>
      <c r="C2" s="10"/>
    </row>
    <row r="3" spans="1:5" s="4" customFormat="1" ht="10.8" x14ac:dyDescent="0.2">
      <c r="A3" s="3"/>
      <c r="B3" s="4" t="s">
        <v>21</v>
      </c>
      <c r="C3" s="7"/>
    </row>
    <row r="4" spans="1:5" s="4" customFormat="1" ht="11.25" customHeight="1" x14ac:dyDescent="0.2">
      <c r="A4" s="3"/>
      <c r="B4" s="3" t="s">
        <v>22</v>
      </c>
      <c r="C4" s="7"/>
    </row>
    <row r="5" spans="1:5" x14ac:dyDescent="0.2">
      <c r="D5" s="6"/>
    </row>
    <row r="6" spans="1:5" x14ac:dyDescent="0.2">
      <c r="B6" s="11" t="s">
        <v>2</v>
      </c>
      <c r="C6" s="12"/>
      <c r="D6" s="13"/>
    </row>
    <row r="7" spans="1:5" x14ac:dyDescent="0.2">
      <c r="B7" s="14" t="s">
        <v>3</v>
      </c>
      <c r="C7" s="71" t="s">
        <v>27</v>
      </c>
      <c r="D7" s="72"/>
    </row>
    <row r="8" spans="1:5" x14ac:dyDescent="0.2">
      <c r="B8" s="15" t="s">
        <v>4</v>
      </c>
      <c r="C8" s="71"/>
      <c r="D8" s="72"/>
      <c r="E8" s="4"/>
    </row>
    <row r="9" spans="1:5" x14ac:dyDescent="0.2">
      <c r="B9" s="15" t="s">
        <v>5</v>
      </c>
      <c r="C9" s="16" t="s">
        <v>28</v>
      </c>
      <c r="D9" s="17" t="s">
        <v>6</v>
      </c>
      <c r="E9" s="4"/>
    </row>
    <row r="10" spans="1:5" x14ac:dyDescent="0.2">
      <c r="B10" s="15" t="s">
        <v>7</v>
      </c>
      <c r="C10" s="16" t="s">
        <v>29</v>
      </c>
      <c r="D10" s="17" t="s">
        <v>8</v>
      </c>
      <c r="E10" s="4"/>
    </row>
    <row r="11" spans="1:5" x14ac:dyDescent="0.2">
      <c r="B11" s="15" t="s">
        <v>9</v>
      </c>
      <c r="C11" s="16" t="s">
        <v>30</v>
      </c>
      <c r="D11" s="17" t="s">
        <v>10</v>
      </c>
      <c r="E11" s="4"/>
    </row>
    <row r="12" spans="1:5" x14ac:dyDescent="0.2">
      <c r="B12" s="18" t="s">
        <v>11</v>
      </c>
      <c r="C12" s="27" t="s">
        <v>31</v>
      </c>
      <c r="D12" s="19" t="s">
        <v>12</v>
      </c>
      <c r="E12" s="4"/>
    </row>
    <row r="13" spans="1:5" x14ac:dyDescent="0.2">
      <c r="B13" s="28" t="s">
        <v>13</v>
      </c>
      <c r="C13" s="29" t="s">
        <v>32</v>
      </c>
      <c r="D13" s="30" t="s">
        <v>14</v>
      </c>
      <c r="E13" s="4"/>
    </row>
    <row r="15" spans="1:5" x14ac:dyDescent="0.2">
      <c r="B15" s="11" t="s">
        <v>15</v>
      </c>
      <c r="C15" s="12"/>
      <c r="D15" s="13"/>
    </row>
    <row r="16" spans="1:5" x14ac:dyDescent="0.2">
      <c r="B16" s="15" t="s">
        <v>16</v>
      </c>
      <c r="C16" s="21" t="s">
        <v>33</v>
      </c>
      <c r="D16" s="17" t="s">
        <v>17</v>
      </c>
    </row>
    <row r="17" spans="2:4" x14ac:dyDescent="0.2">
      <c r="B17" s="22" t="s">
        <v>18</v>
      </c>
      <c r="C17" s="23" t="s">
        <v>34</v>
      </c>
      <c r="D17" s="24"/>
    </row>
    <row r="18" spans="2:4" x14ac:dyDescent="0.2">
      <c r="B18" s="73" t="s">
        <v>19</v>
      </c>
      <c r="C18" s="74"/>
      <c r="D18" s="20"/>
    </row>
    <row r="19" spans="2:4" x14ac:dyDescent="0.2">
      <c r="C19" s="7"/>
      <c r="D19" s="4"/>
    </row>
  </sheetData>
  <mergeCells count="3">
    <mergeCell ref="C7:D7"/>
    <mergeCell ref="C8:D8"/>
    <mergeCell ref="B18:C18"/>
  </mergeCells>
  <phoneticPr fontId="2"/>
  <hyperlinks>
    <hyperlink ref="A1" location="Contents!A1" display="目次" xr:uid="{764B47A1-E42F-44CD-BDC9-8B756D308B4A}"/>
  </hyperlinks>
  <pageMargins left="0.59055118110236227" right="0.39370078740157483" top="0.98425196850393704" bottom="0.98425196850393704" header="0.51181102362204722" footer="0.51181102362204722"/>
  <pageSetup paperSize="9" orientation="landscape" verticalDpi="0" r:id="rId1"/>
  <headerFooter alignWithMargins="0"/>
  <colBreaks count="1" manualBreakCount="1">
    <brk id="1" min="1" max="1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4A4612-8470-46CE-9C68-51D540172BB5}">
  <dimension ref="A1:AS6171"/>
  <sheetViews>
    <sheetView zoomScaleNormal="100" workbookViewId="0">
      <selection activeCell="A6118" sqref="A6118"/>
    </sheetView>
  </sheetViews>
  <sheetFormatPr defaultColWidth="6.6640625" defaultRowHeight="13.2" x14ac:dyDescent="0.2"/>
  <cols>
    <col min="1" max="1" width="6.88671875" style="4" customWidth="1"/>
    <col min="2" max="2" width="10.77734375" customWidth="1"/>
    <col min="3" max="3" width="19.77734375" customWidth="1"/>
    <col min="4" max="256" width="6.77734375" customWidth="1"/>
    <col min="257" max="257" width="6.88671875" customWidth="1"/>
    <col min="513" max="513" width="6.88671875" customWidth="1"/>
    <col min="769" max="769" width="6.88671875" customWidth="1"/>
    <col min="1025" max="1025" width="6.88671875" customWidth="1"/>
    <col min="1281" max="1281" width="6.88671875" customWidth="1"/>
    <col min="1537" max="1537" width="6.88671875" customWidth="1"/>
    <col min="1793" max="1793" width="6.88671875" customWidth="1"/>
    <col min="2049" max="2049" width="6.88671875" customWidth="1"/>
    <col min="2305" max="2305" width="6.88671875" customWidth="1"/>
    <col min="2561" max="2561" width="6.88671875" customWidth="1"/>
    <col min="2817" max="2817" width="6.88671875" customWidth="1"/>
    <col min="3073" max="3073" width="6.88671875" customWidth="1"/>
    <col min="3329" max="3329" width="6.88671875" customWidth="1"/>
    <col min="3585" max="3585" width="6.88671875" customWidth="1"/>
    <col min="3841" max="3841" width="6.88671875" customWidth="1"/>
    <col min="4097" max="4097" width="6.88671875" customWidth="1"/>
    <col min="4353" max="4353" width="6.88671875" customWidth="1"/>
    <col min="4609" max="4609" width="6.88671875" customWidth="1"/>
    <col min="4865" max="4865" width="6.88671875" customWidth="1"/>
    <col min="5121" max="5121" width="6.88671875" customWidth="1"/>
    <col min="5377" max="5377" width="6.88671875" customWidth="1"/>
    <col min="5633" max="5633" width="6.88671875" customWidth="1"/>
    <col min="5889" max="5889" width="6.88671875" customWidth="1"/>
    <col min="6145" max="6145" width="6.88671875" customWidth="1"/>
    <col min="6401" max="6401" width="6.88671875" customWidth="1"/>
    <col min="6657" max="6657" width="6.88671875" customWidth="1"/>
    <col min="6913" max="6913" width="6.88671875" customWidth="1"/>
    <col min="7169" max="7169" width="6.88671875" customWidth="1"/>
    <col min="7425" max="7425" width="6.88671875" customWidth="1"/>
    <col min="7681" max="7681" width="6.88671875" customWidth="1"/>
    <col min="7937" max="7937" width="6.88671875" customWidth="1"/>
    <col min="8193" max="8193" width="6.88671875" customWidth="1"/>
    <col min="8449" max="8449" width="6.88671875" customWidth="1"/>
    <col min="8705" max="8705" width="6.88671875" customWidth="1"/>
    <col min="8961" max="8961" width="6.88671875" customWidth="1"/>
    <col min="9217" max="9217" width="6.88671875" customWidth="1"/>
    <col min="9473" max="9473" width="6.88671875" customWidth="1"/>
    <col min="9729" max="9729" width="6.88671875" customWidth="1"/>
    <col min="9985" max="9985" width="6.88671875" customWidth="1"/>
    <col min="10241" max="10241" width="6.88671875" customWidth="1"/>
    <col min="10497" max="10497" width="6.88671875" customWidth="1"/>
    <col min="10753" max="10753" width="6.88671875" customWidth="1"/>
    <col min="11009" max="11009" width="6.88671875" customWidth="1"/>
    <col min="11265" max="11265" width="6.88671875" customWidth="1"/>
    <col min="11521" max="11521" width="6.88671875" customWidth="1"/>
    <col min="11777" max="11777" width="6.88671875" customWidth="1"/>
    <col min="12033" max="12033" width="6.88671875" customWidth="1"/>
    <col min="12289" max="12289" width="6.88671875" customWidth="1"/>
    <col min="12545" max="12545" width="6.88671875" customWidth="1"/>
    <col min="12801" max="12801" width="6.88671875" customWidth="1"/>
    <col min="13057" max="13057" width="6.88671875" customWidth="1"/>
    <col min="13313" max="13313" width="6.88671875" customWidth="1"/>
    <col min="13569" max="13569" width="6.88671875" customWidth="1"/>
    <col min="13825" max="13825" width="6.88671875" customWidth="1"/>
    <col min="14081" max="14081" width="6.88671875" customWidth="1"/>
    <col min="14337" max="14337" width="6.88671875" customWidth="1"/>
    <col min="14593" max="14593" width="6.88671875" customWidth="1"/>
    <col min="14849" max="14849" width="6.88671875" customWidth="1"/>
    <col min="15105" max="15105" width="6.88671875" customWidth="1"/>
    <col min="15361" max="15361" width="6.88671875" customWidth="1"/>
    <col min="15617" max="15617" width="6.88671875" customWidth="1"/>
    <col min="15873" max="15873" width="6.88671875" customWidth="1"/>
    <col min="16129" max="16129" width="6.88671875" customWidth="1"/>
  </cols>
  <sheetData>
    <row r="1" spans="1:25" x14ac:dyDescent="0.2">
      <c r="A1" s="26" t="s">
        <v>25</v>
      </c>
      <c r="B1" t="s">
        <v>35</v>
      </c>
      <c r="C1" t="s">
        <v>35</v>
      </c>
      <c r="M1" t="s">
        <v>35</v>
      </c>
    </row>
    <row r="2" spans="1:25" x14ac:dyDescent="0.2">
      <c r="B2" s="75" t="s">
        <v>36</v>
      </c>
      <c r="C2" s="76"/>
      <c r="D2" s="76"/>
      <c r="E2" s="76"/>
      <c r="F2" s="76"/>
      <c r="G2" s="76"/>
      <c r="H2" s="76"/>
      <c r="I2" s="76"/>
      <c r="J2" s="76"/>
      <c r="K2" s="76"/>
      <c r="L2" s="76"/>
      <c r="M2" s="76"/>
      <c r="N2" s="76"/>
      <c r="O2" s="76"/>
      <c r="P2" s="76"/>
      <c r="Q2" s="76"/>
      <c r="R2" s="76"/>
      <c r="S2" s="76"/>
      <c r="T2" s="76"/>
      <c r="U2" s="76"/>
      <c r="V2" s="76"/>
      <c r="W2" s="76"/>
      <c r="X2" s="76"/>
      <c r="Y2" s="76"/>
    </row>
    <row r="3" spans="1:25" s="32" customFormat="1" ht="25.65" customHeight="1" x14ac:dyDescent="0.15">
      <c r="A3" s="31"/>
      <c r="D3" s="33" t="s">
        <v>378</v>
      </c>
      <c r="E3" s="36" t="s">
        <v>379</v>
      </c>
      <c r="F3" s="37" t="s">
        <v>380</v>
      </c>
      <c r="G3" s="35" t="s">
        <v>381</v>
      </c>
    </row>
    <row r="4" spans="1:25" x14ac:dyDescent="0.2">
      <c r="B4" s="5"/>
      <c r="C4" s="41" t="s">
        <v>38</v>
      </c>
      <c r="D4" s="42">
        <v>2000</v>
      </c>
      <c r="E4" s="43">
        <v>54.3</v>
      </c>
      <c r="F4" s="44">
        <v>45.7</v>
      </c>
    </row>
    <row r="5" spans="1:25" x14ac:dyDescent="0.2">
      <c r="B5" s="77" t="s">
        <v>37</v>
      </c>
      <c r="C5" s="39" t="s">
        <v>39</v>
      </c>
      <c r="D5" s="45">
        <v>111</v>
      </c>
      <c r="E5" s="46">
        <v>65.8</v>
      </c>
      <c r="F5" s="47">
        <v>34.200000000000003</v>
      </c>
    </row>
    <row r="6" spans="1:25" x14ac:dyDescent="0.2">
      <c r="B6" s="77"/>
      <c r="C6" s="39" t="s">
        <v>40</v>
      </c>
      <c r="D6" s="45">
        <v>450</v>
      </c>
      <c r="E6" s="46">
        <v>68</v>
      </c>
      <c r="F6" s="47">
        <v>32</v>
      </c>
    </row>
    <row r="7" spans="1:25" ht="21.6" x14ac:dyDescent="0.2">
      <c r="B7" s="77"/>
      <c r="C7" s="39" t="s">
        <v>41</v>
      </c>
      <c r="D7" s="45">
        <v>30</v>
      </c>
      <c r="E7" s="46">
        <v>50</v>
      </c>
      <c r="F7" s="47">
        <v>50</v>
      </c>
    </row>
    <row r="8" spans="1:25" ht="21.6" x14ac:dyDescent="0.2">
      <c r="B8" s="77"/>
      <c r="C8" s="39" t="s">
        <v>42</v>
      </c>
      <c r="D8" s="45">
        <v>336</v>
      </c>
      <c r="E8" s="46">
        <v>73.5</v>
      </c>
      <c r="F8" s="47">
        <v>26.5</v>
      </c>
    </row>
    <row r="9" spans="1:25" ht="21.6" x14ac:dyDescent="0.2">
      <c r="B9" s="77"/>
      <c r="C9" s="39" t="s">
        <v>43</v>
      </c>
      <c r="D9" s="45">
        <v>327</v>
      </c>
      <c r="E9" s="46">
        <v>37.6</v>
      </c>
      <c r="F9" s="47">
        <v>62.4</v>
      </c>
    </row>
    <row r="10" spans="1:25" ht="21.6" x14ac:dyDescent="0.2">
      <c r="B10" s="77"/>
      <c r="C10" s="39" t="s">
        <v>44</v>
      </c>
      <c r="D10" s="45">
        <v>181</v>
      </c>
      <c r="E10" s="46">
        <v>47.5</v>
      </c>
      <c r="F10" s="47">
        <v>52.5</v>
      </c>
    </row>
    <row r="11" spans="1:25" ht="21.6" x14ac:dyDescent="0.2">
      <c r="B11" s="77"/>
      <c r="C11" s="39" t="s">
        <v>45</v>
      </c>
      <c r="D11" s="45">
        <v>565</v>
      </c>
      <c r="E11" s="46">
        <v>41.8</v>
      </c>
      <c r="F11" s="47">
        <v>58.2</v>
      </c>
    </row>
    <row r="12" spans="1:25" ht="21.6" x14ac:dyDescent="0.2">
      <c r="B12" s="77"/>
      <c r="C12" s="39" t="s">
        <v>46</v>
      </c>
      <c r="D12" s="45">
        <v>473</v>
      </c>
      <c r="E12" s="46">
        <v>42.3</v>
      </c>
      <c r="F12" s="47">
        <v>57.7</v>
      </c>
    </row>
    <row r="13" spans="1:25" ht="21.6" x14ac:dyDescent="0.2">
      <c r="B13" s="77"/>
      <c r="C13" s="39" t="s">
        <v>47</v>
      </c>
      <c r="D13" s="45">
        <v>441</v>
      </c>
      <c r="E13" s="46">
        <v>57.8</v>
      </c>
      <c r="F13" s="47">
        <v>42.2</v>
      </c>
    </row>
    <row r="14" spans="1:25" ht="21.6" x14ac:dyDescent="0.2">
      <c r="B14" s="77"/>
      <c r="C14" s="39" t="s">
        <v>48</v>
      </c>
      <c r="D14" s="45">
        <v>305</v>
      </c>
      <c r="E14" s="46">
        <v>66.900000000000006</v>
      </c>
      <c r="F14" s="47">
        <v>33.1</v>
      </c>
    </row>
    <row r="15" spans="1:25" ht="21.6" x14ac:dyDescent="0.2">
      <c r="B15" s="77"/>
      <c r="C15" s="39" t="s">
        <v>49</v>
      </c>
      <c r="D15" s="45">
        <v>223</v>
      </c>
      <c r="E15" s="46">
        <v>64.099999999999994</v>
      </c>
      <c r="F15" s="47">
        <v>35.9</v>
      </c>
    </row>
    <row r="16" spans="1:25" ht="21.6" x14ac:dyDescent="0.2">
      <c r="B16" s="77"/>
      <c r="C16" s="39" t="s">
        <v>50</v>
      </c>
      <c r="D16" s="45">
        <v>123</v>
      </c>
      <c r="E16" s="46">
        <v>65.900000000000006</v>
      </c>
      <c r="F16" s="47">
        <v>34.1</v>
      </c>
    </row>
    <row r="17" spans="1:25" ht="21.6" x14ac:dyDescent="0.2">
      <c r="B17" s="77"/>
      <c r="C17" s="39" t="s">
        <v>51</v>
      </c>
      <c r="D17" s="45">
        <v>124</v>
      </c>
      <c r="E17" s="46">
        <v>56.5</v>
      </c>
      <c r="F17" s="47">
        <v>43.5</v>
      </c>
    </row>
    <row r="18" spans="1:25" ht="21.6" x14ac:dyDescent="0.2">
      <c r="B18" s="77"/>
      <c r="C18" s="39" t="s">
        <v>52</v>
      </c>
      <c r="D18" s="45">
        <v>312</v>
      </c>
      <c r="E18" s="46">
        <v>44.6</v>
      </c>
      <c r="F18" s="47">
        <v>55.4</v>
      </c>
    </row>
    <row r="19" spans="1:25" x14ac:dyDescent="0.2">
      <c r="B19" s="77"/>
      <c r="C19" s="39" t="s">
        <v>53</v>
      </c>
      <c r="D19" s="45">
        <v>269</v>
      </c>
      <c r="E19" s="46">
        <v>54.3</v>
      </c>
      <c r="F19" s="47">
        <v>45.7</v>
      </c>
    </row>
    <row r="20" spans="1:25" ht="21.6" x14ac:dyDescent="0.2">
      <c r="B20" s="77"/>
      <c r="C20" s="39" t="s">
        <v>54</v>
      </c>
      <c r="D20" s="45">
        <v>511</v>
      </c>
      <c r="E20" s="46">
        <v>61.3</v>
      </c>
      <c r="F20" s="47">
        <v>38.700000000000003</v>
      </c>
    </row>
    <row r="21" spans="1:25" ht="21.6" x14ac:dyDescent="0.2">
      <c r="B21" s="77"/>
      <c r="C21" s="39" t="s">
        <v>55</v>
      </c>
      <c r="D21" s="45">
        <v>615</v>
      </c>
      <c r="E21" s="46">
        <v>61.5</v>
      </c>
      <c r="F21" s="47">
        <v>38.5</v>
      </c>
    </row>
    <row r="22" spans="1:25" ht="21.6" x14ac:dyDescent="0.2">
      <c r="B22" s="77"/>
      <c r="C22" s="39" t="s">
        <v>56</v>
      </c>
      <c r="D22" s="45">
        <v>800</v>
      </c>
      <c r="E22" s="46">
        <v>61.6</v>
      </c>
      <c r="F22" s="47">
        <v>38.4</v>
      </c>
    </row>
    <row r="23" spans="1:25" x14ac:dyDescent="0.2">
      <c r="B23" s="77"/>
      <c r="C23" s="40" t="s">
        <v>57</v>
      </c>
      <c r="D23" s="48">
        <v>798</v>
      </c>
      <c r="E23" s="49">
        <v>56.4</v>
      </c>
      <c r="F23" s="50">
        <v>43.6</v>
      </c>
    </row>
    <row r="24" spans="1:25" x14ac:dyDescent="0.2">
      <c r="B24" s="7" t="s">
        <v>71</v>
      </c>
      <c r="C24" s="4" t="s">
        <v>72</v>
      </c>
    </row>
    <row r="25" spans="1:25" x14ac:dyDescent="0.2">
      <c r="B25" s="4"/>
      <c r="C25" s="4" t="s">
        <v>73</v>
      </c>
    </row>
    <row r="27" spans="1:25" x14ac:dyDescent="0.2">
      <c r="C27" t="s">
        <v>35</v>
      </c>
    </row>
    <row r="28" spans="1:25" x14ac:dyDescent="0.2">
      <c r="B28" s="75" t="s">
        <v>258</v>
      </c>
      <c r="C28" s="76"/>
      <c r="D28" s="76"/>
      <c r="E28" s="76"/>
      <c r="F28" s="76"/>
      <c r="G28" s="76"/>
      <c r="H28" s="76"/>
      <c r="I28" s="76"/>
      <c r="J28" s="76"/>
      <c r="K28" s="76"/>
      <c r="L28" s="76"/>
      <c r="M28" s="76"/>
      <c r="N28" s="76"/>
      <c r="O28" s="76"/>
      <c r="P28" s="76"/>
      <c r="Q28" s="76"/>
      <c r="R28" s="76"/>
      <c r="S28" s="76"/>
      <c r="T28" s="76"/>
      <c r="U28" s="76"/>
      <c r="V28" s="76"/>
      <c r="W28" s="76"/>
      <c r="X28" s="76"/>
      <c r="Y28" s="76"/>
    </row>
    <row r="29" spans="1:25" s="32" customFormat="1" ht="25.65" customHeight="1" x14ac:dyDescent="0.15">
      <c r="A29" s="31"/>
      <c r="D29" s="33" t="s">
        <v>378</v>
      </c>
      <c r="E29" s="36" t="s">
        <v>379</v>
      </c>
      <c r="F29" s="37" t="s">
        <v>380</v>
      </c>
      <c r="G29" s="35" t="s">
        <v>381</v>
      </c>
    </row>
    <row r="30" spans="1:25" ht="21.6" x14ac:dyDescent="0.2">
      <c r="B30" s="77" t="s">
        <v>37</v>
      </c>
      <c r="C30" s="38" t="s">
        <v>58</v>
      </c>
      <c r="D30" s="51">
        <v>609</v>
      </c>
      <c r="E30" s="52">
        <v>61.1</v>
      </c>
      <c r="F30" s="53">
        <v>38.9</v>
      </c>
    </row>
    <row r="31" spans="1:25" ht="21.6" x14ac:dyDescent="0.2">
      <c r="B31" s="77"/>
      <c r="C31" s="39" t="s">
        <v>59</v>
      </c>
      <c r="D31" s="45">
        <v>1391</v>
      </c>
      <c r="E31" s="46">
        <v>51.3</v>
      </c>
      <c r="F31" s="47">
        <v>48.7</v>
      </c>
    </row>
    <row r="32" spans="1:25" x14ac:dyDescent="0.2">
      <c r="B32" s="77"/>
      <c r="C32" s="39" t="s">
        <v>60</v>
      </c>
      <c r="D32" s="45">
        <v>1325</v>
      </c>
      <c r="E32" s="46">
        <v>55.1</v>
      </c>
      <c r="F32" s="47">
        <v>44.9</v>
      </c>
    </row>
    <row r="33" spans="2:6" x14ac:dyDescent="0.2">
      <c r="B33" s="77"/>
      <c r="C33" s="39" t="s">
        <v>61</v>
      </c>
      <c r="D33" s="45">
        <v>675</v>
      </c>
      <c r="E33" s="46">
        <v>52.7</v>
      </c>
      <c r="F33" s="47">
        <v>47.3</v>
      </c>
    </row>
    <row r="34" spans="2:6" x14ac:dyDescent="0.2">
      <c r="B34" s="77"/>
      <c r="C34" s="39" t="s">
        <v>62</v>
      </c>
      <c r="D34" s="45">
        <v>1086</v>
      </c>
      <c r="E34" s="46">
        <v>100</v>
      </c>
      <c r="F34" s="47">
        <v>0</v>
      </c>
    </row>
    <row r="35" spans="2:6" ht="21.6" x14ac:dyDescent="0.2">
      <c r="B35" s="77"/>
      <c r="C35" s="39" t="s">
        <v>63</v>
      </c>
      <c r="D35" s="45">
        <v>203</v>
      </c>
      <c r="E35" s="46">
        <v>100</v>
      </c>
      <c r="F35" s="47">
        <v>0</v>
      </c>
    </row>
    <row r="36" spans="2:6" x14ac:dyDescent="0.2">
      <c r="B36" s="77"/>
      <c r="C36" s="39" t="s">
        <v>64</v>
      </c>
      <c r="D36" s="45">
        <v>263</v>
      </c>
      <c r="E36" s="46">
        <v>100</v>
      </c>
      <c r="F36" s="47">
        <v>0</v>
      </c>
    </row>
    <row r="37" spans="2:6" x14ac:dyDescent="0.2">
      <c r="B37" s="77"/>
      <c r="C37" s="39" t="s">
        <v>65</v>
      </c>
      <c r="D37" s="45">
        <v>312</v>
      </c>
      <c r="E37" s="46">
        <v>100</v>
      </c>
      <c r="F37" s="47">
        <v>0</v>
      </c>
    </row>
    <row r="38" spans="2:6" x14ac:dyDescent="0.2">
      <c r="B38" s="77"/>
      <c r="C38" s="39" t="s">
        <v>66</v>
      </c>
      <c r="D38" s="45">
        <v>230</v>
      </c>
      <c r="E38" s="46">
        <v>100</v>
      </c>
      <c r="F38" s="47">
        <v>0</v>
      </c>
    </row>
    <row r="39" spans="2:6" x14ac:dyDescent="0.2">
      <c r="B39" s="77"/>
      <c r="C39" s="39" t="s">
        <v>67</v>
      </c>
      <c r="D39" s="45">
        <v>78</v>
      </c>
      <c r="E39" s="46">
        <v>100</v>
      </c>
      <c r="F39" s="47">
        <v>0</v>
      </c>
    </row>
    <row r="40" spans="2:6" x14ac:dyDescent="0.2">
      <c r="B40" s="77"/>
      <c r="C40" s="39" t="s">
        <v>68</v>
      </c>
      <c r="D40" s="45">
        <v>897</v>
      </c>
      <c r="E40" s="46">
        <v>100</v>
      </c>
      <c r="F40" s="47">
        <v>0</v>
      </c>
    </row>
    <row r="41" spans="2:6" x14ac:dyDescent="0.2">
      <c r="B41" s="77"/>
      <c r="C41" s="39" t="s">
        <v>69</v>
      </c>
      <c r="D41" s="45">
        <v>189</v>
      </c>
      <c r="E41" s="46">
        <v>100</v>
      </c>
      <c r="F41" s="47">
        <v>0</v>
      </c>
    </row>
    <row r="42" spans="2:6" x14ac:dyDescent="0.2">
      <c r="B42" s="77"/>
      <c r="C42" s="39" t="s">
        <v>70</v>
      </c>
      <c r="D42" s="45">
        <v>914</v>
      </c>
      <c r="E42" s="46">
        <v>0</v>
      </c>
      <c r="F42" s="47">
        <v>100</v>
      </c>
    </row>
    <row r="43" spans="2:6" ht="21.6" x14ac:dyDescent="0.2">
      <c r="B43" s="77"/>
      <c r="C43" s="39" t="s">
        <v>63</v>
      </c>
      <c r="D43" s="45">
        <v>193</v>
      </c>
      <c r="E43" s="46">
        <v>0</v>
      </c>
      <c r="F43" s="47">
        <v>100</v>
      </c>
    </row>
    <row r="44" spans="2:6" x14ac:dyDescent="0.2">
      <c r="B44" s="77"/>
      <c r="C44" s="39" t="s">
        <v>64</v>
      </c>
      <c r="D44" s="45">
        <v>203</v>
      </c>
      <c r="E44" s="46">
        <v>0</v>
      </c>
      <c r="F44" s="47">
        <v>100</v>
      </c>
    </row>
    <row r="45" spans="2:6" x14ac:dyDescent="0.2">
      <c r="B45" s="77"/>
      <c r="C45" s="39" t="s">
        <v>65</v>
      </c>
      <c r="D45" s="45">
        <v>263</v>
      </c>
      <c r="E45" s="46">
        <v>0</v>
      </c>
      <c r="F45" s="47">
        <v>100</v>
      </c>
    </row>
    <row r="46" spans="2:6" x14ac:dyDescent="0.2">
      <c r="B46" s="77"/>
      <c r="C46" s="39" t="s">
        <v>66</v>
      </c>
      <c r="D46" s="45">
        <v>194</v>
      </c>
      <c r="E46" s="46">
        <v>0</v>
      </c>
      <c r="F46" s="47">
        <v>100</v>
      </c>
    </row>
    <row r="47" spans="2:6" x14ac:dyDescent="0.2">
      <c r="B47" s="77"/>
      <c r="C47" s="39" t="s">
        <v>67</v>
      </c>
      <c r="D47" s="45">
        <v>61</v>
      </c>
      <c r="E47" s="46">
        <v>0</v>
      </c>
      <c r="F47" s="47">
        <v>100</v>
      </c>
    </row>
    <row r="48" spans="2:6" x14ac:dyDescent="0.2">
      <c r="B48" s="77"/>
      <c r="C48" s="39" t="s">
        <v>68</v>
      </c>
      <c r="D48" s="45">
        <v>416</v>
      </c>
      <c r="E48" s="46">
        <v>0</v>
      </c>
      <c r="F48" s="47">
        <v>100</v>
      </c>
    </row>
    <row r="49" spans="1:25" x14ac:dyDescent="0.2">
      <c r="B49" s="77"/>
      <c r="C49" s="40" t="s">
        <v>69</v>
      </c>
      <c r="D49" s="48">
        <v>498</v>
      </c>
      <c r="E49" s="49">
        <v>0</v>
      </c>
      <c r="F49" s="50">
        <v>100</v>
      </c>
    </row>
    <row r="50" spans="1:25" x14ac:dyDescent="0.2">
      <c r="B50" s="7" t="s">
        <v>71</v>
      </c>
      <c r="C50" s="4" t="s">
        <v>72</v>
      </c>
    </row>
    <row r="51" spans="1:25" x14ac:dyDescent="0.2">
      <c r="B51" s="4"/>
      <c r="C51" s="4" t="s">
        <v>73</v>
      </c>
    </row>
    <row r="53" spans="1:25" x14ac:dyDescent="0.2">
      <c r="A53" s="26" t="s">
        <v>25</v>
      </c>
      <c r="B53" t="s">
        <v>35</v>
      </c>
      <c r="C53" t="s">
        <v>35</v>
      </c>
    </row>
    <row r="54" spans="1:25" x14ac:dyDescent="0.2">
      <c r="B54" s="75" t="s">
        <v>74</v>
      </c>
      <c r="C54" s="76"/>
      <c r="D54" s="76"/>
      <c r="E54" s="76"/>
      <c r="F54" s="76"/>
      <c r="G54" s="76"/>
      <c r="H54" s="76"/>
      <c r="I54" s="76"/>
      <c r="J54" s="76"/>
      <c r="K54" s="76"/>
      <c r="L54" s="76"/>
      <c r="M54" s="76"/>
      <c r="N54" s="76"/>
      <c r="O54" s="76"/>
      <c r="P54" s="76"/>
      <c r="Q54" s="76"/>
      <c r="R54" s="76"/>
      <c r="S54" s="76"/>
      <c r="T54" s="76"/>
      <c r="U54" s="76"/>
      <c r="V54" s="76"/>
      <c r="W54" s="76"/>
      <c r="X54" s="76"/>
      <c r="Y54" s="76"/>
    </row>
    <row r="55" spans="1:25" s="32" customFormat="1" ht="36.450000000000003" customHeight="1" x14ac:dyDescent="0.15">
      <c r="A55" s="31"/>
      <c r="D55" s="33" t="s">
        <v>378</v>
      </c>
      <c r="E55" s="36" t="s">
        <v>382</v>
      </c>
      <c r="F55" s="55" t="s">
        <v>383</v>
      </c>
      <c r="G55" s="55" t="s">
        <v>384</v>
      </c>
      <c r="H55" s="55" t="s">
        <v>385</v>
      </c>
      <c r="I55" s="55" t="s">
        <v>386</v>
      </c>
      <c r="J55" s="56" t="s">
        <v>387</v>
      </c>
      <c r="K55" s="57" t="s">
        <v>388</v>
      </c>
      <c r="L55" s="54" t="s">
        <v>381</v>
      </c>
    </row>
    <row r="56" spans="1:25" x14ac:dyDescent="0.2">
      <c r="B56" s="5"/>
      <c r="C56" s="41" t="s">
        <v>38</v>
      </c>
      <c r="D56" s="42">
        <v>2000</v>
      </c>
      <c r="E56" s="43">
        <v>19.8</v>
      </c>
      <c r="F56" s="43">
        <v>23.3</v>
      </c>
      <c r="G56" s="43">
        <v>28.8</v>
      </c>
      <c r="H56" s="43">
        <v>21.2</v>
      </c>
      <c r="I56" s="43">
        <v>7</v>
      </c>
      <c r="J56" s="43">
        <v>42</v>
      </c>
      <c r="K56" s="58">
        <v>43</v>
      </c>
    </row>
    <row r="57" spans="1:25" x14ac:dyDescent="0.2">
      <c r="B57" s="77" t="s">
        <v>37</v>
      </c>
      <c r="C57" s="39" t="s">
        <v>39</v>
      </c>
      <c r="D57" s="45">
        <v>111</v>
      </c>
      <c r="E57" s="46">
        <v>19.8</v>
      </c>
      <c r="F57" s="46">
        <v>25.2</v>
      </c>
      <c r="G57" s="46">
        <v>25.2</v>
      </c>
      <c r="H57" s="46">
        <v>20.7</v>
      </c>
      <c r="I57" s="46">
        <v>9</v>
      </c>
      <c r="J57" s="46">
        <v>42.4</v>
      </c>
      <c r="K57" s="59">
        <v>42</v>
      </c>
    </row>
    <row r="58" spans="1:25" x14ac:dyDescent="0.2">
      <c r="B58" s="77"/>
      <c r="C58" s="39" t="s">
        <v>40</v>
      </c>
      <c r="D58" s="45">
        <v>450</v>
      </c>
      <c r="E58" s="46">
        <v>13.8</v>
      </c>
      <c r="F58" s="46">
        <v>23.8</v>
      </c>
      <c r="G58" s="46">
        <v>31.3</v>
      </c>
      <c r="H58" s="46">
        <v>24.7</v>
      </c>
      <c r="I58" s="46">
        <v>6.4</v>
      </c>
      <c r="J58" s="46">
        <v>43.2</v>
      </c>
      <c r="K58" s="59">
        <v>44</v>
      </c>
    </row>
    <row r="59" spans="1:25" ht="21.6" x14ac:dyDescent="0.2">
      <c r="B59" s="77"/>
      <c r="C59" s="39" t="s">
        <v>41</v>
      </c>
      <c r="D59" s="45">
        <v>30</v>
      </c>
      <c r="E59" s="46">
        <v>26.7</v>
      </c>
      <c r="F59" s="46">
        <v>13.3</v>
      </c>
      <c r="G59" s="46">
        <v>33.299999999999997</v>
      </c>
      <c r="H59" s="46">
        <v>16.7</v>
      </c>
      <c r="I59" s="46">
        <v>10</v>
      </c>
      <c r="J59" s="46">
        <v>41.1</v>
      </c>
      <c r="K59" s="59">
        <v>45</v>
      </c>
    </row>
    <row r="60" spans="1:25" ht="21.6" x14ac:dyDescent="0.2">
      <c r="B60" s="77"/>
      <c r="C60" s="39" t="s">
        <v>42</v>
      </c>
      <c r="D60" s="45">
        <v>336</v>
      </c>
      <c r="E60" s="46">
        <v>22</v>
      </c>
      <c r="F60" s="46">
        <v>24.7</v>
      </c>
      <c r="G60" s="46">
        <v>27.7</v>
      </c>
      <c r="H60" s="46">
        <v>21.4</v>
      </c>
      <c r="I60" s="46">
        <v>4.2</v>
      </c>
      <c r="J60" s="46">
        <v>41.1</v>
      </c>
      <c r="K60" s="59">
        <v>40.5</v>
      </c>
    </row>
    <row r="61" spans="1:25" ht="21.6" x14ac:dyDescent="0.2">
      <c r="B61" s="77"/>
      <c r="C61" s="39" t="s">
        <v>43</v>
      </c>
      <c r="D61" s="45">
        <v>327</v>
      </c>
      <c r="E61" s="46">
        <v>22.9</v>
      </c>
      <c r="F61" s="46">
        <v>23.2</v>
      </c>
      <c r="G61" s="46">
        <v>28.7</v>
      </c>
      <c r="H61" s="46">
        <v>16.8</v>
      </c>
      <c r="I61" s="46">
        <v>8.3000000000000007</v>
      </c>
      <c r="J61" s="46">
        <v>41.1</v>
      </c>
      <c r="K61" s="59">
        <v>41</v>
      </c>
    </row>
    <row r="62" spans="1:25" ht="21.6" x14ac:dyDescent="0.2">
      <c r="B62" s="77"/>
      <c r="C62" s="39" t="s">
        <v>44</v>
      </c>
      <c r="D62" s="45">
        <v>181</v>
      </c>
      <c r="E62" s="46">
        <v>19.899999999999999</v>
      </c>
      <c r="F62" s="46">
        <v>26.5</v>
      </c>
      <c r="G62" s="46">
        <v>28.2</v>
      </c>
      <c r="H62" s="46">
        <v>20.399999999999999</v>
      </c>
      <c r="I62" s="46">
        <v>5</v>
      </c>
      <c r="J62" s="46">
        <v>41.5</v>
      </c>
      <c r="K62" s="59">
        <v>43</v>
      </c>
    </row>
    <row r="63" spans="1:25" ht="21.6" x14ac:dyDescent="0.2">
      <c r="B63" s="77"/>
      <c r="C63" s="39" t="s">
        <v>45</v>
      </c>
      <c r="D63" s="45">
        <v>565</v>
      </c>
      <c r="E63" s="46">
        <v>21.1</v>
      </c>
      <c r="F63" s="46">
        <v>21.2</v>
      </c>
      <c r="G63" s="46">
        <v>28</v>
      </c>
      <c r="H63" s="46">
        <v>21.4</v>
      </c>
      <c r="I63" s="46">
        <v>8.3000000000000007</v>
      </c>
      <c r="J63" s="46">
        <v>42.1</v>
      </c>
      <c r="K63" s="59">
        <v>43</v>
      </c>
    </row>
    <row r="64" spans="1:25" ht="21.6" x14ac:dyDescent="0.2">
      <c r="B64" s="77"/>
      <c r="C64" s="39" t="s">
        <v>46</v>
      </c>
      <c r="D64" s="45">
        <v>473</v>
      </c>
      <c r="E64" s="46">
        <v>28.1</v>
      </c>
      <c r="F64" s="46">
        <v>21.1</v>
      </c>
      <c r="G64" s="46">
        <v>25.2</v>
      </c>
      <c r="H64" s="46">
        <v>16.5</v>
      </c>
      <c r="I64" s="46">
        <v>9.1</v>
      </c>
      <c r="J64" s="46">
        <v>40.299999999999997</v>
      </c>
      <c r="K64" s="59">
        <v>40</v>
      </c>
    </row>
    <row r="65" spans="1:25" ht="21.6" x14ac:dyDescent="0.2">
      <c r="B65" s="77"/>
      <c r="C65" s="39" t="s">
        <v>47</v>
      </c>
      <c r="D65" s="45">
        <v>441</v>
      </c>
      <c r="E65" s="46">
        <v>15.9</v>
      </c>
      <c r="F65" s="46">
        <v>26.8</v>
      </c>
      <c r="G65" s="46">
        <v>30.8</v>
      </c>
      <c r="H65" s="46">
        <v>19</v>
      </c>
      <c r="I65" s="46">
        <v>7.5</v>
      </c>
      <c r="J65" s="46">
        <v>42.3</v>
      </c>
      <c r="K65" s="59">
        <v>43</v>
      </c>
    </row>
    <row r="66" spans="1:25" ht="21.6" x14ac:dyDescent="0.2">
      <c r="B66" s="77"/>
      <c r="C66" s="39" t="s">
        <v>48</v>
      </c>
      <c r="D66" s="45">
        <v>305</v>
      </c>
      <c r="E66" s="46">
        <v>11.5</v>
      </c>
      <c r="F66" s="46">
        <v>25.6</v>
      </c>
      <c r="G66" s="46">
        <v>33.799999999999997</v>
      </c>
      <c r="H66" s="46">
        <v>22.6</v>
      </c>
      <c r="I66" s="46">
        <v>6.6</v>
      </c>
      <c r="J66" s="46">
        <v>43.5</v>
      </c>
      <c r="K66" s="59">
        <v>44</v>
      </c>
    </row>
    <row r="67" spans="1:25" ht="21.6" x14ac:dyDescent="0.2">
      <c r="B67" s="77"/>
      <c r="C67" s="39" t="s">
        <v>49</v>
      </c>
      <c r="D67" s="45">
        <v>223</v>
      </c>
      <c r="E67" s="46">
        <v>10.3</v>
      </c>
      <c r="F67" s="46">
        <v>20.6</v>
      </c>
      <c r="G67" s="46">
        <v>32.299999999999997</v>
      </c>
      <c r="H67" s="46">
        <v>28.7</v>
      </c>
      <c r="I67" s="46">
        <v>8.1</v>
      </c>
      <c r="J67" s="46">
        <v>44.9</v>
      </c>
      <c r="K67" s="59">
        <v>46</v>
      </c>
    </row>
    <row r="68" spans="1:25" ht="21.6" x14ac:dyDescent="0.2">
      <c r="B68" s="77"/>
      <c r="C68" s="39" t="s">
        <v>50</v>
      </c>
      <c r="D68" s="45">
        <v>123</v>
      </c>
      <c r="E68" s="46">
        <v>13</v>
      </c>
      <c r="F68" s="46">
        <v>23.6</v>
      </c>
      <c r="G68" s="46">
        <v>21.1</v>
      </c>
      <c r="H68" s="46">
        <v>33.299999999999997</v>
      </c>
      <c r="I68" s="46">
        <v>8.9</v>
      </c>
      <c r="J68" s="46">
        <v>45.1</v>
      </c>
      <c r="K68" s="59">
        <v>47</v>
      </c>
    </row>
    <row r="69" spans="1:25" ht="21.6" x14ac:dyDescent="0.2">
      <c r="B69" s="77"/>
      <c r="C69" s="39" t="s">
        <v>51</v>
      </c>
      <c r="D69" s="45">
        <v>124</v>
      </c>
      <c r="E69" s="46">
        <v>17.7</v>
      </c>
      <c r="F69" s="46">
        <v>16.100000000000001</v>
      </c>
      <c r="G69" s="46">
        <v>29</v>
      </c>
      <c r="H69" s="46">
        <v>32.299999999999997</v>
      </c>
      <c r="I69" s="46">
        <v>4.8</v>
      </c>
      <c r="J69" s="46">
        <v>44</v>
      </c>
      <c r="K69" s="59">
        <v>47</v>
      </c>
    </row>
    <row r="70" spans="1:25" ht="21.6" x14ac:dyDescent="0.2">
      <c r="B70" s="77"/>
      <c r="C70" s="39" t="s">
        <v>52</v>
      </c>
      <c r="D70" s="45">
        <v>312</v>
      </c>
      <c r="E70" s="46">
        <v>11.2</v>
      </c>
      <c r="F70" s="46">
        <v>17.899999999999999</v>
      </c>
      <c r="G70" s="46">
        <v>37.799999999999997</v>
      </c>
      <c r="H70" s="46">
        <v>24.4</v>
      </c>
      <c r="I70" s="46">
        <v>8.6999999999999993</v>
      </c>
      <c r="J70" s="46">
        <v>44.8</v>
      </c>
      <c r="K70" s="59">
        <v>46</v>
      </c>
    </row>
    <row r="71" spans="1:25" x14ac:dyDescent="0.2">
      <c r="B71" s="77"/>
      <c r="C71" s="39" t="s">
        <v>53</v>
      </c>
      <c r="D71" s="45">
        <v>269</v>
      </c>
      <c r="E71" s="46">
        <v>17.8</v>
      </c>
      <c r="F71" s="46">
        <v>27.5</v>
      </c>
      <c r="G71" s="46">
        <v>29.4</v>
      </c>
      <c r="H71" s="46">
        <v>18.600000000000001</v>
      </c>
      <c r="I71" s="46">
        <v>6.7</v>
      </c>
      <c r="J71" s="46">
        <v>41.6</v>
      </c>
      <c r="K71" s="59">
        <v>42</v>
      </c>
    </row>
    <row r="72" spans="1:25" ht="21.6" x14ac:dyDescent="0.2">
      <c r="B72" s="77"/>
      <c r="C72" s="39" t="s">
        <v>54</v>
      </c>
      <c r="D72" s="45">
        <v>511</v>
      </c>
      <c r="E72" s="46">
        <v>20.5</v>
      </c>
      <c r="F72" s="46">
        <v>24.5</v>
      </c>
      <c r="G72" s="46">
        <v>26.8</v>
      </c>
      <c r="H72" s="46">
        <v>20.7</v>
      </c>
      <c r="I72" s="46">
        <v>7.4</v>
      </c>
      <c r="J72" s="46">
        <v>41.7</v>
      </c>
      <c r="K72" s="59">
        <v>42</v>
      </c>
    </row>
    <row r="73" spans="1:25" ht="21.6" x14ac:dyDescent="0.2">
      <c r="B73" s="77"/>
      <c r="C73" s="39" t="s">
        <v>55</v>
      </c>
      <c r="D73" s="45">
        <v>615</v>
      </c>
      <c r="E73" s="46">
        <v>20.7</v>
      </c>
      <c r="F73" s="46">
        <v>24.1</v>
      </c>
      <c r="G73" s="46">
        <v>26.3</v>
      </c>
      <c r="H73" s="46">
        <v>22.8</v>
      </c>
      <c r="I73" s="46">
        <v>6.2</v>
      </c>
      <c r="J73" s="46">
        <v>41.9</v>
      </c>
      <c r="K73" s="59">
        <v>42</v>
      </c>
    </row>
    <row r="74" spans="1:25" ht="21.6" x14ac:dyDescent="0.2">
      <c r="B74" s="77"/>
      <c r="C74" s="39" t="s">
        <v>56</v>
      </c>
      <c r="D74" s="45">
        <v>800</v>
      </c>
      <c r="E74" s="46">
        <v>22.6</v>
      </c>
      <c r="F74" s="46">
        <v>25.4</v>
      </c>
      <c r="G74" s="46">
        <v>26.3</v>
      </c>
      <c r="H74" s="46">
        <v>20.9</v>
      </c>
      <c r="I74" s="46">
        <v>4.9000000000000004</v>
      </c>
      <c r="J74" s="46">
        <v>40.700000000000003</v>
      </c>
      <c r="K74" s="59">
        <v>41</v>
      </c>
    </row>
    <row r="75" spans="1:25" x14ac:dyDescent="0.2">
      <c r="B75" s="77"/>
      <c r="C75" s="40" t="s">
        <v>57</v>
      </c>
      <c r="D75" s="48">
        <v>798</v>
      </c>
      <c r="E75" s="49">
        <v>9.6</v>
      </c>
      <c r="F75" s="49">
        <v>21.9</v>
      </c>
      <c r="G75" s="49">
        <v>32.5</v>
      </c>
      <c r="H75" s="49">
        <v>25.2</v>
      </c>
      <c r="I75" s="49">
        <v>10.8</v>
      </c>
      <c r="J75" s="49">
        <v>45.3</v>
      </c>
      <c r="K75" s="60">
        <v>46</v>
      </c>
    </row>
    <row r="77" spans="1:25" x14ac:dyDescent="0.2">
      <c r="C77" t="s">
        <v>35</v>
      </c>
    </row>
    <row r="78" spans="1:25" x14ac:dyDescent="0.2">
      <c r="B78" s="75" t="s">
        <v>259</v>
      </c>
      <c r="C78" s="76"/>
      <c r="D78" s="76"/>
      <c r="E78" s="76"/>
      <c r="F78" s="76"/>
      <c r="G78" s="76"/>
      <c r="H78" s="76"/>
      <c r="I78" s="76"/>
      <c r="J78" s="76"/>
      <c r="K78" s="76"/>
      <c r="L78" s="76"/>
      <c r="M78" s="76"/>
      <c r="N78" s="76"/>
      <c r="O78" s="76"/>
      <c r="P78" s="76"/>
      <c r="Q78" s="76"/>
      <c r="R78" s="76"/>
      <c r="S78" s="76"/>
      <c r="T78" s="76"/>
      <c r="U78" s="76"/>
      <c r="V78" s="76"/>
      <c r="W78" s="76"/>
      <c r="X78" s="76"/>
      <c r="Y78" s="76"/>
    </row>
    <row r="79" spans="1:25" s="32" customFormat="1" ht="36.450000000000003" customHeight="1" x14ac:dyDescent="0.15">
      <c r="A79" s="31"/>
      <c r="D79" s="33" t="s">
        <v>378</v>
      </c>
      <c r="E79" s="36" t="s">
        <v>382</v>
      </c>
      <c r="F79" s="55" t="s">
        <v>383</v>
      </c>
      <c r="G79" s="55" t="s">
        <v>384</v>
      </c>
      <c r="H79" s="55" t="s">
        <v>385</v>
      </c>
      <c r="I79" s="55" t="s">
        <v>386</v>
      </c>
      <c r="J79" s="56" t="s">
        <v>387</v>
      </c>
      <c r="K79" s="57" t="s">
        <v>388</v>
      </c>
      <c r="L79" s="54" t="s">
        <v>381</v>
      </c>
    </row>
    <row r="80" spans="1:25" ht="21.6" x14ac:dyDescent="0.2">
      <c r="B80" s="77" t="s">
        <v>37</v>
      </c>
      <c r="C80" s="38" t="s">
        <v>58</v>
      </c>
      <c r="D80" s="51">
        <v>609</v>
      </c>
      <c r="E80" s="52">
        <v>26.6</v>
      </c>
      <c r="F80" s="52">
        <v>28.4</v>
      </c>
      <c r="G80" s="52">
        <v>26.1</v>
      </c>
      <c r="H80" s="52">
        <v>15.8</v>
      </c>
      <c r="I80" s="52">
        <v>3.1</v>
      </c>
      <c r="J80" s="52">
        <v>38.799999999999997</v>
      </c>
      <c r="K80" s="61">
        <v>38</v>
      </c>
    </row>
    <row r="81" spans="2:11" ht="21.6" x14ac:dyDescent="0.2">
      <c r="B81" s="77"/>
      <c r="C81" s="39" t="s">
        <v>59</v>
      </c>
      <c r="D81" s="45">
        <v>1391</v>
      </c>
      <c r="E81" s="46">
        <v>16.8</v>
      </c>
      <c r="F81" s="46">
        <v>21.1</v>
      </c>
      <c r="G81" s="46">
        <v>29.9</v>
      </c>
      <c r="H81" s="46">
        <v>23.6</v>
      </c>
      <c r="I81" s="46">
        <v>8.6</v>
      </c>
      <c r="J81" s="46">
        <v>43.3</v>
      </c>
      <c r="K81" s="59">
        <v>45</v>
      </c>
    </row>
    <row r="82" spans="2:11" x14ac:dyDescent="0.2">
      <c r="B82" s="77"/>
      <c r="C82" s="39" t="s">
        <v>60</v>
      </c>
      <c r="D82" s="45">
        <v>1325</v>
      </c>
      <c r="E82" s="46">
        <v>20.100000000000001</v>
      </c>
      <c r="F82" s="46">
        <v>23.8</v>
      </c>
      <c r="G82" s="46">
        <v>28.7</v>
      </c>
      <c r="H82" s="46">
        <v>20.8</v>
      </c>
      <c r="I82" s="46">
        <v>6.7</v>
      </c>
      <c r="J82" s="46">
        <v>41.8</v>
      </c>
      <c r="K82" s="59">
        <v>42</v>
      </c>
    </row>
    <row r="83" spans="2:11" x14ac:dyDescent="0.2">
      <c r="B83" s="77"/>
      <c r="C83" s="39" t="s">
        <v>61</v>
      </c>
      <c r="D83" s="45">
        <v>675</v>
      </c>
      <c r="E83" s="46">
        <v>19.3</v>
      </c>
      <c r="F83" s="46">
        <v>22.4</v>
      </c>
      <c r="G83" s="46">
        <v>28.9</v>
      </c>
      <c r="H83" s="46">
        <v>22.1</v>
      </c>
      <c r="I83" s="46">
        <v>7.4</v>
      </c>
      <c r="J83" s="46">
        <v>42.3</v>
      </c>
      <c r="K83" s="59">
        <v>43</v>
      </c>
    </row>
    <row r="84" spans="2:11" x14ac:dyDescent="0.2">
      <c r="B84" s="77"/>
      <c r="C84" s="39" t="s">
        <v>62</v>
      </c>
      <c r="D84" s="45">
        <v>1086</v>
      </c>
      <c r="E84" s="46">
        <v>18.7</v>
      </c>
      <c r="F84" s="46">
        <v>24.2</v>
      </c>
      <c r="G84" s="46">
        <v>28.7</v>
      </c>
      <c r="H84" s="46">
        <v>21.2</v>
      </c>
      <c r="I84" s="46">
        <v>7.2</v>
      </c>
      <c r="J84" s="46">
        <v>42.4</v>
      </c>
      <c r="K84" s="59">
        <v>43</v>
      </c>
    </row>
    <row r="85" spans="2:11" ht="21.6" x14ac:dyDescent="0.2">
      <c r="B85" s="77"/>
      <c r="C85" s="39" t="s">
        <v>63</v>
      </c>
      <c r="D85" s="45">
        <v>203</v>
      </c>
      <c r="E85" s="46">
        <v>100</v>
      </c>
      <c r="F85" s="46">
        <v>0</v>
      </c>
      <c r="G85" s="46">
        <v>0</v>
      </c>
      <c r="H85" s="46">
        <v>0</v>
      </c>
      <c r="I85" s="46">
        <v>0</v>
      </c>
      <c r="J85" s="46">
        <v>25.7</v>
      </c>
      <c r="K85" s="59">
        <v>26</v>
      </c>
    </row>
    <row r="86" spans="2:11" x14ac:dyDescent="0.2">
      <c r="B86" s="77"/>
      <c r="C86" s="39" t="s">
        <v>64</v>
      </c>
      <c r="D86" s="45">
        <v>263</v>
      </c>
      <c r="E86" s="46">
        <v>0</v>
      </c>
      <c r="F86" s="46">
        <v>100</v>
      </c>
      <c r="G86" s="46">
        <v>0</v>
      </c>
      <c r="H86" s="46">
        <v>0</v>
      </c>
      <c r="I86" s="46">
        <v>0</v>
      </c>
      <c r="J86" s="46">
        <v>35</v>
      </c>
      <c r="K86" s="59">
        <v>35</v>
      </c>
    </row>
    <row r="87" spans="2:11" x14ac:dyDescent="0.2">
      <c r="B87" s="77"/>
      <c r="C87" s="39" t="s">
        <v>65</v>
      </c>
      <c r="D87" s="45">
        <v>312</v>
      </c>
      <c r="E87" s="46">
        <v>0</v>
      </c>
      <c r="F87" s="46">
        <v>0</v>
      </c>
      <c r="G87" s="46">
        <v>100</v>
      </c>
      <c r="H87" s="46">
        <v>0</v>
      </c>
      <c r="I87" s="46">
        <v>0</v>
      </c>
      <c r="J87" s="46">
        <v>45.4</v>
      </c>
      <c r="K87" s="59">
        <v>46</v>
      </c>
    </row>
    <row r="88" spans="2:11" x14ac:dyDescent="0.2">
      <c r="B88" s="77"/>
      <c r="C88" s="39" t="s">
        <v>66</v>
      </c>
      <c r="D88" s="45">
        <v>230</v>
      </c>
      <c r="E88" s="46">
        <v>0</v>
      </c>
      <c r="F88" s="46">
        <v>0</v>
      </c>
      <c r="G88" s="46">
        <v>0</v>
      </c>
      <c r="H88" s="46">
        <v>100</v>
      </c>
      <c r="I88" s="46">
        <v>0</v>
      </c>
      <c r="J88" s="46">
        <v>54.7</v>
      </c>
      <c r="K88" s="59">
        <v>55</v>
      </c>
    </row>
    <row r="89" spans="2:11" x14ac:dyDescent="0.2">
      <c r="B89" s="77"/>
      <c r="C89" s="39" t="s">
        <v>67</v>
      </c>
      <c r="D89" s="45">
        <v>78</v>
      </c>
      <c r="E89" s="46">
        <v>0</v>
      </c>
      <c r="F89" s="46">
        <v>0</v>
      </c>
      <c r="G89" s="46">
        <v>0</v>
      </c>
      <c r="H89" s="46">
        <v>0</v>
      </c>
      <c r="I89" s="46">
        <v>100</v>
      </c>
      <c r="J89" s="46">
        <v>62</v>
      </c>
      <c r="K89" s="59">
        <v>62</v>
      </c>
    </row>
    <row r="90" spans="2:11" x14ac:dyDescent="0.2">
      <c r="B90" s="77"/>
      <c r="C90" s="39" t="s">
        <v>68</v>
      </c>
      <c r="D90" s="45">
        <v>897</v>
      </c>
      <c r="E90" s="46">
        <v>15.9</v>
      </c>
      <c r="F90" s="46">
        <v>25.9</v>
      </c>
      <c r="G90" s="46">
        <v>31.3</v>
      </c>
      <c r="H90" s="46">
        <v>22.9</v>
      </c>
      <c r="I90" s="46">
        <v>4</v>
      </c>
      <c r="J90" s="46">
        <v>42.4</v>
      </c>
      <c r="K90" s="59">
        <v>43</v>
      </c>
    </row>
    <row r="91" spans="2:11" x14ac:dyDescent="0.2">
      <c r="B91" s="77"/>
      <c r="C91" s="39" t="s">
        <v>69</v>
      </c>
      <c r="D91" s="45">
        <v>189</v>
      </c>
      <c r="E91" s="46">
        <v>31.7</v>
      </c>
      <c r="F91" s="46">
        <v>16.399999999999999</v>
      </c>
      <c r="G91" s="46">
        <v>16.399999999999999</v>
      </c>
      <c r="H91" s="46">
        <v>13.2</v>
      </c>
      <c r="I91" s="46">
        <v>22.2</v>
      </c>
      <c r="J91" s="46">
        <v>42.2</v>
      </c>
      <c r="K91" s="59">
        <v>41</v>
      </c>
    </row>
    <row r="92" spans="2:11" x14ac:dyDescent="0.2">
      <c r="B92" s="77"/>
      <c r="C92" s="39" t="s">
        <v>70</v>
      </c>
      <c r="D92" s="45">
        <v>914</v>
      </c>
      <c r="E92" s="46">
        <v>21.1</v>
      </c>
      <c r="F92" s="46">
        <v>22.2</v>
      </c>
      <c r="G92" s="46">
        <v>28.8</v>
      </c>
      <c r="H92" s="46">
        <v>21.2</v>
      </c>
      <c r="I92" s="46">
        <v>6.7</v>
      </c>
      <c r="J92" s="46">
        <v>41.5</v>
      </c>
      <c r="K92" s="59">
        <v>42</v>
      </c>
    </row>
    <row r="93" spans="2:11" ht="21.6" x14ac:dyDescent="0.2">
      <c r="B93" s="77"/>
      <c r="C93" s="39" t="s">
        <v>63</v>
      </c>
      <c r="D93" s="45">
        <v>193</v>
      </c>
      <c r="E93" s="46">
        <v>100</v>
      </c>
      <c r="F93" s="46">
        <v>0</v>
      </c>
      <c r="G93" s="46">
        <v>0</v>
      </c>
      <c r="H93" s="46">
        <v>0</v>
      </c>
      <c r="I93" s="46">
        <v>0</v>
      </c>
      <c r="J93" s="46">
        <v>25.3</v>
      </c>
      <c r="K93" s="59">
        <v>25</v>
      </c>
    </row>
    <row r="94" spans="2:11" x14ac:dyDescent="0.2">
      <c r="B94" s="77"/>
      <c r="C94" s="39" t="s">
        <v>64</v>
      </c>
      <c r="D94" s="45">
        <v>203</v>
      </c>
      <c r="E94" s="46">
        <v>0</v>
      </c>
      <c r="F94" s="46">
        <v>100</v>
      </c>
      <c r="G94" s="46">
        <v>0</v>
      </c>
      <c r="H94" s="46">
        <v>0</v>
      </c>
      <c r="I94" s="46">
        <v>0</v>
      </c>
      <c r="J94" s="46">
        <v>34.700000000000003</v>
      </c>
      <c r="K94" s="59">
        <v>35</v>
      </c>
    </row>
    <row r="95" spans="2:11" x14ac:dyDescent="0.2">
      <c r="B95" s="77"/>
      <c r="C95" s="39" t="s">
        <v>65</v>
      </c>
      <c r="D95" s="45">
        <v>263</v>
      </c>
      <c r="E95" s="46">
        <v>0</v>
      </c>
      <c r="F95" s="46">
        <v>0</v>
      </c>
      <c r="G95" s="46">
        <v>100</v>
      </c>
      <c r="H95" s="46">
        <v>0</v>
      </c>
      <c r="I95" s="46">
        <v>0</v>
      </c>
      <c r="J95" s="46">
        <v>44.7</v>
      </c>
      <c r="K95" s="59">
        <v>45</v>
      </c>
    </row>
    <row r="96" spans="2:11" x14ac:dyDescent="0.2">
      <c r="B96" s="77"/>
      <c r="C96" s="39" t="s">
        <v>66</v>
      </c>
      <c r="D96" s="45">
        <v>194</v>
      </c>
      <c r="E96" s="46">
        <v>0</v>
      </c>
      <c r="F96" s="46">
        <v>0</v>
      </c>
      <c r="G96" s="46">
        <v>0</v>
      </c>
      <c r="H96" s="46">
        <v>100</v>
      </c>
      <c r="I96" s="46">
        <v>0</v>
      </c>
      <c r="J96" s="46">
        <v>54.1</v>
      </c>
      <c r="K96" s="59">
        <v>54</v>
      </c>
    </row>
    <row r="97" spans="1:25" x14ac:dyDescent="0.2">
      <c r="B97" s="77"/>
      <c r="C97" s="39" t="s">
        <v>67</v>
      </c>
      <c r="D97" s="45">
        <v>61</v>
      </c>
      <c r="E97" s="46">
        <v>0</v>
      </c>
      <c r="F97" s="46">
        <v>0</v>
      </c>
      <c r="G97" s="46">
        <v>0</v>
      </c>
      <c r="H97" s="46">
        <v>0</v>
      </c>
      <c r="I97" s="46">
        <v>100</v>
      </c>
      <c r="J97" s="46">
        <v>61.2</v>
      </c>
      <c r="K97" s="59">
        <v>61</v>
      </c>
    </row>
    <row r="98" spans="1:25" x14ac:dyDescent="0.2">
      <c r="B98" s="77"/>
      <c r="C98" s="39" t="s">
        <v>68</v>
      </c>
      <c r="D98" s="45">
        <v>416</v>
      </c>
      <c r="E98" s="46">
        <v>28.4</v>
      </c>
      <c r="F98" s="46">
        <v>26.9</v>
      </c>
      <c r="G98" s="46">
        <v>25</v>
      </c>
      <c r="H98" s="46">
        <v>16.8</v>
      </c>
      <c r="I98" s="46">
        <v>2.9</v>
      </c>
      <c r="J98" s="46">
        <v>38.4</v>
      </c>
      <c r="K98" s="59">
        <v>38</v>
      </c>
    </row>
    <row r="99" spans="1:25" x14ac:dyDescent="0.2">
      <c r="B99" s="77"/>
      <c r="C99" s="40" t="s">
        <v>69</v>
      </c>
      <c r="D99" s="48">
        <v>498</v>
      </c>
      <c r="E99" s="49">
        <v>15.1</v>
      </c>
      <c r="F99" s="49">
        <v>18.3</v>
      </c>
      <c r="G99" s="49">
        <v>31.9</v>
      </c>
      <c r="H99" s="49">
        <v>24.9</v>
      </c>
      <c r="I99" s="49">
        <v>9.8000000000000007</v>
      </c>
      <c r="J99" s="49">
        <v>44.1</v>
      </c>
      <c r="K99" s="60">
        <v>45</v>
      </c>
    </row>
    <row r="101" spans="1:25" x14ac:dyDescent="0.2">
      <c r="A101" s="26" t="s">
        <v>25</v>
      </c>
      <c r="B101" t="s">
        <v>35</v>
      </c>
      <c r="C101" t="s">
        <v>35</v>
      </c>
    </row>
    <row r="102" spans="1:25" x14ac:dyDescent="0.2">
      <c r="B102" s="75" t="s">
        <v>75</v>
      </c>
      <c r="C102" s="76"/>
      <c r="D102" s="76"/>
      <c r="E102" s="76"/>
      <c r="F102" s="76"/>
      <c r="G102" s="76"/>
      <c r="H102" s="76"/>
      <c r="I102" s="76"/>
      <c r="J102" s="76"/>
      <c r="K102" s="76"/>
      <c r="L102" s="76"/>
      <c r="M102" s="76"/>
      <c r="N102" s="76"/>
      <c r="O102" s="76"/>
      <c r="P102" s="76"/>
      <c r="Q102" s="76"/>
      <c r="R102" s="76"/>
      <c r="S102" s="76"/>
      <c r="T102" s="76"/>
      <c r="U102" s="76"/>
      <c r="V102" s="76"/>
      <c r="W102" s="76"/>
      <c r="X102" s="76"/>
      <c r="Y102" s="76"/>
    </row>
    <row r="103" spans="1:25" s="32" customFormat="1" ht="36.450000000000003" customHeight="1" x14ac:dyDescent="0.15">
      <c r="A103" s="31"/>
      <c r="D103" s="33" t="s">
        <v>378</v>
      </c>
      <c r="E103" s="36" t="s">
        <v>389</v>
      </c>
      <c r="F103" s="55" t="s">
        <v>390</v>
      </c>
      <c r="G103" s="55" t="s">
        <v>391</v>
      </c>
      <c r="H103" s="55" t="s">
        <v>392</v>
      </c>
      <c r="I103" s="55" t="s">
        <v>393</v>
      </c>
      <c r="J103" s="55" t="s">
        <v>394</v>
      </c>
      <c r="K103" s="55" t="s">
        <v>395</v>
      </c>
      <c r="L103" s="55" t="s">
        <v>396</v>
      </c>
      <c r="M103" s="55" t="s">
        <v>386</v>
      </c>
      <c r="N103" s="56" t="s">
        <v>387</v>
      </c>
      <c r="O103" s="57" t="s">
        <v>388</v>
      </c>
      <c r="P103" s="54" t="s">
        <v>381</v>
      </c>
    </row>
    <row r="104" spans="1:25" x14ac:dyDescent="0.2">
      <c r="B104" s="5"/>
      <c r="C104" s="41" t="s">
        <v>38</v>
      </c>
      <c r="D104" s="42">
        <v>2000</v>
      </c>
      <c r="E104" s="43">
        <v>7.1</v>
      </c>
      <c r="F104" s="43">
        <v>12.8</v>
      </c>
      <c r="G104" s="43">
        <v>10.6</v>
      </c>
      <c r="H104" s="43">
        <v>12.8</v>
      </c>
      <c r="I104" s="43">
        <v>12.2</v>
      </c>
      <c r="J104" s="43">
        <v>16.600000000000001</v>
      </c>
      <c r="K104" s="43">
        <v>10.8</v>
      </c>
      <c r="L104" s="43">
        <v>10.5</v>
      </c>
      <c r="M104" s="43">
        <v>7</v>
      </c>
      <c r="N104" s="43">
        <v>42</v>
      </c>
      <c r="O104" s="58">
        <v>43</v>
      </c>
    </row>
    <row r="105" spans="1:25" x14ac:dyDescent="0.2">
      <c r="B105" s="77" t="s">
        <v>37</v>
      </c>
      <c r="C105" s="39" t="s">
        <v>39</v>
      </c>
      <c r="D105" s="45">
        <v>111</v>
      </c>
      <c r="E105" s="46">
        <v>9</v>
      </c>
      <c r="F105" s="46">
        <v>10.8</v>
      </c>
      <c r="G105" s="46">
        <v>9.9</v>
      </c>
      <c r="H105" s="46">
        <v>15.3</v>
      </c>
      <c r="I105" s="46">
        <v>8.1</v>
      </c>
      <c r="J105" s="46">
        <v>17.100000000000001</v>
      </c>
      <c r="K105" s="46">
        <v>8.1</v>
      </c>
      <c r="L105" s="46">
        <v>12.6</v>
      </c>
      <c r="M105" s="46">
        <v>9</v>
      </c>
      <c r="N105" s="46">
        <v>42.4</v>
      </c>
      <c r="O105" s="59">
        <v>42</v>
      </c>
    </row>
    <row r="106" spans="1:25" x14ac:dyDescent="0.2">
      <c r="B106" s="77"/>
      <c r="C106" s="39" t="s">
        <v>40</v>
      </c>
      <c r="D106" s="45">
        <v>450</v>
      </c>
      <c r="E106" s="46">
        <v>3.8</v>
      </c>
      <c r="F106" s="46">
        <v>10</v>
      </c>
      <c r="G106" s="46">
        <v>12.2</v>
      </c>
      <c r="H106" s="46">
        <v>11.6</v>
      </c>
      <c r="I106" s="46">
        <v>15.1</v>
      </c>
      <c r="J106" s="46">
        <v>16.2</v>
      </c>
      <c r="K106" s="46">
        <v>13.1</v>
      </c>
      <c r="L106" s="46">
        <v>11.6</v>
      </c>
      <c r="M106" s="46">
        <v>6.4</v>
      </c>
      <c r="N106" s="46">
        <v>43.2</v>
      </c>
      <c r="O106" s="59">
        <v>44</v>
      </c>
    </row>
    <row r="107" spans="1:25" ht="21.6" x14ac:dyDescent="0.2">
      <c r="B107" s="77"/>
      <c r="C107" s="39" t="s">
        <v>41</v>
      </c>
      <c r="D107" s="45">
        <v>30</v>
      </c>
      <c r="E107" s="46">
        <v>16.7</v>
      </c>
      <c r="F107" s="46">
        <v>10</v>
      </c>
      <c r="G107" s="46">
        <v>10</v>
      </c>
      <c r="H107" s="46">
        <v>3.3</v>
      </c>
      <c r="I107" s="46">
        <v>10</v>
      </c>
      <c r="J107" s="46">
        <v>23.3</v>
      </c>
      <c r="K107" s="46">
        <v>10</v>
      </c>
      <c r="L107" s="46">
        <v>6.7</v>
      </c>
      <c r="M107" s="46">
        <v>10</v>
      </c>
      <c r="N107" s="46">
        <v>41.1</v>
      </c>
      <c r="O107" s="59">
        <v>45</v>
      </c>
    </row>
    <row r="108" spans="1:25" ht="21.6" x14ac:dyDescent="0.2">
      <c r="B108" s="77"/>
      <c r="C108" s="39" t="s">
        <v>42</v>
      </c>
      <c r="D108" s="45">
        <v>336</v>
      </c>
      <c r="E108" s="46">
        <v>6</v>
      </c>
      <c r="F108" s="46">
        <v>16.100000000000001</v>
      </c>
      <c r="G108" s="46">
        <v>9.5</v>
      </c>
      <c r="H108" s="46">
        <v>15.2</v>
      </c>
      <c r="I108" s="46">
        <v>12.8</v>
      </c>
      <c r="J108" s="46">
        <v>14.9</v>
      </c>
      <c r="K108" s="46">
        <v>10.1</v>
      </c>
      <c r="L108" s="46">
        <v>11.3</v>
      </c>
      <c r="M108" s="46">
        <v>4.2</v>
      </c>
      <c r="N108" s="46">
        <v>41.1</v>
      </c>
      <c r="O108" s="59">
        <v>40.5</v>
      </c>
    </row>
    <row r="109" spans="1:25" ht="21.6" x14ac:dyDescent="0.2">
      <c r="B109" s="77"/>
      <c r="C109" s="39" t="s">
        <v>43</v>
      </c>
      <c r="D109" s="45">
        <v>327</v>
      </c>
      <c r="E109" s="46">
        <v>10.7</v>
      </c>
      <c r="F109" s="46">
        <v>12.2</v>
      </c>
      <c r="G109" s="46">
        <v>10.7</v>
      </c>
      <c r="H109" s="46">
        <v>12.5</v>
      </c>
      <c r="I109" s="46">
        <v>11.9</v>
      </c>
      <c r="J109" s="46">
        <v>16.8</v>
      </c>
      <c r="K109" s="46">
        <v>7.6</v>
      </c>
      <c r="L109" s="46">
        <v>9.1999999999999993</v>
      </c>
      <c r="M109" s="46">
        <v>8.3000000000000007</v>
      </c>
      <c r="N109" s="46">
        <v>41.1</v>
      </c>
      <c r="O109" s="59">
        <v>41</v>
      </c>
    </row>
    <row r="110" spans="1:25" ht="21.6" x14ac:dyDescent="0.2">
      <c r="B110" s="77"/>
      <c r="C110" s="39" t="s">
        <v>44</v>
      </c>
      <c r="D110" s="45">
        <v>181</v>
      </c>
      <c r="E110" s="46">
        <v>4.4000000000000004</v>
      </c>
      <c r="F110" s="46">
        <v>15.5</v>
      </c>
      <c r="G110" s="46">
        <v>12.7</v>
      </c>
      <c r="H110" s="46">
        <v>13.8</v>
      </c>
      <c r="I110" s="46">
        <v>8.8000000000000007</v>
      </c>
      <c r="J110" s="46">
        <v>19.3</v>
      </c>
      <c r="K110" s="46">
        <v>8.8000000000000007</v>
      </c>
      <c r="L110" s="46">
        <v>11.6</v>
      </c>
      <c r="M110" s="46">
        <v>5</v>
      </c>
      <c r="N110" s="46">
        <v>41.5</v>
      </c>
      <c r="O110" s="59">
        <v>43</v>
      </c>
    </row>
    <row r="111" spans="1:25" ht="21.6" x14ac:dyDescent="0.2">
      <c r="B111" s="77"/>
      <c r="C111" s="39" t="s">
        <v>45</v>
      </c>
      <c r="D111" s="45">
        <v>565</v>
      </c>
      <c r="E111" s="46">
        <v>8.1</v>
      </c>
      <c r="F111" s="46">
        <v>12.9</v>
      </c>
      <c r="G111" s="46">
        <v>9.1999999999999993</v>
      </c>
      <c r="H111" s="46">
        <v>12</v>
      </c>
      <c r="I111" s="46">
        <v>11.5</v>
      </c>
      <c r="J111" s="46">
        <v>16.5</v>
      </c>
      <c r="K111" s="46">
        <v>12.2</v>
      </c>
      <c r="L111" s="46">
        <v>9.1999999999999993</v>
      </c>
      <c r="M111" s="46">
        <v>8.3000000000000007</v>
      </c>
      <c r="N111" s="46">
        <v>42.1</v>
      </c>
      <c r="O111" s="59">
        <v>43</v>
      </c>
    </row>
    <row r="112" spans="1:25" ht="21.6" x14ac:dyDescent="0.2">
      <c r="B112" s="77"/>
      <c r="C112" s="39" t="s">
        <v>46</v>
      </c>
      <c r="D112" s="45">
        <v>473</v>
      </c>
      <c r="E112" s="46">
        <v>10.6</v>
      </c>
      <c r="F112" s="46">
        <v>17.5</v>
      </c>
      <c r="G112" s="46">
        <v>12.3</v>
      </c>
      <c r="H112" s="46">
        <v>8.9</v>
      </c>
      <c r="I112" s="46">
        <v>12.1</v>
      </c>
      <c r="J112" s="46">
        <v>13.1</v>
      </c>
      <c r="K112" s="46">
        <v>8.1999999999999993</v>
      </c>
      <c r="L112" s="46">
        <v>8.1999999999999993</v>
      </c>
      <c r="M112" s="46">
        <v>9.1</v>
      </c>
      <c r="N112" s="46">
        <v>40.299999999999997</v>
      </c>
      <c r="O112" s="59">
        <v>40</v>
      </c>
    </row>
    <row r="113" spans="1:25" ht="21.6" x14ac:dyDescent="0.2">
      <c r="B113" s="77"/>
      <c r="C113" s="39" t="s">
        <v>47</v>
      </c>
      <c r="D113" s="45">
        <v>441</v>
      </c>
      <c r="E113" s="46">
        <v>4.5</v>
      </c>
      <c r="F113" s="46">
        <v>11.3</v>
      </c>
      <c r="G113" s="46">
        <v>11.8</v>
      </c>
      <c r="H113" s="46">
        <v>15</v>
      </c>
      <c r="I113" s="46">
        <v>12.5</v>
      </c>
      <c r="J113" s="46">
        <v>18.399999999999999</v>
      </c>
      <c r="K113" s="46">
        <v>9.3000000000000007</v>
      </c>
      <c r="L113" s="46">
        <v>9.8000000000000007</v>
      </c>
      <c r="M113" s="46">
        <v>7.5</v>
      </c>
      <c r="N113" s="46">
        <v>42.3</v>
      </c>
      <c r="O113" s="59">
        <v>43</v>
      </c>
    </row>
    <row r="114" spans="1:25" ht="21.6" x14ac:dyDescent="0.2">
      <c r="B114" s="77"/>
      <c r="C114" s="39" t="s">
        <v>48</v>
      </c>
      <c r="D114" s="45">
        <v>305</v>
      </c>
      <c r="E114" s="46">
        <v>2</v>
      </c>
      <c r="F114" s="46">
        <v>9.5</v>
      </c>
      <c r="G114" s="46">
        <v>10.5</v>
      </c>
      <c r="H114" s="46">
        <v>15.1</v>
      </c>
      <c r="I114" s="46">
        <v>15.1</v>
      </c>
      <c r="J114" s="46">
        <v>18.7</v>
      </c>
      <c r="K114" s="46">
        <v>11.5</v>
      </c>
      <c r="L114" s="46">
        <v>11.1</v>
      </c>
      <c r="M114" s="46">
        <v>6.6</v>
      </c>
      <c r="N114" s="46">
        <v>43.5</v>
      </c>
      <c r="O114" s="59">
        <v>44</v>
      </c>
    </row>
    <row r="115" spans="1:25" ht="21.6" x14ac:dyDescent="0.2">
      <c r="B115" s="77"/>
      <c r="C115" s="39" t="s">
        <v>49</v>
      </c>
      <c r="D115" s="45">
        <v>223</v>
      </c>
      <c r="E115" s="46">
        <v>1.8</v>
      </c>
      <c r="F115" s="46">
        <v>8.5</v>
      </c>
      <c r="G115" s="46">
        <v>9.4</v>
      </c>
      <c r="H115" s="46">
        <v>11.2</v>
      </c>
      <c r="I115" s="46">
        <v>16.100000000000001</v>
      </c>
      <c r="J115" s="46">
        <v>16.100000000000001</v>
      </c>
      <c r="K115" s="46">
        <v>15.7</v>
      </c>
      <c r="L115" s="46">
        <v>13</v>
      </c>
      <c r="M115" s="46">
        <v>8.1</v>
      </c>
      <c r="N115" s="46">
        <v>44.9</v>
      </c>
      <c r="O115" s="59">
        <v>46</v>
      </c>
    </row>
    <row r="116" spans="1:25" ht="21.6" x14ac:dyDescent="0.2">
      <c r="B116" s="77"/>
      <c r="C116" s="39" t="s">
        <v>50</v>
      </c>
      <c r="D116" s="45">
        <v>123</v>
      </c>
      <c r="E116" s="46">
        <v>4.0999999999999996</v>
      </c>
      <c r="F116" s="46">
        <v>8.9</v>
      </c>
      <c r="G116" s="46">
        <v>10.6</v>
      </c>
      <c r="H116" s="46">
        <v>13</v>
      </c>
      <c r="I116" s="46">
        <v>6.5</v>
      </c>
      <c r="J116" s="46">
        <v>14.6</v>
      </c>
      <c r="K116" s="46">
        <v>16.3</v>
      </c>
      <c r="L116" s="46">
        <v>17.100000000000001</v>
      </c>
      <c r="M116" s="46">
        <v>8.9</v>
      </c>
      <c r="N116" s="46">
        <v>45.1</v>
      </c>
      <c r="O116" s="59">
        <v>47</v>
      </c>
    </row>
    <row r="117" spans="1:25" ht="21.6" x14ac:dyDescent="0.2">
      <c r="B117" s="77"/>
      <c r="C117" s="39" t="s">
        <v>51</v>
      </c>
      <c r="D117" s="45">
        <v>124</v>
      </c>
      <c r="E117" s="46">
        <v>8.1</v>
      </c>
      <c r="F117" s="46">
        <v>9.6999999999999993</v>
      </c>
      <c r="G117" s="46">
        <v>4</v>
      </c>
      <c r="H117" s="46">
        <v>12.1</v>
      </c>
      <c r="I117" s="46">
        <v>9.6999999999999993</v>
      </c>
      <c r="J117" s="46">
        <v>19.399999999999999</v>
      </c>
      <c r="K117" s="46">
        <v>16.899999999999999</v>
      </c>
      <c r="L117" s="46">
        <v>15.3</v>
      </c>
      <c r="M117" s="46">
        <v>4.8</v>
      </c>
      <c r="N117" s="46">
        <v>44</v>
      </c>
      <c r="O117" s="59">
        <v>47</v>
      </c>
    </row>
    <row r="118" spans="1:25" ht="21.6" x14ac:dyDescent="0.2">
      <c r="B118" s="77"/>
      <c r="C118" s="39" t="s">
        <v>52</v>
      </c>
      <c r="D118" s="45">
        <v>312</v>
      </c>
      <c r="E118" s="46">
        <v>4.8</v>
      </c>
      <c r="F118" s="46">
        <v>6.4</v>
      </c>
      <c r="G118" s="46">
        <v>9</v>
      </c>
      <c r="H118" s="46">
        <v>9</v>
      </c>
      <c r="I118" s="46">
        <v>15.4</v>
      </c>
      <c r="J118" s="46">
        <v>22.4</v>
      </c>
      <c r="K118" s="46">
        <v>12.2</v>
      </c>
      <c r="L118" s="46">
        <v>12.2</v>
      </c>
      <c r="M118" s="46">
        <v>8.6999999999999993</v>
      </c>
      <c r="N118" s="46">
        <v>44.8</v>
      </c>
      <c r="O118" s="59">
        <v>46</v>
      </c>
    </row>
    <row r="119" spans="1:25" x14ac:dyDescent="0.2">
      <c r="B119" s="77"/>
      <c r="C119" s="39" t="s">
        <v>53</v>
      </c>
      <c r="D119" s="45">
        <v>269</v>
      </c>
      <c r="E119" s="46">
        <v>5.9</v>
      </c>
      <c r="F119" s="46">
        <v>11.9</v>
      </c>
      <c r="G119" s="46">
        <v>12.6</v>
      </c>
      <c r="H119" s="46">
        <v>14.9</v>
      </c>
      <c r="I119" s="46">
        <v>10.8</v>
      </c>
      <c r="J119" s="46">
        <v>18.600000000000001</v>
      </c>
      <c r="K119" s="46">
        <v>10</v>
      </c>
      <c r="L119" s="46">
        <v>8.6</v>
      </c>
      <c r="M119" s="46">
        <v>6.7</v>
      </c>
      <c r="N119" s="46">
        <v>41.6</v>
      </c>
      <c r="O119" s="59">
        <v>42</v>
      </c>
    </row>
    <row r="120" spans="1:25" ht="21.6" x14ac:dyDescent="0.2">
      <c r="B120" s="77"/>
      <c r="C120" s="39" t="s">
        <v>54</v>
      </c>
      <c r="D120" s="45">
        <v>511</v>
      </c>
      <c r="E120" s="46">
        <v>7.4</v>
      </c>
      <c r="F120" s="46">
        <v>13.1</v>
      </c>
      <c r="G120" s="46">
        <v>11.2</v>
      </c>
      <c r="H120" s="46">
        <v>13.3</v>
      </c>
      <c r="I120" s="46">
        <v>13.7</v>
      </c>
      <c r="J120" s="46">
        <v>13.1</v>
      </c>
      <c r="K120" s="46">
        <v>10.199999999999999</v>
      </c>
      <c r="L120" s="46">
        <v>10.6</v>
      </c>
      <c r="M120" s="46">
        <v>7.4</v>
      </c>
      <c r="N120" s="46">
        <v>41.7</v>
      </c>
      <c r="O120" s="59">
        <v>42</v>
      </c>
    </row>
    <row r="121" spans="1:25" ht="21.6" x14ac:dyDescent="0.2">
      <c r="B121" s="77"/>
      <c r="C121" s="39" t="s">
        <v>55</v>
      </c>
      <c r="D121" s="45">
        <v>615</v>
      </c>
      <c r="E121" s="46">
        <v>5.4</v>
      </c>
      <c r="F121" s="46">
        <v>15.3</v>
      </c>
      <c r="G121" s="46">
        <v>9.8000000000000007</v>
      </c>
      <c r="H121" s="46">
        <v>14.3</v>
      </c>
      <c r="I121" s="46">
        <v>9.9</v>
      </c>
      <c r="J121" s="46">
        <v>16.399999999999999</v>
      </c>
      <c r="K121" s="46">
        <v>11.5</v>
      </c>
      <c r="L121" s="46">
        <v>11.2</v>
      </c>
      <c r="M121" s="46">
        <v>6.2</v>
      </c>
      <c r="N121" s="46">
        <v>41.9</v>
      </c>
      <c r="O121" s="59">
        <v>42</v>
      </c>
    </row>
    <row r="122" spans="1:25" ht="21.6" x14ac:dyDescent="0.2">
      <c r="B122" s="77"/>
      <c r="C122" s="39" t="s">
        <v>56</v>
      </c>
      <c r="D122" s="45">
        <v>800</v>
      </c>
      <c r="E122" s="46">
        <v>7.1</v>
      </c>
      <c r="F122" s="46">
        <v>15.5</v>
      </c>
      <c r="G122" s="46">
        <v>12.6</v>
      </c>
      <c r="H122" s="46">
        <v>12.8</v>
      </c>
      <c r="I122" s="46">
        <v>11.8</v>
      </c>
      <c r="J122" s="46">
        <v>14.5</v>
      </c>
      <c r="K122" s="46">
        <v>10.3</v>
      </c>
      <c r="L122" s="46">
        <v>10.6</v>
      </c>
      <c r="M122" s="46">
        <v>4.9000000000000004</v>
      </c>
      <c r="N122" s="46">
        <v>40.700000000000003</v>
      </c>
      <c r="O122" s="59">
        <v>41</v>
      </c>
    </row>
    <row r="123" spans="1:25" x14ac:dyDescent="0.2">
      <c r="B123" s="77"/>
      <c r="C123" s="40" t="s">
        <v>57</v>
      </c>
      <c r="D123" s="48">
        <v>798</v>
      </c>
      <c r="E123" s="49">
        <v>3.1</v>
      </c>
      <c r="F123" s="49">
        <v>6.5</v>
      </c>
      <c r="G123" s="49">
        <v>8.5</v>
      </c>
      <c r="H123" s="49">
        <v>13.4</v>
      </c>
      <c r="I123" s="49">
        <v>12.2</v>
      </c>
      <c r="J123" s="49">
        <v>20.3</v>
      </c>
      <c r="K123" s="49">
        <v>12.9</v>
      </c>
      <c r="L123" s="49">
        <v>12.3</v>
      </c>
      <c r="M123" s="49">
        <v>10.8</v>
      </c>
      <c r="N123" s="49">
        <v>45.3</v>
      </c>
      <c r="O123" s="60">
        <v>46</v>
      </c>
    </row>
    <row r="125" spans="1:25" x14ac:dyDescent="0.2">
      <c r="C125" t="s">
        <v>35</v>
      </c>
    </row>
    <row r="126" spans="1:25" x14ac:dyDescent="0.2">
      <c r="B126" s="75" t="s">
        <v>260</v>
      </c>
      <c r="C126" s="76"/>
      <c r="D126" s="76"/>
      <c r="E126" s="76"/>
      <c r="F126" s="76"/>
      <c r="G126" s="76"/>
      <c r="H126" s="76"/>
      <c r="I126" s="76"/>
      <c r="J126" s="76"/>
      <c r="K126" s="76"/>
      <c r="L126" s="76"/>
      <c r="M126" s="76"/>
      <c r="N126" s="76"/>
      <c r="O126" s="76"/>
      <c r="P126" s="76"/>
      <c r="Q126" s="76"/>
      <c r="R126" s="76"/>
      <c r="S126" s="76"/>
      <c r="T126" s="76"/>
      <c r="U126" s="76"/>
      <c r="V126" s="76"/>
      <c r="W126" s="76"/>
      <c r="X126" s="76"/>
      <c r="Y126" s="76"/>
    </row>
    <row r="127" spans="1:25" s="32" customFormat="1" ht="36.450000000000003" customHeight="1" x14ac:dyDescent="0.15">
      <c r="A127" s="31"/>
      <c r="D127" s="33" t="s">
        <v>378</v>
      </c>
      <c r="E127" s="36" t="s">
        <v>389</v>
      </c>
      <c r="F127" s="55" t="s">
        <v>390</v>
      </c>
      <c r="G127" s="55" t="s">
        <v>391</v>
      </c>
      <c r="H127" s="55" t="s">
        <v>392</v>
      </c>
      <c r="I127" s="55" t="s">
        <v>393</v>
      </c>
      <c r="J127" s="55" t="s">
        <v>394</v>
      </c>
      <c r="K127" s="55" t="s">
        <v>395</v>
      </c>
      <c r="L127" s="55" t="s">
        <v>396</v>
      </c>
      <c r="M127" s="55" t="s">
        <v>386</v>
      </c>
      <c r="N127" s="56" t="s">
        <v>387</v>
      </c>
      <c r="O127" s="57" t="s">
        <v>388</v>
      </c>
      <c r="P127" s="54" t="s">
        <v>381</v>
      </c>
    </row>
    <row r="128" spans="1:25" ht="21.6" x14ac:dyDescent="0.2">
      <c r="B128" s="77" t="s">
        <v>37</v>
      </c>
      <c r="C128" s="38" t="s">
        <v>58</v>
      </c>
      <c r="D128" s="51">
        <v>609</v>
      </c>
      <c r="E128" s="52">
        <v>8.1999999999999993</v>
      </c>
      <c r="F128" s="52">
        <v>18.399999999999999</v>
      </c>
      <c r="G128" s="52">
        <v>14</v>
      </c>
      <c r="H128" s="52">
        <v>14.4</v>
      </c>
      <c r="I128" s="52">
        <v>13.3</v>
      </c>
      <c r="J128" s="52">
        <v>12.8</v>
      </c>
      <c r="K128" s="52">
        <v>7.9</v>
      </c>
      <c r="L128" s="52">
        <v>7.9</v>
      </c>
      <c r="M128" s="52">
        <v>3.1</v>
      </c>
      <c r="N128" s="52">
        <v>38.799999999999997</v>
      </c>
      <c r="O128" s="61">
        <v>38</v>
      </c>
    </row>
    <row r="129" spans="2:15" ht="21.6" x14ac:dyDescent="0.2">
      <c r="B129" s="77"/>
      <c r="C129" s="39" t="s">
        <v>59</v>
      </c>
      <c r="D129" s="45">
        <v>1391</v>
      </c>
      <c r="E129" s="46">
        <v>6.5</v>
      </c>
      <c r="F129" s="46">
        <v>10.3</v>
      </c>
      <c r="G129" s="46">
        <v>9.1</v>
      </c>
      <c r="H129" s="46">
        <v>12</v>
      </c>
      <c r="I129" s="46">
        <v>11.6</v>
      </c>
      <c r="J129" s="46">
        <v>18.3</v>
      </c>
      <c r="K129" s="46">
        <v>12</v>
      </c>
      <c r="L129" s="46">
        <v>11.6</v>
      </c>
      <c r="M129" s="46">
        <v>8.6</v>
      </c>
      <c r="N129" s="46">
        <v>43.3</v>
      </c>
      <c r="O129" s="59">
        <v>45</v>
      </c>
    </row>
    <row r="130" spans="2:15" x14ac:dyDescent="0.2">
      <c r="B130" s="77"/>
      <c r="C130" s="39" t="s">
        <v>60</v>
      </c>
      <c r="D130" s="45">
        <v>1325</v>
      </c>
      <c r="E130" s="46">
        <v>7.5</v>
      </c>
      <c r="F130" s="46">
        <v>12.6</v>
      </c>
      <c r="G130" s="46">
        <v>10.3</v>
      </c>
      <c r="H130" s="46">
        <v>13.5</v>
      </c>
      <c r="I130" s="46">
        <v>11.7</v>
      </c>
      <c r="J130" s="46">
        <v>17</v>
      </c>
      <c r="K130" s="46">
        <v>10.1</v>
      </c>
      <c r="L130" s="46">
        <v>10.6</v>
      </c>
      <c r="M130" s="46">
        <v>6.7</v>
      </c>
      <c r="N130" s="46">
        <v>41.8</v>
      </c>
      <c r="O130" s="59">
        <v>42</v>
      </c>
    </row>
    <row r="131" spans="2:15" x14ac:dyDescent="0.2">
      <c r="B131" s="77"/>
      <c r="C131" s="39" t="s">
        <v>61</v>
      </c>
      <c r="D131" s="45">
        <v>675</v>
      </c>
      <c r="E131" s="46">
        <v>6.2</v>
      </c>
      <c r="F131" s="46">
        <v>13</v>
      </c>
      <c r="G131" s="46">
        <v>11.1</v>
      </c>
      <c r="H131" s="46">
        <v>11.3</v>
      </c>
      <c r="I131" s="46">
        <v>13</v>
      </c>
      <c r="J131" s="46">
        <v>15.9</v>
      </c>
      <c r="K131" s="46">
        <v>12</v>
      </c>
      <c r="L131" s="46">
        <v>10.1</v>
      </c>
      <c r="M131" s="46">
        <v>7.4</v>
      </c>
      <c r="N131" s="46">
        <v>42.3</v>
      </c>
      <c r="O131" s="59">
        <v>43</v>
      </c>
    </row>
    <row r="132" spans="2:15" x14ac:dyDescent="0.2">
      <c r="B132" s="77"/>
      <c r="C132" s="39" t="s">
        <v>62</v>
      </c>
      <c r="D132" s="45">
        <v>1086</v>
      </c>
      <c r="E132" s="46">
        <v>6.3</v>
      </c>
      <c r="F132" s="46">
        <v>12.4</v>
      </c>
      <c r="G132" s="46">
        <v>10.4</v>
      </c>
      <c r="H132" s="46">
        <v>13.8</v>
      </c>
      <c r="I132" s="46">
        <v>10.8</v>
      </c>
      <c r="J132" s="46">
        <v>18</v>
      </c>
      <c r="K132" s="46">
        <v>10</v>
      </c>
      <c r="L132" s="46">
        <v>11.1</v>
      </c>
      <c r="M132" s="46">
        <v>7.2</v>
      </c>
      <c r="N132" s="46">
        <v>42.4</v>
      </c>
      <c r="O132" s="59">
        <v>43</v>
      </c>
    </row>
    <row r="133" spans="2:15" ht="21.6" x14ac:dyDescent="0.2">
      <c r="B133" s="77"/>
      <c r="C133" s="39" t="s">
        <v>63</v>
      </c>
      <c r="D133" s="45">
        <v>203</v>
      </c>
      <c r="E133" s="46">
        <v>33.5</v>
      </c>
      <c r="F133" s="46">
        <v>66.5</v>
      </c>
      <c r="G133" s="46">
        <v>0</v>
      </c>
      <c r="H133" s="46">
        <v>0</v>
      </c>
      <c r="I133" s="46">
        <v>0</v>
      </c>
      <c r="J133" s="46">
        <v>0</v>
      </c>
      <c r="K133" s="46">
        <v>0</v>
      </c>
      <c r="L133" s="46">
        <v>0</v>
      </c>
      <c r="M133" s="46">
        <v>0</v>
      </c>
      <c r="N133" s="46">
        <v>25.7</v>
      </c>
      <c r="O133" s="59">
        <v>26</v>
      </c>
    </row>
    <row r="134" spans="2:15" x14ac:dyDescent="0.2">
      <c r="B134" s="77"/>
      <c r="C134" s="39" t="s">
        <v>64</v>
      </c>
      <c r="D134" s="45">
        <v>263</v>
      </c>
      <c r="E134" s="46">
        <v>0</v>
      </c>
      <c r="F134" s="46">
        <v>0</v>
      </c>
      <c r="G134" s="46">
        <v>43</v>
      </c>
      <c r="H134" s="46">
        <v>57</v>
      </c>
      <c r="I134" s="46">
        <v>0</v>
      </c>
      <c r="J134" s="46">
        <v>0</v>
      </c>
      <c r="K134" s="46">
        <v>0</v>
      </c>
      <c r="L134" s="46">
        <v>0</v>
      </c>
      <c r="M134" s="46">
        <v>0</v>
      </c>
      <c r="N134" s="46">
        <v>35</v>
      </c>
      <c r="O134" s="59">
        <v>35</v>
      </c>
    </row>
    <row r="135" spans="2:15" x14ac:dyDescent="0.2">
      <c r="B135" s="77"/>
      <c r="C135" s="39" t="s">
        <v>65</v>
      </c>
      <c r="D135" s="45">
        <v>312</v>
      </c>
      <c r="E135" s="46">
        <v>0</v>
      </c>
      <c r="F135" s="46">
        <v>0</v>
      </c>
      <c r="G135" s="46">
        <v>0</v>
      </c>
      <c r="H135" s="46">
        <v>0</v>
      </c>
      <c r="I135" s="46">
        <v>37.5</v>
      </c>
      <c r="J135" s="46">
        <v>62.5</v>
      </c>
      <c r="K135" s="46">
        <v>0</v>
      </c>
      <c r="L135" s="46">
        <v>0</v>
      </c>
      <c r="M135" s="46">
        <v>0</v>
      </c>
      <c r="N135" s="46">
        <v>45.4</v>
      </c>
      <c r="O135" s="59">
        <v>46</v>
      </c>
    </row>
    <row r="136" spans="2:15" x14ac:dyDescent="0.2">
      <c r="B136" s="77"/>
      <c r="C136" s="39" t="s">
        <v>66</v>
      </c>
      <c r="D136" s="45">
        <v>230</v>
      </c>
      <c r="E136" s="46">
        <v>0</v>
      </c>
      <c r="F136" s="46">
        <v>0</v>
      </c>
      <c r="G136" s="46">
        <v>0</v>
      </c>
      <c r="H136" s="46">
        <v>0</v>
      </c>
      <c r="I136" s="46">
        <v>0</v>
      </c>
      <c r="J136" s="46">
        <v>0</v>
      </c>
      <c r="K136" s="46">
        <v>47.4</v>
      </c>
      <c r="L136" s="46">
        <v>52.6</v>
      </c>
      <c r="M136" s="46">
        <v>0</v>
      </c>
      <c r="N136" s="46">
        <v>54.7</v>
      </c>
      <c r="O136" s="59">
        <v>55</v>
      </c>
    </row>
    <row r="137" spans="2:15" x14ac:dyDescent="0.2">
      <c r="B137" s="77"/>
      <c r="C137" s="39" t="s">
        <v>67</v>
      </c>
      <c r="D137" s="45">
        <v>78</v>
      </c>
      <c r="E137" s="46">
        <v>0</v>
      </c>
      <c r="F137" s="46">
        <v>0</v>
      </c>
      <c r="G137" s="46">
        <v>0</v>
      </c>
      <c r="H137" s="46">
        <v>0</v>
      </c>
      <c r="I137" s="46">
        <v>0</v>
      </c>
      <c r="J137" s="46">
        <v>0</v>
      </c>
      <c r="K137" s="46">
        <v>0</v>
      </c>
      <c r="L137" s="46">
        <v>0</v>
      </c>
      <c r="M137" s="46">
        <v>100</v>
      </c>
      <c r="N137" s="46">
        <v>62</v>
      </c>
      <c r="O137" s="59">
        <v>62</v>
      </c>
    </row>
    <row r="138" spans="2:15" x14ac:dyDescent="0.2">
      <c r="B138" s="77"/>
      <c r="C138" s="39" t="s">
        <v>68</v>
      </c>
      <c r="D138" s="45">
        <v>897</v>
      </c>
      <c r="E138" s="46">
        <v>5.4</v>
      </c>
      <c r="F138" s="46">
        <v>10.6</v>
      </c>
      <c r="G138" s="46">
        <v>10.6</v>
      </c>
      <c r="H138" s="46">
        <v>15.3</v>
      </c>
      <c r="I138" s="46">
        <v>11.5</v>
      </c>
      <c r="J138" s="46">
        <v>19.8</v>
      </c>
      <c r="K138" s="46">
        <v>11</v>
      </c>
      <c r="L138" s="46">
        <v>11.8</v>
      </c>
      <c r="M138" s="46">
        <v>4</v>
      </c>
      <c r="N138" s="46">
        <v>42.4</v>
      </c>
      <c r="O138" s="59">
        <v>43</v>
      </c>
    </row>
    <row r="139" spans="2:15" x14ac:dyDescent="0.2">
      <c r="B139" s="77"/>
      <c r="C139" s="39" t="s">
        <v>69</v>
      </c>
      <c r="D139" s="45">
        <v>189</v>
      </c>
      <c r="E139" s="46">
        <v>10.6</v>
      </c>
      <c r="F139" s="46">
        <v>21.2</v>
      </c>
      <c r="G139" s="46">
        <v>9.5</v>
      </c>
      <c r="H139" s="46">
        <v>6.9</v>
      </c>
      <c r="I139" s="46">
        <v>7.4</v>
      </c>
      <c r="J139" s="46">
        <v>9</v>
      </c>
      <c r="K139" s="46">
        <v>5.3</v>
      </c>
      <c r="L139" s="46">
        <v>7.9</v>
      </c>
      <c r="M139" s="46">
        <v>22.2</v>
      </c>
      <c r="N139" s="46">
        <v>42.2</v>
      </c>
      <c r="O139" s="59">
        <v>41</v>
      </c>
    </row>
    <row r="140" spans="2:15" x14ac:dyDescent="0.2">
      <c r="B140" s="77"/>
      <c r="C140" s="39" t="s">
        <v>70</v>
      </c>
      <c r="D140" s="45">
        <v>914</v>
      </c>
      <c r="E140" s="46">
        <v>8</v>
      </c>
      <c r="F140" s="46">
        <v>13.1</v>
      </c>
      <c r="G140" s="46">
        <v>10.7</v>
      </c>
      <c r="H140" s="46">
        <v>11.5</v>
      </c>
      <c r="I140" s="46">
        <v>13.8</v>
      </c>
      <c r="J140" s="46">
        <v>15</v>
      </c>
      <c r="K140" s="46">
        <v>11.6</v>
      </c>
      <c r="L140" s="46">
        <v>9.6</v>
      </c>
      <c r="M140" s="46">
        <v>6.7</v>
      </c>
      <c r="N140" s="46">
        <v>41.5</v>
      </c>
      <c r="O140" s="59">
        <v>42</v>
      </c>
    </row>
    <row r="141" spans="2:15" ht="21.6" x14ac:dyDescent="0.2">
      <c r="B141" s="77"/>
      <c r="C141" s="39" t="s">
        <v>63</v>
      </c>
      <c r="D141" s="45">
        <v>193</v>
      </c>
      <c r="E141" s="46">
        <v>37.799999999999997</v>
      </c>
      <c r="F141" s="46">
        <v>62.2</v>
      </c>
      <c r="G141" s="46">
        <v>0</v>
      </c>
      <c r="H141" s="46">
        <v>0</v>
      </c>
      <c r="I141" s="46">
        <v>0</v>
      </c>
      <c r="J141" s="46">
        <v>0</v>
      </c>
      <c r="K141" s="46">
        <v>0</v>
      </c>
      <c r="L141" s="46">
        <v>0</v>
      </c>
      <c r="M141" s="46">
        <v>0</v>
      </c>
      <c r="N141" s="46">
        <v>25.3</v>
      </c>
      <c r="O141" s="59">
        <v>25</v>
      </c>
    </row>
    <row r="142" spans="2:15" x14ac:dyDescent="0.2">
      <c r="B142" s="77"/>
      <c r="C142" s="39" t="s">
        <v>64</v>
      </c>
      <c r="D142" s="45">
        <v>203</v>
      </c>
      <c r="E142" s="46">
        <v>0</v>
      </c>
      <c r="F142" s="46">
        <v>0</v>
      </c>
      <c r="G142" s="46">
        <v>48.3</v>
      </c>
      <c r="H142" s="46">
        <v>51.7</v>
      </c>
      <c r="I142" s="46">
        <v>0</v>
      </c>
      <c r="J142" s="46">
        <v>0</v>
      </c>
      <c r="K142" s="46">
        <v>0</v>
      </c>
      <c r="L142" s="46">
        <v>0</v>
      </c>
      <c r="M142" s="46">
        <v>0</v>
      </c>
      <c r="N142" s="46">
        <v>34.700000000000003</v>
      </c>
      <c r="O142" s="59">
        <v>35</v>
      </c>
    </row>
    <row r="143" spans="2:15" x14ac:dyDescent="0.2">
      <c r="B143" s="77"/>
      <c r="C143" s="39" t="s">
        <v>65</v>
      </c>
      <c r="D143" s="45">
        <v>263</v>
      </c>
      <c r="E143" s="46">
        <v>0</v>
      </c>
      <c r="F143" s="46">
        <v>0</v>
      </c>
      <c r="G143" s="46">
        <v>0</v>
      </c>
      <c r="H143" s="46">
        <v>0</v>
      </c>
      <c r="I143" s="46">
        <v>47.9</v>
      </c>
      <c r="J143" s="46">
        <v>52.1</v>
      </c>
      <c r="K143" s="46">
        <v>0</v>
      </c>
      <c r="L143" s="46">
        <v>0</v>
      </c>
      <c r="M143" s="46">
        <v>0</v>
      </c>
      <c r="N143" s="46">
        <v>44.7</v>
      </c>
      <c r="O143" s="59">
        <v>45</v>
      </c>
    </row>
    <row r="144" spans="2:15" x14ac:dyDescent="0.2">
      <c r="B144" s="77"/>
      <c r="C144" s="39" t="s">
        <v>66</v>
      </c>
      <c r="D144" s="45">
        <v>194</v>
      </c>
      <c r="E144" s="46">
        <v>0</v>
      </c>
      <c r="F144" s="46">
        <v>0</v>
      </c>
      <c r="G144" s="46">
        <v>0</v>
      </c>
      <c r="H144" s="46">
        <v>0</v>
      </c>
      <c r="I144" s="46">
        <v>0</v>
      </c>
      <c r="J144" s="46">
        <v>0</v>
      </c>
      <c r="K144" s="46">
        <v>54.6</v>
      </c>
      <c r="L144" s="46">
        <v>45.4</v>
      </c>
      <c r="M144" s="46">
        <v>0</v>
      </c>
      <c r="N144" s="46">
        <v>54.1</v>
      </c>
      <c r="O144" s="59">
        <v>54</v>
      </c>
    </row>
    <row r="145" spans="1:25" x14ac:dyDescent="0.2">
      <c r="B145" s="77"/>
      <c r="C145" s="39" t="s">
        <v>67</v>
      </c>
      <c r="D145" s="45">
        <v>61</v>
      </c>
      <c r="E145" s="46">
        <v>0</v>
      </c>
      <c r="F145" s="46">
        <v>0</v>
      </c>
      <c r="G145" s="46">
        <v>0</v>
      </c>
      <c r="H145" s="46">
        <v>0</v>
      </c>
      <c r="I145" s="46">
        <v>0</v>
      </c>
      <c r="J145" s="46">
        <v>0</v>
      </c>
      <c r="K145" s="46">
        <v>0</v>
      </c>
      <c r="L145" s="46">
        <v>0</v>
      </c>
      <c r="M145" s="46">
        <v>100</v>
      </c>
      <c r="N145" s="46">
        <v>61.2</v>
      </c>
      <c r="O145" s="59">
        <v>61</v>
      </c>
    </row>
    <row r="146" spans="1:25" x14ac:dyDescent="0.2">
      <c r="B146" s="77"/>
      <c r="C146" s="39" t="s">
        <v>68</v>
      </c>
      <c r="D146" s="45">
        <v>416</v>
      </c>
      <c r="E146" s="46">
        <v>9.9</v>
      </c>
      <c r="F146" s="46">
        <v>18.5</v>
      </c>
      <c r="G146" s="46">
        <v>13.7</v>
      </c>
      <c r="H146" s="46">
        <v>13.2</v>
      </c>
      <c r="I146" s="46">
        <v>12.7</v>
      </c>
      <c r="J146" s="46">
        <v>12.3</v>
      </c>
      <c r="K146" s="46">
        <v>9.9</v>
      </c>
      <c r="L146" s="46">
        <v>7</v>
      </c>
      <c r="M146" s="46">
        <v>2.9</v>
      </c>
      <c r="N146" s="46">
        <v>38.4</v>
      </c>
      <c r="O146" s="59">
        <v>38</v>
      </c>
    </row>
    <row r="147" spans="1:25" x14ac:dyDescent="0.2">
      <c r="B147" s="77"/>
      <c r="C147" s="40" t="s">
        <v>69</v>
      </c>
      <c r="D147" s="48">
        <v>498</v>
      </c>
      <c r="E147" s="49">
        <v>6.4</v>
      </c>
      <c r="F147" s="49">
        <v>8.6</v>
      </c>
      <c r="G147" s="49">
        <v>8.1999999999999993</v>
      </c>
      <c r="H147" s="49">
        <v>10</v>
      </c>
      <c r="I147" s="49">
        <v>14.7</v>
      </c>
      <c r="J147" s="49">
        <v>17.3</v>
      </c>
      <c r="K147" s="49">
        <v>13.1</v>
      </c>
      <c r="L147" s="49">
        <v>11.8</v>
      </c>
      <c r="M147" s="49">
        <v>9.8000000000000007</v>
      </c>
      <c r="N147" s="49">
        <v>44.1</v>
      </c>
      <c r="O147" s="60">
        <v>45</v>
      </c>
    </row>
    <row r="149" spans="1:25" x14ac:dyDescent="0.2">
      <c r="A149" s="26" t="s">
        <v>25</v>
      </c>
      <c r="B149" t="s">
        <v>35</v>
      </c>
      <c r="C149" t="s">
        <v>35</v>
      </c>
    </row>
    <row r="150" spans="1:25" x14ac:dyDescent="0.2">
      <c r="B150" s="75" t="s">
        <v>76</v>
      </c>
      <c r="C150" s="76"/>
      <c r="D150" s="76"/>
      <c r="E150" s="76"/>
      <c r="F150" s="76"/>
      <c r="G150" s="76"/>
      <c r="H150" s="76"/>
      <c r="I150" s="76"/>
      <c r="J150" s="76"/>
      <c r="K150" s="76"/>
      <c r="L150" s="76"/>
      <c r="M150" s="76"/>
      <c r="N150" s="76"/>
      <c r="O150" s="76"/>
      <c r="P150" s="76"/>
      <c r="Q150" s="76"/>
      <c r="R150" s="76"/>
      <c r="S150" s="76"/>
      <c r="T150" s="76"/>
      <c r="U150" s="76"/>
      <c r="V150" s="76"/>
      <c r="W150" s="76"/>
      <c r="X150" s="76"/>
      <c r="Y150" s="76"/>
    </row>
    <row r="151" spans="1:25" s="32" customFormat="1" ht="36.450000000000003" customHeight="1" x14ac:dyDescent="0.15">
      <c r="A151" s="31"/>
      <c r="D151" s="33" t="s">
        <v>378</v>
      </c>
      <c r="E151" s="36" t="s">
        <v>397</v>
      </c>
      <c r="F151" s="55" t="s">
        <v>398</v>
      </c>
      <c r="G151" s="56" t="s">
        <v>387</v>
      </c>
      <c r="H151" s="57" t="s">
        <v>388</v>
      </c>
      <c r="I151" s="54" t="s">
        <v>381</v>
      </c>
    </row>
    <row r="152" spans="1:25" x14ac:dyDescent="0.2">
      <c r="B152" s="5"/>
      <c r="C152" s="41" t="s">
        <v>38</v>
      </c>
      <c r="D152" s="42">
        <v>2000</v>
      </c>
      <c r="E152" s="43">
        <v>93.1</v>
      </c>
      <c r="F152" s="43">
        <v>7</v>
      </c>
      <c r="G152" s="43">
        <v>42</v>
      </c>
      <c r="H152" s="58">
        <v>43</v>
      </c>
    </row>
    <row r="153" spans="1:25" x14ac:dyDescent="0.2">
      <c r="B153" s="77" t="s">
        <v>37</v>
      </c>
      <c r="C153" s="39" t="s">
        <v>39</v>
      </c>
      <c r="D153" s="45">
        <v>111</v>
      </c>
      <c r="E153" s="46">
        <v>91</v>
      </c>
      <c r="F153" s="46">
        <v>9</v>
      </c>
      <c r="G153" s="46">
        <v>42.4</v>
      </c>
      <c r="H153" s="59">
        <v>42</v>
      </c>
    </row>
    <row r="154" spans="1:25" x14ac:dyDescent="0.2">
      <c r="B154" s="77"/>
      <c r="C154" s="39" t="s">
        <v>40</v>
      </c>
      <c r="D154" s="45">
        <v>450</v>
      </c>
      <c r="E154" s="46">
        <v>93.6</v>
      </c>
      <c r="F154" s="46">
        <v>6.4</v>
      </c>
      <c r="G154" s="46">
        <v>43.2</v>
      </c>
      <c r="H154" s="59">
        <v>44</v>
      </c>
    </row>
    <row r="155" spans="1:25" ht="21.6" x14ac:dyDescent="0.2">
      <c r="B155" s="77"/>
      <c r="C155" s="39" t="s">
        <v>41</v>
      </c>
      <c r="D155" s="45">
        <v>30</v>
      </c>
      <c r="E155" s="46">
        <v>90</v>
      </c>
      <c r="F155" s="46">
        <v>10</v>
      </c>
      <c r="G155" s="46">
        <v>41.1</v>
      </c>
      <c r="H155" s="59">
        <v>45</v>
      </c>
    </row>
    <row r="156" spans="1:25" ht="21.6" x14ac:dyDescent="0.2">
      <c r="B156" s="77"/>
      <c r="C156" s="39" t="s">
        <v>42</v>
      </c>
      <c r="D156" s="45">
        <v>336</v>
      </c>
      <c r="E156" s="46">
        <v>95.8</v>
      </c>
      <c r="F156" s="46">
        <v>4.2</v>
      </c>
      <c r="G156" s="46">
        <v>41.1</v>
      </c>
      <c r="H156" s="59">
        <v>40.5</v>
      </c>
    </row>
    <row r="157" spans="1:25" ht="21.6" x14ac:dyDescent="0.2">
      <c r="B157" s="77"/>
      <c r="C157" s="39" t="s">
        <v>43</v>
      </c>
      <c r="D157" s="45">
        <v>327</v>
      </c>
      <c r="E157" s="46">
        <v>91.7</v>
      </c>
      <c r="F157" s="46">
        <v>8.3000000000000007</v>
      </c>
      <c r="G157" s="46">
        <v>41.1</v>
      </c>
      <c r="H157" s="59">
        <v>41</v>
      </c>
    </row>
    <row r="158" spans="1:25" ht="21.6" x14ac:dyDescent="0.2">
      <c r="B158" s="77"/>
      <c r="C158" s="39" t="s">
        <v>44</v>
      </c>
      <c r="D158" s="45">
        <v>181</v>
      </c>
      <c r="E158" s="46">
        <v>95</v>
      </c>
      <c r="F158" s="46">
        <v>5</v>
      </c>
      <c r="G158" s="46">
        <v>41.5</v>
      </c>
      <c r="H158" s="59">
        <v>43</v>
      </c>
    </row>
    <row r="159" spans="1:25" ht="21.6" x14ac:dyDescent="0.2">
      <c r="B159" s="77"/>
      <c r="C159" s="39" t="s">
        <v>45</v>
      </c>
      <c r="D159" s="45">
        <v>565</v>
      </c>
      <c r="E159" s="46">
        <v>91.7</v>
      </c>
      <c r="F159" s="46">
        <v>8.3000000000000007</v>
      </c>
      <c r="G159" s="46">
        <v>42.1</v>
      </c>
      <c r="H159" s="59">
        <v>43</v>
      </c>
    </row>
    <row r="160" spans="1:25" ht="21.6" x14ac:dyDescent="0.2">
      <c r="B160" s="77"/>
      <c r="C160" s="39" t="s">
        <v>46</v>
      </c>
      <c r="D160" s="45">
        <v>473</v>
      </c>
      <c r="E160" s="46">
        <v>90.9</v>
      </c>
      <c r="F160" s="46">
        <v>9.1</v>
      </c>
      <c r="G160" s="46">
        <v>40.299999999999997</v>
      </c>
      <c r="H160" s="59">
        <v>40</v>
      </c>
    </row>
    <row r="161" spans="1:25" ht="21.6" x14ac:dyDescent="0.2">
      <c r="B161" s="77"/>
      <c r="C161" s="39" t="s">
        <v>47</v>
      </c>
      <c r="D161" s="45">
        <v>441</v>
      </c>
      <c r="E161" s="46">
        <v>92.5</v>
      </c>
      <c r="F161" s="46">
        <v>7.5</v>
      </c>
      <c r="G161" s="46">
        <v>42.3</v>
      </c>
      <c r="H161" s="59">
        <v>43</v>
      </c>
    </row>
    <row r="162" spans="1:25" ht="21.6" x14ac:dyDescent="0.2">
      <c r="B162" s="77"/>
      <c r="C162" s="39" t="s">
        <v>48</v>
      </c>
      <c r="D162" s="45">
        <v>305</v>
      </c>
      <c r="E162" s="46">
        <v>93.4</v>
      </c>
      <c r="F162" s="46">
        <v>6.6</v>
      </c>
      <c r="G162" s="46">
        <v>43.5</v>
      </c>
      <c r="H162" s="59">
        <v>44</v>
      </c>
    </row>
    <row r="163" spans="1:25" ht="21.6" x14ac:dyDescent="0.2">
      <c r="B163" s="77"/>
      <c r="C163" s="39" t="s">
        <v>49</v>
      </c>
      <c r="D163" s="45">
        <v>223</v>
      </c>
      <c r="E163" s="46">
        <v>91.9</v>
      </c>
      <c r="F163" s="46">
        <v>8.1</v>
      </c>
      <c r="G163" s="46">
        <v>44.9</v>
      </c>
      <c r="H163" s="59">
        <v>46</v>
      </c>
    </row>
    <row r="164" spans="1:25" ht="21.6" x14ac:dyDescent="0.2">
      <c r="B164" s="77"/>
      <c r="C164" s="39" t="s">
        <v>50</v>
      </c>
      <c r="D164" s="45">
        <v>123</v>
      </c>
      <c r="E164" s="46">
        <v>91.1</v>
      </c>
      <c r="F164" s="46">
        <v>8.9</v>
      </c>
      <c r="G164" s="46">
        <v>45.1</v>
      </c>
      <c r="H164" s="59">
        <v>47</v>
      </c>
    </row>
    <row r="165" spans="1:25" ht="21.6" x14ac:dyDescent="0.2">
      <c r="B165" s="77"/>
      <c r="C165" s="39" t="s">
        <v>51</v>
      </c>
      <c r="D165" s="45">
        <v>124</v>
      </c>
      <c r="E165" s="46">
        <v>95.2</v>
      </c>
      <c r="F165" s="46">
        <v>4.8</v>
      </c>
      <c r="G165" s="46">
        <v>44</v>
      </c>
      <c r="H165" s="59">
        <v>47</v>
      </c>
    </row>
    <row r="166" spans="1:25" ht="21.6" x14ac:dyDescent="0.2">
      <c r="B166" s="77"/>
      <c r="C166" s="39" t="s">
        <v>52</v>
      </c>
      <c r="D166" s="45">
        <v>312</v>
      </c>
      <c r="E166" s="46">
        <v>91.3</v>
      </c>
      <c r="F166" s="46">
        <v>8.6999999999999993</v>
      </c>
      <c r="G166" s="46">
        <v>44.8</v>
      </c>
      <c r="H166" s="59">
        <v>46</v>
      </c>
    </row>
    <row r="167" spans="1:25" x14ac:dyDescent="0.2">
      <c r="B167" s="77"/>
      <c r="C167" s="39" t="s">
        <v>53</v>
      </c>
      <c r="D167" s="45">
        <v>269</v>
      </c>
      <c r="E167" s="46">
        <v>93.3</v>
      </c>
      <c r="F167" s="46">
        <v>6.7</v>
      </c>
      <c r="G167" s="46">
        <v>41.6</v>
      </c>
      <c r="H167" s="59">
        <v>42</v>
      </c>
    </row>
    <row r="168" spans="1:25" ht="21.6" x14ac:dyDescent="0.2">
      <c r="B168" s="77"/>
      <c r="C168" s="39" t="s">
        <v>54</v>
      </c>
      <c r="D168" s="45">
        <v>511</v>
      </c>
      <c r="E168" s="46">
        <v>92.6</v>
      </c>
      <c r="F168" s="46">
        <v>7.4</v>
      </c>
      <c r="G168" s="46">
        <v>41.7</v>
      </c>
      <c r="H168" s="59">
        <v>42</v>
      </c>
    </row>
    <row r="169" spans="1:25" ht="21.6" x14ac:dyDescent="0.2">
      <c r="B169" s="77"/>
      <c r="C169" s="39" t="s">
        <v>55</v>
      </c>
      <c r="D169" s="45">
        <v>615</v>
      </c>
      <c r="E169" s="46">
        <v>93.8</v>
      </c>
      <c r="F169" s="46">
        <v>6.2</v>
      </c>
      <c r="G169" s="46">
        <v>41.9</v>
      </c>
      <c r="H169" s="59">
        <v>42</v>
      </c>
    </row>
    <row r="170" spans="1:25" ht="21.6" x14ac:dyDescent="0.2">
      <c r="B170" s="77"/>
      <c r="C170" s="39" t="s">
        <v>56</v>
      </c>
      <c r="D170" s="45">
        <v>800</v>
      </c>
      <c r="E170" s="46">
        <v>95.1</v>
      </c>
      <c r="F170" s="46">
        <v>4.9000000000000004</v>
      </c>
      <c r="G170" s="46">
        <v>40.700000000000003</v>
      </c>
      <c r="H170" s="59">
        <v>41</v>
      </c>
    </row>
    <row r="171" spans="1:25" x14ac:dyDescent="0.2">
      <c r="B171" s="77"/>
      <c r="C171" s="40" t="s">
        <v>57</v>
      </c>
      <c r="D171" s="48">
        <v>798</v>
      </c>
      <c r="E171" s="49">
        <v>89.2</v>
      </c>
      <c r="F171" s="49">
        <v>10.8</v>
      </c>
      <c r="G171" s="49">
        <v>45.3</v>
      </c>
      <c r="H171" s="60">
        <v>46</v>
      </c>
    </row>
    <row r="173" spans="1:25" x14ac:dyDescent="0.2">
      <c r="C173" t="s">
        <v>35</v>
      </c>
    </row>
    <row r="174" spans="1:25" x14ac:dyDescent="0.2">
      <c r="B174" s="75" t="s">
        <v>261</v>
      </c>
      <c r="C174" s="76"/>
      <c r="D174" s="76"/>
      <c r="E174" s="76"/>
      <c r="F174" s="76"/>
      <c r="G174" s="76"/>
      <c r="H174" s="76"/>
      <c r="I174" s="76"/>
      <c r="J174" s="76"/>
      <c r="K174" s="76"/>
      <c r="L174" s="76"/>
      <c r="M174" s="76"/>
      <c r="N174" s="76"/>
      <c r="O174" s="76"/>
      <c r="P174" s="76"/>
      <c r="Q174" s="76"/>
      <c r="R174" s="76"/>
      <c r="S174" s="76"/>
      <c r="T174" s="76"/>
      <c r="U174" s="76"/>
      <c r="V174" s="76"/>
      <c r="W174" s="76"/>
      <c r="X174" s="76"/>
      <c r="Y174" s="76"/>
    </row>
    <row r="175" spans="1:25" s="32" customFormat="1" ht="36.450000000000003" customHeight="1" x14ac:dyDescent="0.15">
      <c r="A175" s="31"/>
      <c r="D175" s="33" t="s">
        <v>378</v>
      </c>
      <c r="E175" s="36" t="s">
        <v>397</v>
      </c>
      <c r="F175" s="55" t="s">
        <v>398</v>
      </c>
      <c r="G175" s="56" t="s">
        <v>387</v>
      </c>
      <c r="H175" s="57" t="s">
        <v>388</v>
      </c>
      <c r="I175" s="54" t="s">
        <v>381</v>
      </c>
    </row>
    <row r="176" spans="1:25" ht="21.6" x14ac:dyDescent="0.2">
      <c r="B176" s="77" t="s">
        <v>37</v>
      </c>
      <c r="C176" s="38" t="s">
        <v>58</v>
      </c>
      <c r="D176" s="51">
        <v>609</v>
      </c>
      <c r="E176" s="52">
        <v>96.9</v>
      </c>
      <c r="F176" s="52">
        <v>3.1</v>
      </c>
      <c r="G176" s="52">
        <v>38.799999999999997</v>
      </c>
      <c r="H176" s="61">
        <v>38</v>
      </c>
    </row>
    <row r="177" spans="2:8" ht="21.6" x14ac:dyDescent="0.2">
      <c r="B177" s="77"/>
      <c r="C177" s="39" t="s">
        <v>59</v>
      </c>
      <c r="D177" s="45">
        <v>1391</v>
      </c>
      <c r="E177" s="46">
        <v>91.4</v>
      </c>
      <c r="F177" s="46">
        <v>8.6</v>
      </c>
      <c r="G177" s="46">
        <v>43.3</v>
      </c>
      <c r="H177" s="59">
        <v>45</v>
      </c>
    </row>
    <row r="178" spans="2:8" x14ac:dyDescent="0.2">
      <c r="B178" s="77"/>
      <c r="C178" s="39" t="s">
        <v>60</v>
      </c>
      <c r="D178" s="45">
        <v>1325</v>
      </c>
      <c r="E178" s="46">
        <v>93.3</v>
      </c>
      <c r="F178" s="46">
        <v>6.7</v>
      </c>
      <c r="G178" s="46">
        <v>41.8</v>
      </c>
      <c r="H178" s="59">
        <v>42</v>
      </c>
    </row>
    <row r="179" spans="2:8" x14ac:dyDescent="0.2">
      <c r="B179" s="77"/>
      <c r="C179" s="39" t="s">
        <v>61</v>
      </c>
      <c r="D179" s="45">
        <v>675</v>
      </c>
      <c r="E179" s="46">
        <v>92.6</v>
      </c>
      <c r="F179" s="46">
        <v>7.4</v>
      </c>
      <c r="G179" s="46">
        <v>42.3</v>
      </c>
      <c r="H179" s="59">
        <v>43</v>
      </c>
    </row>
    <row r="180" spans="2:8" x14ac:dyDescent="0.2">
      <c r="B180" s="77"/>
      <c r="C180" s="39" t="s">
        <v>62</v>
      </c>
      <c r="D180" s="45">
        <v>1086</v>
      </c>
      <c r="E180" s="46">
        <v>92.8</v>
      </c>
      <c r="F180" s="46">
        <v>7.2</v>
      </c>
      <c r="G180" s="46">
        <v>42.4</v>
      </c>
      <c r="H180" s="59">
        <v>43</v>
      </c>
    </row>
    <row r="181" spans="2:8" ht="21.6" x14ac:dyDescent="0.2">
      <c r="B181" s="77"/>
      <c r="C181" s="39" t="s">
        <v>63</v>
      </c>
      <c r="D181" s="45">
        <v>203</v>
      </c>
      <c r="E181" s="46">
        <v>100</v>
      </c>
      <c r="F181" s="46">
        <v>0</v>
      </c>
      <c r="G181" s="46">
        <v>25.7</v>
      </c>
      <c r="H181" s="59">
        <v>26</v>
      </c>
    </row>
    <row r="182" spans="2:8" x14ac:dyDescent="0.2">
      <c r="B182" s="77"/>
      <c r="C182" s="39" t="s">
        <v>64</v>
      </c>
      <c r="D182" s="45">
        <v>263</v>
      </c>
      <c r="E182" s="46">
        <v>100</v>
      </c>
      <c r="F182" s="46">
        <v>0</v>
      </c>
      <c r="G182" s="46">
        <v>35</v>
      </c>
      <c r="H182" s="59">
        <v>35</v>
      </c>
    </row>
    <row r="183" spans="2:8" x14ac:dyDescent="0.2">
      <c r="B183" s="77"/>
      <c r="C183" s="39" t="s">
        <v>65</v>
      </c>
      <c r="D183" s="45">
        <v>312</v>
      </c>
      <c r="E183" s="46">
        <v>100</v>
      </c>
      <c r="F183" s="46">
        <v>0</v>
      </c>
      <c r="G183" s="46">
        <v>45.4</v>
      </c>
      <c r="H183" s="59">
        <v>46</v>
      </c>
    </row>
    <row r="184" spans="2:8" x14ac:dyDescent="0.2">
      <c r="B184" s="77"/>
      <c r="C184" s="39" t="s">
        <v>66</v>
      </c>
      <c r="D184" s="45">
        <v>230</v>
      </c>
      <c r="E184" s="46">
        <v>100</v>
      </c>
      <c r="F184" s="46">
        <v>0</v>
      </c>
      <c r="G184" s="46">
        <v>54.7</v>
      </c>
      <c r="H184" s="59">
        <v>55</v>
      </c>
    </row>
    <row r="185" spans="2:8" x14ac:dyDescent="0.2">
      <c r="B185" s="77"/>
      <c r="C185" s="39" t="s">
        <v>67</v>
      </c>
      <c r="D185" s="45">
        <v>78</v>
      </c>
      <c r="E185" s="46">
        <v>0</v>
      </c>
      <c r="F185" s="46">
        <v>100</v>
      </c>
      <c r="G185" s="46">
        <v>62</v>
      </c>
      <c r="H185" s="59">
        <v>62</v>
      </c>
    </row>
    <row r="186" spans="2:8" x14ac:dyDescent="0.2">
      <c r="B186" s="77"/>
      <c r="C186" s="39" t="s">
        <v>68</v>
      </c>
      <c r="D186" s="45">
        <v>897</v>
      </c>
      <c r="E186" s="46">
        <v>96</v>
      </c>
      <c r="F186" s="46">
        <v>4</v>
      </c>
      <c r="G186" s="46">
        <v>42.4</v>
      </c>
      <c r="H186" s="59">
        <v>43</v>
      </c>
    </row>
    <row r="187" spans="2:8" x14ac:dyDescent="0.2">
      <c r="B187" s="77"/>
      <c r="C187" s="39" t="s">
        <v>69</v>
      </c>
      <c r="D187" s="45">
        <v>189</v>
      </c>
      <c r="E187" s="46">
        <v>77.8</v>
      </c>
      <c r="F187" s="46">
        <v>22.2</v>
      </c>
      <c r="G187" s="46">
        <v>42.2</v>
      </c>
      <c r="H187" s="59">
        <v>41</v>
      </c>
    </row>
    <row r="188" spans="2:8" x14ac:dyDescent="0.2">
      <c r="B188" s="77"/>
      <c r="C188" s="39" t="s">
        <v>70</v>
      </c>
      <c r="D188" s="45">
        <v>914</v>
      </c>
      <c r="E188" s="46">
        <v>93.3</v>
      </c>
      <c r="F188" s="46">
        <v>6.7</v>
      </c>
      <c r="G188" s="46">
        <v>41.5</v>
      </c>
      <c r="H188" s="59">
        <v>42</v>
      </c>
    </row>
    <row r="189" spans="2:8" ht="21.6" x14ac:dyDescent="0.2">
      <c r="B189" s="77"/>
      <c r="C189" s="39" t="s">
        <v>63</v>
      </c>
      <c r="D189" s="45">
        <v>193</v>
      </c>
      <c r="E189" s="46">
        <v>100</v>
      </c>
      <c r="F189" s="46">
        <v>0</v>
      </c>
      <c r="G189" s="46">
        <v>25.3</v>
      </c>
      <c r="H189" s="59">
        <v>25</v>
      </c>
    </row>
    <row r="190" spans="2:8" x14ac:dyDescent="0.2">
      <c r="B190" s="77"/>
      <c r="C190" s="39" t="s">
        <v>64</v>
      </c>
      <c r="D190" s="45">
        <v>203</v>
      </c>
      <c r="E190" s="46">
        <v>100</v>
      </c>
      <c r="F190" s="46">
        <v>0</v>
      </c>
      <c r="G190" s="46">
        <v>34.700000000000003</v>
      </c>
      <c r="H190" s="59">
        <v>35</v>
      </c>
    </row>
    <row r="191" spans="2:8" x14ac:dyDescent="0.2">
      <c r="B191" s="77"/>
      <c r="C191" s="39" t="s">
        <v>65</v>
      </c>
      <c r="D191" s="45">
        <v>263</v>
      </c>
      <c r="E191" s="46">
        <v>100</v>
      </c>
      <c r="F191" s="46">
        <v>0</v>
      </c>
      <c r="G191" s="46">
        <v>44.7</v>
      </c>
      <c r="H191" s="59">
        <v>45</v>
      </c>
    </row>
    <row r="192" spans="2:8" x14ac:dyDescent="0.2">
      <c r="B192" s="77"/>
      <c r="C192" s="39" t="s">
        <v>66</v>
      </c>
      <c r="D192" s="45">
        <v>194</v>
      </c>
      <c r="E192" s="46">
        <v>100</v>
      </c>
      <c r="F192" s="46">
        <v>0</v>
      </c>
      <c r="G192" s="46">
        <v>54.1</v>
      </c>
      <c r="H192" s="59">
        <v>54</v>
      </c>
    </row>
    <row r="193" spans="1:25" x14ac:dyDescent="0.2">
      <c r="B193" s="77"/>
      <c r="C193" s="39" t="s">
        <v>67</v>
      </c>
      <c r="D193" s="45">
        <v>61</v>
      </c>
      <c r="E193" s="46">
        <v>0</v>
      </c>
      <c r="F193" s="46">
        <v>100</v>
      </c>
      <c r="G193" s="46">
        <v>61.2</v>
      </c>
      <c r="H193" s="59">
        <v>61</v>
      </c>
    </row>
    <row r="194" spans="1:25" x14ac:dyDescent="0.2">
      <c r="B194" s="77"/>
      <c r="C194" s="39" t="s">
        <v>68</v>
      </c>
      <c r="D194" s="45">
        <v>416</v>
      </c>
      <c r="E194" s="46">
        <v>97.1</v>
      </c>
      <c r="F194" s="46">
        <v>2.9</v>
      </c>
      <c r="G194" s="46">
        <v>38.4</v>
      </c>
      <c r="H194" s="59">
        <v>38</v>
      </c>
    </row>
    <row r="195" spans="1:25" x14ac:dyDescent="0.2">
      <c r="B195" s="77"/>
      <c r="C195" s="40" t="s">
        <v>69</v>
      </c>
      <c r="D195" s="48">
        <v>498</v>
      </c>
      <c r="E195" s="49">
        <v>90.2</v>
      </c>
      <c r="F195" s="49">
        <v>9.8000000000000007</v>
      </c>
      <c r="G195" s="49">
        <v>44.1</v>
      </c>
      <c r="H195" s="60">
        <v>45</v>
      </c>
    </row>
    <row r="197" spans="1:25" x14ac:dyDescent="0.2">
      <c r="A197" s="26" t="s">
        <v>25</v>
      </c>
      <c r="B197" t="s">
        <v>35</v>
      </c>
      <c r="C197" t="s">
        <v>35</v>
      </c>
    </row>
    <row r="198" spans="1:25" x14ac:dyDescent="0.2">
      <c r="B198" s="75" t="s">
        <v>76</v>
      </c>
      <c r="C198" s="76"/>
      <c r="D198" s="76"/>
      <c r="E198" s="76"/>
      <c r="F198" s="76"/>
      <c r="G198" s="76"/>
      <c r="H198" s="76"/>
      <c r="I198" s="76"/>
      <c r="J198" s="76"/>
      <c r="K198" s="76"/>
      <c r="L198" s="76"/>
      <c r="M198" s="76"/>
      <c r="N198" s="76"/>
      <c r="O198" s="76"/>
      <c r="P198" s="76"/>
      <c r="Q198" s="76"/>
      <c r="R198" s="76"/>
      <c r="S198" s="76"/>
      <c r="T198" s="76"/>
      <c r="U198" s="76"/>
      <c r="V198" s="76"/>
      <c r="W198" s="76"/>
      <c r="X198" s="76"/>
      <c r="Y198" s="76"/>
    </row>
    <row r="199" spans="1:25" s="32" customFormat="1" ht="36.450000000000003" customHeight="1" x14ac:dyDescent="0.15">
      <c r="A199" s="31"/>
      <c r="D199" s="33" t="s">
        <v>378</v>
      </c>
      <c r="E199" s="36" t="s">
        <v>399</v>
      </c>
      <c r="F199" s="55" t="s">
        <v>400</v>
      </c>
      <c r="G199" s="56" t="s">
        <v>387</v>
      </c>
      <c r="H199" s="57" t="s">
        <v>388</v>
      </c>
      <c r="I199" s="54" t="s">
        <v>381</v>
      </c>
    </row>
    <row r="200" spans="1:25" x14ac:dyDescent="0.2">
      <c r="B200" s="5"/>
      <c r="C200" s="41" t="s">
        <v>38</v>
      </c>
      <c r="D200" s="42">
        <v>2000</v>
      </c>
      <c r="E200" s="43">
        <v>82.6</v>
      </c>
      <c r="F200" s="43">
        <v>17.399999999999999</v>
      </c>
      <c r="G200" s="43">
        <v>42</v>
      </c>
      <c r="H200" s="58">
        <v>43</v>
      </c>
    </row>
    <row r="201" spans="1:25" x14ac:dyDescent="0.2">
      <c r="B201" s="77" t="s">
        <v>37</v>
      </c>
      <c r="C201" s="39" t="s">
        <v>39</v>
      </c>
      <c r="D201" s="45">
        <v>111</v>
      </c>
      <c r="E201" s="46">
        <v>78.400000000000006</v>
      </c>
      <c r="F201" s="46">
        <v>21.6</v>
      </c>
      <c r="G201" s="46">
        <v>42.4</v>
      </c>
      <c r="H201" s="59">
        <v>42</v>
      </c>
    </row>
    <row r="202" spans="1:25" x14ac:dyDescent="0.2">
      <c r="B202" s="77"/>
      <c r="C202" s="39" t="s">
        <v>40</v>
      </c>
      <c r="D202" s="45">
        <v>450</v>
      </c>
      <c r="E202" s="46">
        <v>82</v>
      </c>
      <c r="F202" s="46">
        <v>18</v>
      </c>
      <c r="G202" s="46">
        <v>43.2</v>
      </c>
      <c r="H202" s="59">
        <v>44</v>
      </c>
    </row>
    <row r="203" spans="1:25" ht="21.6" x14ac:dyDescent="0.2">
      <c r="B203" s="77"/>
      <c r="C203" s="39" t="s">
        <v>41</v>
      </c>
      <c r="D203" s="45">
        <v>30</v>
      </c>
      <c r="E203" s="46">
        <v>83.3</v>
      </c>
      <c r="F203" s="46">
        <v>16.7</v>
      </c>
      <c r="G203" s="46">
        <v>41.1</v>
      </c>
      <c r="H203" s="59">
        <v>45</v>
      </c>
    </row>
    <row r="204" spans="1:25" ht="21.6" x14ac:dyDescent="0.2">
      <c r="B204" s="77"/>
      <c r="C204" s="39" t="s">
        <v>42</v>
      </c>
      <c r="D204" s="45">
        <v>336</v>
      </c>
      <c r="E204" s="46">
        <v>84.5</v>
      </c>
      <c r="F204" s="46">
        <v>15.5</v>
      </c>
      <c r="G204" s="46">
        <v>41.1</v>
      </c>
      <c r="H204" s="59">
        <v>40.5</v>
      </c>
    </row>
    <row r="205" spans="1:25" ht="21.6" x14ac:dyDescent="0.2">
      <c r="B205" s="77"/>
      <c r="C205" s="39" t="s">
        <v>43</v>
      </c>
      <c r="D205" s="45">
        <v>327</v>
      </c>
      <c r="E205" s="46">
        <v>82.6</v>
      </c>
      <c r="F205" s="46">
        <v>17.399999999999999</v>
      </c>
      <c r="G205" s="46">
        <v>41.1</v>
      </c>
      <c r="H205" s="59">
        <v>41</v>
      </c>
    </row>
    <row r="206" spans="1:25" ht="21.6" x14ac:dyDescent="0.2">
      <c r="B206" s="77"/>
      <c r="C206" s="39" t="s">
        <v>44</v>
      </c>
      <c r="D206" s="45">
        <v>181</v>
      </c>
      <c r="E206" s="46">
        <v>83.4</v>
      </c>
      <c r="F206" s="46">
        <v>16.600000000000001</v>
      </c>
      <c r="G206" s="46">
        <v>41.5</v>
      </c>
      <c r="H206" s="59">
        <v>43</v>
      </c>
    </row>
    <row r="207" spans="1:25" ht="21.6" x14ac:dyDescent="0.2">
      <c r="B207" s="77"/>
      <c r="C207" s="39" t="s">
        <v>45</v>
      </c>
      <c r="D207" s="45">
        <v>565</v>
      </c>
      <c r="E207" s="46">
        <v>82.5</v>
      </c>
      <c r="F207" s="46">
        <v>17.5</v>
      </c>
      <c r="G207" s="46">
        <v>42.1</v>
      </c>
      <c r="H207" s="59">
        <v>43</v>
      </c>
    </row>
    <row r="208" spans="1:25" ht="21.6" x14ac:dyDescent="0.2">
      <c r="B208" s="77"/>
      <c r="C208" s="39" t="s">
        <v>46</v>
      </c>
      <c r="D208" s="45">
        <v>473</v>
      </c>
      <c r="E208" s="46">
        <v>82.7</v>
      </c>
      <c r="F208" s="46">
        <v>17.3</v>
      </c>
      <c r="G208" s="46">
        <v>40.299999999999997</v>
      </c>
      <c r="H208" s="59">
        <v>40</v>
      </c>
    </row>
    <row r="209" spans="1:25" ht="21.6" x14ac:dyDescent="0.2">
      <c r="B209" s="77"/>
      <c r="C209" s="39" t="s">
        <v>47</v>
      </c>
      <c r="D209" s="45">
        <v>441</v>
      </c>
      <c r="E209" s="46">
        <v>82.8</v>
      </c>
      <c r="F209" s="46">
        <v>17.2</v>
      </c>
      <c r="G209" s="46">
        <v>42.3</v>
      </c>
      <c r="H209" s="59">
        <v>43</v>
      </c>
    </row>
    <row r="210" spans="1:25" ht="21.6" x14ac:dyDescent="0.2">
      <c r="B210" s="77"/>
      <c r="C210" s="39" t="s">
        <v>48</v>
      </c>
      <c r="D210" s="45">
        <v>305</v>
      </c>
      <c r="E210" s="46">
        <v>82.3</v>
      </c>
      <c r="F210" s="46">
        <v>17.7</v>
      </c>
      <c r="G210" s="46">
        <v>43.5</v>
      </c>
      <c r="H210" s="59">
        <v>44</v>
      </c>
    </row>
    <row r="211" spans="1:25" ht="21.6" x14ac:dyDescent="0.2">
      <c r="B211" s="77"/>
      <c r="C211" s="39" t="s">
        <v>49</v>
      </c>
      <c r="D211" s="45">
        <v>223</v>
      </c>
      <c r="E211" s="46">
        <v>78.900000000000006</v>
      </c>
      <c r="F211" s="46">
        <v>21.1</v>
      </c>
      <c r="G211" s="46">
        <v>44.9</v>
      </c>
      <c r="H211" s="59">
        <v>46</v>
      </c>
    </row>
    <row r="212" spans="1:25" ht="21.6" x14ac:dyDescent="0.2">
      <c r="B212" s="77"/>
      <c r="C212" s="39" t="s">
        <v>50</v>
      </c>
      <c r="D212" s="45">
        <v>123</v>
      </c>
      <c r="E212" s="46">
        <v>74</v>
      </c>
      <c r="F212" s="46">
        <v>26</v>
      </c>
      <c r="G212" s="46">
        <v>45.1</v>
      </c>
      <c r="H212" s="59">
        <v>47</v>
      </c>
    </row>
    <row r="213" spans="1:25" ht="21.6" x14ac:dyDescent="0.2">
      <c r="B213" s="77"/>
      <c r="C213" s="39" t="s">
        <v>51</v>
      </c>
      <c r="D213" s="45">
        <v>124</v>
      </c>
      <c r="E213" s="46">
        <v>79.8</v>
      </c>
      <c r="F213" s="46">
        <v>20.2</v>
      </c>
      <c r="G213" s="46">
        <v>44</v>
      </c>
      <c r="H213" s="59">
        <v>47</v>
      </c>
    </row>
    <row r="214" spans="1:25" ht="21.6" x14ac:dyDescent="0.2">
      <c r="B214" s="77"/>
      <c r="C214" s="39" t="s">
        <v>52</v>
      </c>
      <c r="D214" s="45">
        <v>312</v>
      </c>
      <c r="E214" s="46">
        <v>79.2</v>
      </c>
      <c r="F214" s="46">
        <v>20.8</v>
      </c>
      <c r="G214" s="46">
        <v>44.8</v>
      </c>
      <c r="H214" s="59">
        <v>46</v>
      </c>
    </row>
    <row r="215" spans="1:25" x14ac:dyDescent="0.2">
      <c r="B215" s="77"/>
      <c r="C215" s="39" t="s">
        <v>53</v>
      </c>
      <c r="D215" s="45">
        <v>269</v>
      </c>
      <c r="E215" s="46">
        <v>84.8</v>
      </c>
      <c r="F215" s="46">
        <v>15.2</v>
      </c>
      <c r="G215" s="46">
        <v>41.6</v>
      </c>
      <c r="H215" s="59">
        <v>42</v>
      </c>
    </row>
    <row r="216" spans="1:25" ht="21.6" x14ac:dyDescent="0.2">
      <c r="B216" s="77"/>
      <c r="C216" s="39" t="s">
        <v>54</v>
      </c>
      <c r="D216" s="45">
        <v>511</v>
      </c>
      <c r="E216" s="46">
        <v>82</v>
      </c>
      <c r="F216" s="46">
        <v>18</v>
      </c>
      <c r="G216" s="46">
        <v>41.7</v>
      </c>
      <c r="H216" s="59">
        <v>42</v>
      </c>
    </row>
    <row r="217" spans="1:25" ht="21.6" x14ac:dyDescent="0.2">
      <c r="B217" s="77"/>
      <c r="C217" s="39" t="s">
        <v>55</v>
      </c>
      <c r="D217" s="45">
        <v>615</v>
      </c>
      <c r="E217" s="46">
        <v>82.6</v>
      </c>
      <c r="F217" s="46">
        <v>17.399999999999999</v>
      </c>
      <c r="G217" s="46">
        <v>41.9</v>
      </c>
      <c r="H217" s="59">
        <v>42</v>
      </c>
    </row>
    <row r="218" spans="1:25" ht="21.6" x14ac:dyDescent="0.2">
      <c r="B218" s="77"/>
      <c r="C218" s="39" t="s">
        <v>56</v>
      </c>
      <c r="D218" s="45">
        <v>800</v>
      </c>
      <c r="E218" s="46">
        <v>84.5</v>
      </c>
      <c r="F218" s="46">
        <v>15.5</v>
      </c>
      <c r="G218" s="46">
        <v>40.700000000000003</v>
      </c>
      <c r="H218" s="59">
        <v>41</v>
      </c>
    </row>
    <row r="219" spans="1:25" x14ac:dyDescent="0.2">
      <c r="B219" s="77"/>
      <c r="C219" s="40" t="s">
        <v>57</v>
      </c>
      <c r="D219" s="48">
        <v>798</v>
      </c>
      <c r="E219" s="49">
        <v>76.900000000000006</v>
      </c>
      <c r="F219" s="49">
        <v>23.1</v>
      </c>
      <c r="G219" s="49">
        <v>45.3</v>
      </c>
      <c r="H219" s="60">
        <v>46</v>
      </c>
    </row>
    <row r="221" spans="1:25" x14ac:dyDescent="0.2">
      <c r="C221" t="s">
        <v>35</v>
      </c>
    </row>
    <row r="222" spans="1:25" x14ac:dyDescent="0.2">
      <c r="B222" s="75" t="s">
        <v>261</v>
      </c>
      <c r="C222" s="76"/>
      <c r="D222" s="76"/>
      <c r="E222" s="76"/>
      <c r="F222" s="76"/>
      <c r="G222" s="76"/>
      <c r="H222" s="76"/>
      <c r="I222" s="76"/>
      <c r="J222" s="76"/>
      <c r="K222" s="76"/>
      <c r="L222" s="76"/>
      <c r="M222" s="76"/>
      <c r="N222" s="76"/>
      <c r="O222" s="76"/>
      <c r="P222" s="76"/>
      <c r="Q222" s="76"/>
      <c r="R222" s="76"/>
      <c r="S222" s="76"/>
      <c r="T222" s="76"/>
      <c r="U222" s="76"/>
      <c r="V222" s="76"/>
      <c r="W222" s="76"/>
      <c r="X222" s="76"/>
      <c r="Y222" s="76"/>
    </row>
    <row r="223" spans="1:25" s="32" customFormat="1" ht="36.450000000000003" customHeight="1" x14ac:dyDescent="0.15">
      <c r="A223" s="31"/>
      <c r="D223" s="33" t="s">
        <v>378</v>
      </c>
      <c r="E223" s="36" t="s">
        <v>399</v>
      </c>
      <c r="F223" s="55" t="s">
        <v>400</v>
      </c>
      <c r="G223" s="56" t="s">
        <v>387</v>
      </c>
      <c r="H223" s="57" t="s">
        <v>388</v>
      </c>
      <c r="I223" s="54" t="s">
        <v>381</v>
      </c>
    </row>
    <row r="224" spans="1:25" ht="21.6" x14ac:dyDescent="0.2">
      <c r="B224" s="77" t="s">
        <v>37</v>
      </c>
      <c r="C224" s="38" t="s">
        <v>58</v>
      </c>
      <c r="D224" s="51">
        <v>609</v>
      </c>
      <c r="E224" s="52">
        <v>89</v>
      </c>
      <c r="F224" s="52">
        <v>11</v>
      </c>
      <c r="G224" s="52">
        <v>38.799999999999997</v>
      </c>
      <c r="H224" s="61">
        <v>38</v>
      </c>
    </row>
    <row r="225" spans="2:8" ht="21.6" x14ac:dyDescent="0.2">
      <c r="B225" s="77"/>
      <c r="C225" s="39" t="s">
        <v>59</v>
      </c>
      <c r="D225" s="45">
        <v>1391</v>
      </c>
      <c r="E225" s="46">
        <v>79.8</v>
      </c>
      <c r="F225" s="46">
        <v>20.2</v>
      </c>
      <c r="G225" s="46">
        <v>43.3</v>
      </c>
      <c r="H225" s="59">
        <v>45</v>
      </c>
    </row>
    <row r="226" spans="2:8" x14ac:dyDescent="0.2">
      <c r="B226" s="77"/>
      <c r="C226" s="39" t="s">
        <v>60</v>
      </c>
      <c r="D226" s="45">
        <v>1325</v>
      </c>
      <c r="E226" s="46">
        <v>82.6</v>
      </c>
      <c r="F226" s="46">
        <v>17.399999999999999</v>
      </c>
      <c r="G226" s="46">
        <v>41.8</v>
      </c>
      <c r="H226" s="59">
        <v>42</v>
      </c>
    </row>
    <row r="227" spans="2:8" x14ac:dyDescent="0.2">
      <c r="B227" s="77"/>
      <c r="C227" s="39" t="s">
        <v>61</v>
      </c>
      <c r="D227" s="45">
        <v>675</v>
      </c>
      <c r="E227" s="46">
        <v>82.5</v>
      </c>
      <c r="F227" s="46">
        <v>17.5</v>
      </c>
      <c r="G227" s="46">
        <v>42.3</v>
      </c>
      <c r="H227" s="59">
        <v>43</v>
      </c>
    </row>
    <row r="228" spans="2:8" x14ac:dyDescent="0.2">
      <c r="B228" s="77"/>
      <c r="C228" s="39" t="s">
        <v>62</v>
      </c>
      <c r="D228" s="45">
        <v>1086</v>
      </c>
      <c r="E228" s="46">
        <v>81.7</v>
      </c>
      <c r="F228" s="46">
        <v>18.3</v>
      </c>
      <c r="G228" s="46">
        <v>42.4</v>
      </c>
      <c r="H228" s="59">
        <v>43</v>
      </c>
    </row>
    <row r="229" spans="2:8" ht="21.6" x14ac:dyDescent="0.2">
      <c r="B229" s="77"/>
      <c r="C229" s="39" t="s">
        <v>63</v>
      </c>
      <c r="D229" s="45">
        <v>203</v>
      </c>
      <c r="E229" s="46">
        <v>100</v>
      </c>
      <c r="F229" s="46">
        <v>0</v>
      </c>
      <c r="G229" s="46">
        <v>25.7</v>
      </c>
      <c r="H229" s="59">
        <v>26</v>
      </c>
    </row>
    <row r="230" spans="2:8" x14ac:dyDescent="0.2">
      <c r="B230" s="77"/>
      <c r="C230" s="39" t="s">
        <v>64</v>
      </c>
      <c r="D230" s="45">
        <v>263</v>
      </c>
      <c r="E230" s="46">
        <v>100</v>
      </c>
      <c r="F230" s="46">
        <v>0</v>
      </c>
      <c r="G230" s="46">
        <v>35</v>
      </c>
      <c r="H230" s="59">
        <v>35</v>
      </c>
    </row>
    <row r="231" spans="2:8" x14ac:dyDescent="0.2">
      <c r="B231" s="77"/>
      <c r="C231" s="39" t="s">
        <v>65</v>
      </c>
      <c r="D231" s="45">
        <v>312</v>
      </c>
      <c r="E231" s="46">
        <v>100</v>
      </c>
      <c r="F231" s="46">
        <v>0</v>
      </c>
      <c r="G231" s="46">
        <v>45.4</v>
      </c>
      <c r="H231" s="59">
        <v>46</v>
      </c>
    </row>
    <row r="232" spans="2:8" x14ac:dyDescent="0.2">
      <c r="B232" s="77"/>
      <c r="C232" s="39" t="s">
        <v>66</v>
      </c>
      <c r="D232" s="45">
        <v>230</v>
      </c>
      <c r="E232" s="46">
        <v>47.4</v>
      </c>
      <c r="F232" s="46">
        <v>52.6</v>
      </c>
      <c r="G232" s="46">
        <v>54.7</v>
      </c>
      <c r="H232" s="59">
        <v>55</v>
      </c>
    </row>
    <row r="233" spans="2:8" x14ac:dyDescent="0.2">
      <c r="B233" s="77"/>
      <c r="C233" s="39" t="s">
        <v>67</v>
      </c>
      <c r="D233" s="45">
        <v>78</v>
      </c>
      <c r="E233" s="46">
        <v>0</v>
      </c>
      <c r="F233" s="46">
        <v>100</v>
      </c>
      <c r="G233" s="46">
        <v>62</v>
      </c>
      <c r="H233" s="59">
        <v>62</v>
      </c>
    </row>
    <row r="234" spans="2:8" x14ac:dyDescent="0.2">
      <c r="B234" s="77"/>
      <c r="C234" s="39" t="s">
        <v>68</v>
      </c>
      <c r="D234" s="45">
        <v>897</v>
      </c>
      <c r="E234" s="46">
        <v>84.2</v>
      </c>
      <c r="F234" s="46">
        <v>15.8</v>
      </c>
      <c r="G234" s="46">
        <v>42.4</v>
      </c>
      <c r="H234" s="59">
        <v>43</v>
      </c>
    </row>
    <row r="235" spans="2:8" x14ac:dyDescent="0.2">
      <c r="B235" s="77"/>
      <c r="C235" s="39" t="s">
        <v>69</v>
      </c>
      <c r="D235" s="45">
        <v>189</v>
      </c>
      <c r="E235" s="46">
        <v>69.8</v>
      </c>
      <c r="F235" s="46">
        <v>30.2</v>
      </c>
      <c r="G235" s="46">
        <v>42.2</v>
      </c>
      <c r="H235" s="59">
        <v>41</v>
      </c>
    </row>
    <row r="236" spans="2:8" x14ac:dyDescent="0.2">
      <c r="B236" s="77"/>
      <c r="C236" s="39" t="s">
        <v>70</v>
      </c>
      <c r="D236" s="45">
        <v>914</v>
      </c>
      <c r="E236" s="46">
        <v>83.7</v>
      </c>
      <c r="F236" s="46">
        <v>16.3</v>
      </c>
      <c r="G236" s="46">
        <v>41.5</v>
      </c>
      <c r="H236" s="59">
        <v>42</v>
      </c>
    </row>
    <row r="237" spans="2:8" ht="21.6" x14ac:dyDescent="0.2">
      <c r="B237" s="77"/>
      <c r="C237" s="39" t="s">
        <v>63</v>
      </c>
      <c r="D237" s="45">
        <v>193</v>
      </c>
      <c r="E237" s="46">
        <v>100</v>
      </c>
      <c r="F237" s="46">
        <v>0</v>
      </c>
      <c r="G237" s="46">
        <v>25.3</v>
      </c>
      <c r="H237" s="59">
        <v>25</v>
      </c>
    </row>
    <row r="238" spans="2:8" x14ac:dyDescent="0.2">
      <c r="B238" s="77"/>
      <c r="C238" s="39" t="s">
        <v>64</v>
      </c>
      <c r="D238" s="45">
        <v>203</v>
      </c>
      <c r="E238" s="46">
        <v>100</v>
      </c>
      <c r="F238" s="46">
        <v>0</v>
      </c>
      <c r="G238" s="46">
        <v>34.700000000000003</v>
      </c>
      <c r="H238" s="59">
        <v>35</v>
      </c>
    </row>
    <row r="239" spans="2:8" x14ac:dyDescent="0.2">
      <c r="B239" s="77"/>
      <c r="C239" s="39" t="s">
        <v>65</v>
      </c>
      <c r="D239" s="45">
        <v>263</v>
      </c>
      <c r="E239" s="46">
        <v>100</v>
      </c>
      <c r="F239" s="46">
        <v>0</v>
      </c>
      <c r="G239" s="46">
        <v>44.7</v>
      </c>
      <c r="H239" s="59">
        <v>45</v>
      </c>
    </row>
    <row r="240" spans="2:8" x14ac:dyDescent="0.2">
      <c r="B240" s="77"/>
      <c r="C240" s="39" t="s">
        <v>66</v>
      </c>
      <c r="D240" s="45">
        <v>194</v>
      </c>
      <c r="E240" s="46">
        <v>54.6</v>
      </c>
      <c r="F240" s="46">
        <v>45.4</v>
      </c>
      <c r="G240" s="46">
        <v>54.1</v>
      </c>
      <c r="H240" s="59">
        <v>54</v>
      </c>
    </row>
    <row r="241" spans="1:25" x14ac:dyDescent="0.2">
      <c r="B241" s="77"/>
      <c r="C241" s="39" t="s">
        <v>67</v>
      </c>
      <c r="D241" s="45">
        <v>61</v>
      </c>
      <c r="E241" s="46">
        <v>0</v>
      </c>
      <c r="F241" s="46">
        <v>100</v>
      </c>
      <c r="G241" s="46">
        <v>61.2</v>
      </c>
      <c r="H241" s="59">
        <v>61</v>
      </c>
    </row>
    <row r="242" spans="1:25" x14ac:dyDescent="0.2">
      <c r="B242" s="77"/>
      <c r="C242" s="39" t="s">
        <v>68</v>
      </c>
      <c r="D242" s="45">
        <v>416</v>
      </c>
      <c r="E242" s="46">
        <v>90.1</v>
      </c>
      <c r="F242" s="46">
        <v>9.9</v>
      </c>
      <c r="G242" s="46">
        <v>38.4</v>
      </c>
      <c r="H242" s="59">
        <v>38</v>
      </c>
    </row>
    <row r="243" spans="1:25" x14ac:dyDescent="0.2">
      <c r="B243" s="77"/>
      <c r="C243" s="40" t="s">
        <v>69</v>
      </c>
      <c r="D243" s="48">
        <v>498</v>
      </c>
      <c r="E243" s="49">
        <v>78.3</v>
      </c>
      <c r="F243" s="49">
        <v>21.7</v>
      </c>
      <c r="G243" s="49">
        <v>44.1</v>
      </c>
      <c r="H243" s="60">
        <v>45</v>
      </c>
    </row>
    <row r="245" spans="1:25" x14ac:dyDescent="0.2">
      <c r="A245" s="26" t="s">
        <v>25</v>
      </c>
      <c r="B245" t="s">
        <v>35</v>
      </c>
      <c r="C245" t="s">
        <v>35</v>
      </c>
    </row>
    <row r="246" spans="1:25" x14ac:dyDescent="0.2">
      <c r="B246" s="75" t="s">
        <v>77</v>
      </c>
      <c r="C246" s="76"/>
      <c r="D246" s="76"/>
      <c r="E246" s="76"/>
      <c r="F246" s="76"/>
      <c r="G246" s="76"/>
      <c r="H246" s="76"/>
      <c r="I246" s="76"/>
      <c r="J246" s="76"/>
      <c r="K246" s="76"/>
      <c r="L246" s="76"/>
      <c r="M246" s="76"/>
      <c r="N246" s="76"/>
      <c r="O246" s="76"/>
      <c r="P246" s="76"/>
      <c r="Q246" s="76"/>
      <c r="R246" s="76"/>
      <c r="S246" s="76"/>
      <c r="T246" s="76"/>
      <c r="U246" s="76"/>
      <c r="V246" s="76"/>
      <c r="W246" s="76"/>
      <c r="X246" s="76"/>
      <c r="Y246" s="76"/>
    </row>
    <row r="247" spans="1:25" s="32" customFormat="1" ht="36.450000000000003" customHeight="1" x14ac:dyDescent="0.15">
      <c r="A247" s="31"/>
      <c r="D247" s="33" t="s">
        <v>378</v>
      </c>
      <c r="E247" s="36" t="s">
        <v>401</v>
      </c>
      <c r="F247" s="55" t="s">
        <v>402</v>
      </c>
      <c r="G247" s="55" t="s">
        <v>403</v>
      </c>
      <c r="H247" s="55" t="s">
        <v>404</v>
      </c>
      <c r="I247" s="55" t="s">
        <v>405</v>
      </c>
      <c r="J247" s="55" t="s">
        <v>406</v>
      </c>
      <c r="K247" s="55" t="s">
        <v>407</v>
      </c>
      <c r="L247" s="55" t="s">
        <v>408</v>
      </c>
      <c r="M247" s="55" t="s">
        <v>409</v>
      </c>
      <c r="N247" s="55" t="s">
        <v>410</v>
      </c>
      <c r="O247" s="55" t="s">
        <v>411</v>
      </c>
      <c r="P247" s="55" t="s">
        <v>412</v>
      </c>
      <c r="Q247" s="55" t="s">
        <v>413</v>
      </c>
      <c r="R247" s="55" t="s">
        <v>414</v>
      </c>
      <c r="S247" s="55" t="s">
        <v>415</v>
      </c>
      <c r="T247" s="55" t="s">
        <v>416</v>
      </c>
      <c r="U247" s="55" t="s">
        <v>417</v>
      </c>
      <c r="V247" s="55" t="s">
        <v>418</v>
      </c>
      <c r="W247" s="55" t="s">
        <v>419</v>
      </c>
      <c r="X247" s="37" t="s">
        <v>420</v>
      </c>
      <c r="Y247" s="35" t="s">
        <v>381</v>
      </c>
    </row>
    <row r="248" spans="1:25" x14ac:dyDescent="0.2">
      <c r="B248" s="5"/>
      <c r="C248" s="41" t="s">
        <v>38</v>
      </c>
      <c r="D248" s="42">
        <v>2000</v>
      </c>
      <c r="E248" s="43">
        <v>0</v>
      </c>
      <c r="F248" s="43">
        <v>0</v>
      </c>
      <c r="G248" s="43">
        <v>0</v>
      </c>
      <c r="H248" s="43">
        <v>0</v>
      </c>
      <c r="I248" s="43">
        <v>0</v>
      </c>
      <c r="J248" s="43">
        <v>0</v>
      </c>
      <c r="K248" s="43">
        <v>0</v>
      </c>
      <c r="L248" s="43">
        <v>0</v>
      </c>
      <c r="M248" s="43">
        <v>0</v>
      </c>
      <c r="N248" s="43">
        <v>0</v>
      </c>
      <c r="O248" s="43">
        <v>12.4</v>
      </c>
      <c r="P248" s="43">
        <v>10.6</v>
      </c>
      <c r="Q248" s="43">
        <v>27.5</v>
      </c>
      <c r="R248" s="43">
        <v>15.8</v>
      </c>
      <c r="S248" s="43">
        <v>0</v>
      </c>
      <c r="T248" s="43">
        <v>0</v>
      </c>
      <c r="U248" s="43">
        <v>0</v>
      </c>
      <c r="V248" s="43">
        <v>0</v>
      </c>
      <c r="W248" s="43">
        <v>0</v>
      </c>
      <c r="X248" s="44">
        <v>0</v>
      </c>
    </row>
    <row r="249" spans="1:25" x14ac:dyDescent="0.2">
      <c r="B249" s="77" t="s">
        <v>37</v>
      </c>
      <c r="C249" s="39" t="s">
        <v>39</v>
      </c>
      <c r="D249" s="45">
        <v>111</v>
      </c>
      <c r="E249" s="46">
        <v>0</v>
      </c>
      <c r="F249" s="46">
        <v>0</v>
      </c>
      <c r="G249" s="46">
        <v>0</v>
      </c>
      <c r="H249" s="46">
        <v>0</v>
      </c>
      <c r="I249" s="46">
        <v>0</v>
      </c>
      <c r="J249" s="46">
        <v>0</v>
      </c>
      <c r="K249" s="46">
        <v>0</v>
      </c>
      <c r="L249" s="46">
        <v>0</v>
      </c>
      <c r="M249" s="46">
        <v>0</v>
      </c>
      <c r="N249" s="46">
        <v>0</v>
      </c>
      <c r="O249" s="46">
        <v>16.2</v>
      </c>
      <c r="P249" s="46">
        <v>12.6</v>
      </c>
      <c r="Q249" s="46">
        <v>20.7</v>
      </c>
      <c r="R249" s="46">
        <v>12.6</v>
      </c>
      <c r="S249" s="46">
        <v>0</v>
      </c>
      <c r="T249" s="46">
        <v>0</v>
      </c>
      <c r="U249" s="46">
        <v>0</v>
      </c>
      <c r="V249" s="46">
        <v>0</v>
      </c>
      <c r="W249" s="46">
        <v>0</v>
      </c>
      <c r="X249" s="47">
        <v>0</v>
      </c>
    </row>
    <row r="250" spans="1:25" x14ac:dyDescent="0.2">
      <c r="B250" s="77"/>
      <c r="C250" s="39" t="s">
        <v>40</v>
      </c>
      <c r="D250" s="45">
        <v>450</v>
      </c>
      <c r="E250" s="46">
        <v>0</v>
      </c>
      <c r="F250" s="46">
        <v>0</v>
      </c>
      <c r="G250" s="46">
        <v>0</v>
      </c>
      <c r="H250" s="46">
        <v>0</v>
      </c>
      <c r="I250" s="46">
        <v>0</v>
      </c>
      <c r="J250" s="46">
        <v>0</v>
      </c>
      <c r="K250" s="46">
        <v>0</v>
      </c>
      <c r="L250" s="46">
        <v>0</v>
      </c>
      <c r="M250" s="46">
        <v>0</v>
      </c>
      <c r="N250" s="46">
        <v>0</v>
      </c>
      <c r="O250" s="46">
        <v>12.2</v>
      </c>
      <c r="P250" s="46">
        <v>8</v>
      </c>
      <c r="Q250" s="46">
        <v>22</v>
      </c>
      <c r="R250" s="46">
        <v>18</v>
      </c>
      <c r="S250" s="46">
        <v>0</v>
      </c>
      <c r="T250" s="46">
        <v>0</v>
      </c>
      <c r="U250" s="46">
        <v>0</v>
      </c>
      <c r="V250" s="46">
        <v>0</v>
      </c>
      <c r="W250" s="46">
        <v>0</v>
      </c>
      <c r="X250" s="47">
        <v>0</v>
      </c>
    </row>
    <row r="251" spans="1:25" ht="21.6" x14ac:dyDescent="0.2">
      <c r="B251" s="77"/>
      <c r="C251" s="39" t="s">
        <v>41</v>
      </c>
      <c r="D251" s="45">
        <v>30</v>
      </c>
      <c r="E251" s="46">
        <v>0</v>
      </c>
      <c r="F251" s="46">
        <v>0</v>
      </c>
      <c r="G251" s="46">
        <v>0</v>
      </c>
      <c r="H251" s="46">
        <v>0</v>
      </c>
      <c r="I251" s="46">
        <v>0</v>
      </c>
      <c r="J251" s="46">
        <v>0</v>
      </c>
      <c r="K251" s="46">
        <v>0</v>
      </c>
      <c r="L251" s="46">
        <v>0</v>
      </c>
      <c r="M251" s="46">
        <v>0</v>
      </c>
      <c r="N251" s="46">
        <v>0</v>
      </c>
      <c r="O251" s="46">
        <v>13.3</v>
      </c>
      <c r="P251" s="46">
        <v>10</v>
      </c>
      <c r="Q251" s="46">
        <v>30</v>
      </c>
      <c r="R251" s="46">
        <v>10</v>
      </c>
      <c r="S251" s="46">
        <v>0</v>
      </c>
      <c r="T251" s="46">
        <v>0</v>
      </c>
      <c r="U251" s="46">
        <v>0</v>
      </c>
      <c r="V251" s="46">
        <v>0</v>
      </c>
      <c r="W251" s="46">
        <v>0</v>
      </c>
      <c r="X251" s="47">
        <v>0</v>
      </c>
    </row>
    <row r="252" spans="1:25" ht="21.6" x14ac:dyDescent="0.2">
      <c r="B252" s="77"/>
      <c r="C252" s="39" t="s">
        <v>42</v>
      </c>
      <c r="D252" s="45">
        <v>336</v>
      </c>
      <c r="E252" s="46">
        <v>0</v>
      </c>
      <c r="F252" s="46">
        <v>0</v>
      </c>
      <c r="G252" s="46">
        <v>0</v>
      </c>
      <c r="H252" s="46">
        <v>0</v>
      </c>
      <c r="I252" s="46">
        <v>0</v>
      </c>
      <c r="J252" s="46">
        <v>0</v>
      </c>
      <c r="K252" s="46">
        <v>0</v>
      </c>
      <c r="L252" s="46">
        <v>0</v>
      </c>
      <c r="M252" s="46">
        <v>0</v>
      </c>
      <c r="N252" s="46">
        <v>0</v>
      </c>
      <c r="O252" s="46">
        <v>10.4</v>
      </c>
      <c r="P252" s="46">
        <v>15.2</v>
      </c>
      <c r="Q252" s="46">
        <v>32.700000000000003</v>
      </c>
      <c r="R252" s="46">
        <v>19.3</v>
      </c>
      <c r="S252" s="46">
        <v>0</v>
      </c>
      <c r="T252" s="46">
        <v>0</v>
      </c>
      <c r="U252" s="46">
        <v>0</v>
      </c>
      <c r="V252" s="46">
        <v>0</v>
      </c>
      <c r="W252" s="46">
        <v>0</v>
      </c>
      <c r="X252" s="47">
        <v>0</v>
      </c>
    </row>
    <row r="253" spans="1:25" ht="21.6" x14ac:dyDescent="0.2">
      <c r="B253" s="77"/>
      <c r="C253" s="39" t="s">
        <v>43</v>
      </c>
      <c r="D253" s="45">
        <v>327</v>
      </c>
      <c r="E253" s="46">
        <v>0</v>
      </c>
      <c r="F253" s="46">
        <v>0</v>
      </c>
      <c r="G253" s="46">
        <v>0</v>
      </c>
      <c r="H253" s="46">
        <v>0</v>
      </c>
      <c r="I253" s="46">
        <v>0</v>
      </c>
      <c r="J253" s="46">
        <v>0</v>
      </c>
      <c r="K253" s="46">
        <v>0</v>
      </c>
      <c r="L253" s="46">
        <v>0</v>
      </c>
      <c r="M253" s="46">
        <v>0</v>
      </c>
      <c r="N253" s="46">
        <v>0</v>
      </c>
      <c r="O253" s="46">
        <v>16.8</v>
      </c>
      <c r="P253" s="46">
        <v>9.5</v>
      </c>
      <c r="Q253" s="46">
        <v>20.8</v>
      </c>
      <c r="R253" s="46">
        <v>14.1</v>
      </c>
      <c r="S253" s="46">
        <v>0</v>
      </c>
      <c r="T253" s="46">
        <v>0</v>
      </c>
      <c r="U253" s="46">
        <v>0</v>
      </c>
      <c r="V253" s="46">
        <v>0</v>
      </c>
      <c r="W253" s="46">
        <v>0</v>
      </c>
      <c r="X253" s="47">
        <v>0</v>
      </c>
    </row>
    <row r="254" spans="1:25" ht="21.6" x14ac:dyDescent="0.2">
      <c r="B254" s="77"/>
      <c r="C254" s="39" t="s">
        <v>44</v>
      </c>
      <c r="D254" s="45">
        <v>181</v>
      </c>
      <c r="E254" s="46">
        <v>0</v>
      </c>
      <c r="F254" s="46">
        <v>0</v>
      </c>
      <c r="G254" s="46">
        <v>0</v>
      </c>
      <c r="H254" s="46">
        <v>0</v>
      </c>
      <c r="I254" s="46">
        <v>0</v>
      </c>
      <c r="J254" s="46">
        <v>0</v>
      </c>
      <c r="K254" s="46">
        <v>0</v>
      </c>
      <c r="L254" s="46">
        <v>0</v>
      </c>
      <c r="M254" s="46">
        <v>0</v>
      </c>
      <c r="N254" s="46">
        <v>0</v>
      </c>
      <c r="O254" s="46">
        <v>10.5</v>
      </c>
      <c r="P254" s="46">
        <v>10.5</v>
      </c>
      <c r="Q254" s="46">
        <v>31.5</v>
      </c>
      <c r="R254" s="46">
        <v>14.9</v>
      </c>
      <c r="S254" s="46">
        <v>0</v>
      </c>
      <c r="T254" s="46">
        <v>0</v>
      </c>
      <c r="U254" s="46">
        <v>0</v>
      </c>
      <c r="V254" s="46">
        <v>0</v>
      </c>
      <c r="W254" s="46">
        <v>0</v>
      </c>
      <c r="X254" s="47">
        <v>0</v>
      </c>
    </row>
    <row r="255" spans="1:25" ht="21.6" x14ac:dyDescent="0.2">
      <c r="B255" s="77"/>
      <c r="C255" s="39" t="s">
        <v>45</v>
      </c>
      <c r="D255" s="45">
        <v>565</v>
      </c>
      <c r="E255" s="46">
        <v>0</v>
      </c>
      <c r="F255" s="46">
        <v>0</v>
      </c>
      <c r="G255" s="46">
        <v>0</v>
      </c>
      <c r="H255" s="46">
        <v>0</v>
      </c>
      <c r="I255" s="46">
        <v>0</v>
      </c>
      <c r="J255" s="46">
        <v>0</v>
      </c>
      <c r="K255" s="46">
        <v>0</v>
      </c>
      <c r="L255" s="46">
        <v>0</v>
      </c>
      <c r="M255" s="46">
        <v>0</v>
      </c>
      <c r="N255" s="46">
        <v>0</v>
      </c>
      <c r="O255" s="46">
        <v>11</v>
      </c>
      <c r="P255" s="46">
        <v>10.3</v>
      </c>
      <c r="Q255" s="46">
        <v>32.4</v>
      </c>
      <c r="R255" s="46">
        <v>14.2</v>
      </c>
      <c r="S255" s="46">
        <v>0</v>
      </c>
      <c r="T255" s="46">
        <v>0</v>
      </c>
      <c r="U255" s="46">
        <v>0</v>
      </c>
      <c r="V255" s="46">
        <v>0</v>
      </c>
      <c r="W255" s="46">
        <v>0</v>
      </c>
      <c r="X255" s="47">
        <v>0</v>
      </c>
    </row>
    <row r="256" spans="1:25" ht="21.6" x14ac:dyDescent="0.2">
      <c r="B256" s="77"/>
      <c r="C256" s="39" t="s">
        <v>46</v>
      </c>
      <c r="D256" s="45">
        <v>473</v>
      </c>
      <c r="E256" s="46">
        <v>0</v>
      </c>
      <c r="F256" s="46">
        <v>0</v>
      </c>
      <c r="G256" s="46">
        <v>0</v>
      </c>
      <c r="H256" s="46">
        <v>0</v>
      </c>
      <c r="I256" s="46">
        <v>0</v>
      </c>
      <c r="J256" s="46">
        <v>0</v>
      </c>
      <c r="K256" s="46">
        <v>0</v>
      </c>
      <c r="L256" s="46">
        <v>0</v>
      </c>
      <c r="M256" s="46">
        <v>0</v>
      </c>
      <c r="N256" s="46">
        <v>0</v>
      </c>
      <c r="O256" s="46">
        <v>11.4</v>
      </c>
      <c r="P256" s="46">
        <v>11.2</v>
      </c>
      <c r="Q256" s="46">
        <v>29</v>
      </c>
      <c r="R256" s="46">
        <v>13.3</v>
      </c>
      <c r="S256" s="46">
        <v>0</v>
      </c>
      <c r="T256" s="46">
        <v>0</v>
      </c>
      <c r="U256" s="46">
        <v>0</v>
      </c>
      <c r="V256" s="46">
        <v>0</v>
      </c>
      <c r="W256" s="46">
        <v>0</v>
      </c>
      <c r="X256" s="47">
        <v>0</v>
      </c>
    </row>
    <row r="257" spans="2:25" ht="21.6" x14ac:dyDescent="0.2">
      <c r="B257" s="77"/>
      <c r="C257" s="39" t="s">
        <v>47</v>
      </c>
      <c r="D257" s="45">
        <v>441</v>
      </c>
      <c r="E257" s="46">
        <v>0</v>
      </c>
      <c r="F257" s="46">
        <v>0</v>
      </c>
      <c r="G257" s="46">
        <v>0</v>
      </c>
      <c r="H257" s="46">
        <v>0</v>
      </c>
      <c r="I257" s="46">
        <v>0</v>
      </c>
      <c r="J257" s="46">
        <v>0</v>
      </c>
      <c r="K257" s="46">
        <v>0</v>
      </c>
      <c r="L257" s="46">
        <v>0</v>
      </c>
      <c r="M257" s="46">
        <v>0</v>
      </c>
      <c r="N257" s="46">
        <v>0</v>
      </c>
      <c r="O257" s="46">
        <v>12.9</v>
      </c>
      <c r="P257" s="46">
        <v>11.3</v>
      </c>
      <c r="Q257" s="46">
        <v>25.2</v>
      </c>
      <c r="R257" s="46">
        <v>15.2</v>
      </c>
      <c r="S257" s="46">
        <v>0</v>
      </c>
      <c r="T257" s="46">
        <v>0</v>
      </c>
      <c r="U257" s="46">
        <v>0</v>
      </c>
      <c r="V257" s="46">
        <v>0</v>
      </c>
      <c r="W257" s="46">
        <v>0</v>
      </c>
      <c r="X257" s="47">
        <v>0</v>
      </c>
    </row>
    <row r="258" spans="2:25" ht="21.6" x14ac:dyDescent="0.2">
      <c r="B258" s="77"/>
      <c r="C258" s="39" t="s">
        <v>48</v>
      </c>
      <c r="D258" s="45">
        <v>305</v>
      </c>
      <c r="E258" s="46">
        <v>0</v>
      </c>
      <c r="F258" s="46">
        <v>0</v>
      </c>
      <c r="G258" s="46">
        <v>0</v>
      </c>
      <c r="H258" s="46">
        <v>0</v>
      </c>
      <c r="I258" s="46">
        <v>0</v>
      </c>
      <c r="J258" s="46">
        <v>0</v>
      </c>
      <c r="K258" s="46">
        <v>0</v>
      </c>
      <c r="L258" s="46">
        <v>0</v>
      </c>
      <c r="M258" s="46">
        <v>0</v>
      </c>
      <c r="N258" s="46">
        <v>0</v>
      </c>
      <c r="O258" s="46">
        <v>12.5</v>
      </c>
      <c r="P258" s="46">
        <v>10.199999999999999</v>
      </c>
      <c r="Q258" s="46">
        <v>22.3</v>
      </c>
      <c r="R258" s="46">
        <v>17.399999999999999</v>
      </c>
      <c r="S258" s="46">
        <v>0</v>
      </c>
      <c r="T258" s="46">
        <v>0</v>
      </c>
      <c r="U258" s="46">
        <v>0</v>
      </c>
      <c r="V258" s="46">
        <v>0</v>
      </c>
      <c r="W258" s="46">
        <v>0</v>
      </c>
      <c r="X258" s="47">
        <v>0</v>
      </c>
    </row>
    <row r="259" spans="2:25" ht="21.6" x14ac:dyDescent="0.2">
      <c r="B259" s="77"/>
      <c r="C259" s="39" t="s">
        <v>49</v>
      </c>
      <c r="D259" s="45">
        <v>223</v>
      </c>
      <c r="E259" s="46">
        <v>0</v>
      </c>
      <c r="F259" s="46">
        <v>0</v>
      </c>
      <c r="G259" s="46">
        <v>0</v>
      </c>
      <c r="H259" s="46">
        <v>0</v>
      </c>
      <c r="I259" s="46">
        <v>0</v>
      </c>
      <c r="J259" s="46">
        <v>0</v>
      </c>
      <c r="K259" s="46">
        <v>0</v>
      </c>
      <c r="L259" s="46">
        <v>0</v>
      </c>
      <c r="M259" s="46">
        <v>0</v>
      </c>
      <c r="N259" s="46">
        <v>0</v>
      </c>
      <c r="O259" s="46">
        <v>13</v>
      </c>
      <c r="P259" s="46">
        <v>12.1</v>
      </c>
      <c r="Q259" s="46">
        <v>25.1</v>
      </c>
      <c r="R259" s="46">
        <v>22.4</v>
      </c>
      <c r="S259" s="46">
        <v>0</v>
      </c>
      <c r="T259" s="46">
        <v>0</v>
      </c>
      <c r="U259" s="46">
        <v>0</v>
      </c>
      <c r="V259" s="46">
        <v>0</v>
      </c>
      <c r="W259" s="46">
        <v>0</v>
      </c>
      <c r="X259" s="47">
        <v>0</v>
      </c>
    </row>
    <row r="260" spans="2:25" ht="21.6" x14ac:dyDescent="0.2">
      <c r="B260" s="77"/>
      <c r="C260" s="39" t="s">
        <v>50</v>
      </c>
      <c r="D260" s="45">
        <v>123</v>
      </c>
      <c r="E260" s="46">
        <v>0</v>
      </c>
      <c r="F260" s="46">
        <v>0</v>
      </c>
      <c r="G260" s="46">
        <v>0</v>
      </c>
      <c r="H260" s="46">
        <v>0</v>
      </c>
      <c r="I260" s="46">
        <v>0</v>
      </c>
      <c r="J260" s="46">
        <v>0</v>
      </c>
      <c r="K260" s="46">
        <v>0</v>
      </c>
      <c r="L260" s="46">
        <v>0</v>
      </c>
      <c r="M260" s="46">
        <v>0</v>
      </c>
      <c r="N260" s="46">
        <v>0</v>
      </c>
      <c r="O260" s="46">
        <v>9.8000000000000007</v>
      </c>
      <c r="P260" s="46">
        <v>10.6</v>
      </c>
      <c r="Q260" s="46">
        <v>33.299999999999997</v>
      </c>
      <c r="R260" s="46">
        <v>17.100000000000001</v>
      </c>
      <c r="S260" s="46">
        <v>0</v>
      </c>
      <c r="T260" s="46">
        <v>0</v>
      </c>
      <c r="U260" s="46">
        <v>0</v>
      </c>
      <c r="V260" s="46">
        <v>0</v>
      </c>
      <c r="W260" s="46">
        <v>0</v>
      </c>
      <c r="X260" s="47">
        <v>0</v>
      </c>
    </row>
    <row r="261" spans="2:25" ht="21.6" x14ac:dyDescent="0.2">
      <c r="B261" s="77"/>
      <c r="C261" s="39" t="s">
        <v>51</v>
      </c>
      <c r="D261" s="45">
        <v>124</v>
      </c>
      <c r="E261" s="46">
        <v>0</v>
      </c>
      <c r="F261" s="46">
        <v>0</v>
      </c>
      <c r="G261" s="46">
        <v>0</v>
      </c>
      <c r="H261" s="46">
        <v>0</v>
      </c>
      <c r="I261" s="46">
        <v>0</v>
      </c>
      <c r="J261" s="46">
        <v>0</v>
      </c>
      <c r="K261" s="46">
        <v>0</v>
      </c>
      <c r="L261" s="46">
        <v>0</v>
      </c>
      <c r="M261" s="46">
        <v>0</v>
      </c>
      <c r="N261" s="46">
        <v>0</v>
      </c>
      <c r="O261" s="46">
        <v>8.1</v>
      </c>
      <c r="P261" s="46">
        <v>7.3</v>
      </c>
      <c r="Q261" s="46">
        <v>45.2</v>
      </c>
      <c r="R261" s="46">
        <v>16.899999999999999</v>
      </c>
      <c r="S261" s="46">
        <v>0</v>
      </c>
      <c r="T261" s="46">
        <v>0</v>
      </c>
      <c r="U261" s="46">
        <v>0</v>
      </c>
      <c r="V261" s="46">
        <v>0</v>
      </c>
      <c r="W261" s="46">
        <v>0</v>
      </c>
      <c r="X261" s="47">
        <v>0</v>
      </c>
    </row>
    <row r="262" spans="2:25" ht="21.6" x14ac:dyDescent="0.2">
      <c r="B262" s="77"/>
      <c r="C262" s="39" t="s">
        <v>52</v>
      </c>
      <c r="D262" s="45">
        <v>312</v>
      </c>
      <c r="E262" s="46">
        <v>0</v>
      </c>
      <c r="F262" s="46">
        <v>0</v>
      </c>
      <c r="G262" s="46">
        <v>0</v>
      </c>
      <c r="H262" s="46">
        <v>0</v>
      </c>
      <c r="I262" s="46">
        <v>0</v>
      </c>
      <c r="J262" s="46">
        <v>0</v>
      </c>
      <c r="K262" s="46">
        <v>0</v>
      </c>
      <c r="L262" s="46">
        <v>0</v>
      </c>
      <c r="M262" s="46">
        <v>0</v>
      </c>
      <c r="N262" s="46">
        <v>0</v>
      </c>
      <c r="O262" s="46">
        <v>14.1</v>
      </c>
      <c r="P262" s="46">
        <v>9.3000000000000007</v>
      </c>
      <c r="Q262" s="46">
        <v>24.4</v>
      </c>
      <c r="R262" s="46">
        <v>13.1</v>
      </c>
      <c r="S262" s="46">
        <v>0</v>
      </c>
      <c r="T262" s="46">
        <v>0</v>
      </c>
      <c r="U262" s="46">
        <v>0</v>
      </c>
      <c r="V262" s="46">
        <v>0</v>
      </c>
      <c r="W262" s="46">
        <v>0</v>
      </c>
      <c r="X262" s="47">
        <v>0</v>
      </c>
    </row>
    <row r="263" spans="2:25" x14ac:dyDescent="0.2">
      <c r="B263" s="77"/>
      <c r="C263" s="39" t="s">
        <v>53</v>
      </c>
      <c r="D263" s="45">
        <v>269</v>
      </c>
      <c r="E263" s="46">
        <v>0</v>
      </c>
      <c r="F263" s="46">
        <v>0</v>
      </c>
      <c r="G263" s="46">
        <v>0</v>
      </c>
      <c r="H263" s="46">
        <v>0</v>
      </c>
      <c r="I263" s="46">
        <v>0</v>
      </c>
      <c r="J263" s="46">
        <v>0</v>
      </c>
      <c r="K263" s="46">
        <v>0</v>
      </c>
      <c r="L263" s="46">
        <v>0</v>
      </c>
      <c r="M263" s="46">
        <v>0</v>
      </c>
      <c r="N263" s="46">
        <v>0</v>
      </c>
      <c r="O263" s="46">
        <v>12.3</v>
      </c>
      <c r="P263" s="46">
        <v>13</v>
      </c>
      <c r="Q263" s="46">
        <v>23.8</v>
      </c>
      <c r="R263" s="46">
        <v>17.5</v>
      </c>
      <c r="S263" s="46">
        <v>0</v>
      </c>
      <c r="T263" s="46">
        <v>0</v>
      </c>
      <c r="U263" s="46">
        <v>0</v>
      </c>
      <c r="V263" s="46">
        <v>0</v>
      </c>
      <c r="W263" s="46">
        <v>0</v>
      </c>
      <c r="X263" s="47">
        <v>0</v>
      </c>
    </row>
    <row r="264" spans="2:25" ht="21.6" x14ac:dyDescent="0.2">
      <c r="B264" s="77"/>
      <c r="C264" s="39" t="s">
        <v>54</v>
      </c>
      <c r="D264" s="45">
        <v>511</v>
      </c>
      <c r="E264" s="46">
        <v>0</v>
      </c>
      <c r="F264" s="46">
        <v>0</v>
      </c>
      <c r="G264" s="46">
        <v>0</v>
      </c>
      <c r="H264" s="46">
        <v>0</v>
      </c>
      <c r="I264" s="46">
        <v>0</v>
      </c>
      <c r="J264" s="46">
        <v>0</v>
      </c>
      <c r="K264" s="46">
        <v>0</v>
      </c>
      <c r="L264" s="46">
        <v>0</v>
      </c>
      <c r="M264" s="46">
        <v>0</v>
      </c>
      <c r="N264" s="46">
        <v>0</v>
      </c>
      <c r="O264" s="46">
        <v>11.7</v>
      </c>
      <c r="P264" s="46">
        <v>10.199999999999999</v>
      </c>
      <c r="Q264" s="46">
        <v>28.4</v>
      </c>
      <c r="R264" s="46">
        <v>15.3</v>
      </c>
      <c r="S264" s="46">
        <v>0</v>
      </c>
      <c r="T264" s="46">
        <v>0</v>
      </c>
      <c r="U264" s="46">
        <v>0</v>
      </c>
      <c r="V264" s="46">
        <v>0</v>
      </c>
      <c r="W264" s="46">
        <v>0</v>
      </c>
      <c r="X264" s="47">
        <v>0</v>
      </c>
    </row>
    <row r="265" spans="2:25" ht="21.6" x14ac:dyDescent="0.2">
      <c r="B265" s="77"/>
      <c r="C265" s="39" t="s">
        <v>55</v>
      </c>
      <c r="D265" s="45">
        <v>615</v>
      </c>
      <c r="E265" s="46">
        <v>0</v>
      </c>
      <c r="F265" s="46">
        <v>0</v>
      </c>
      <c r="G265" s="46">
        <v>0</v>
      </c>
      <c r="H265" s="46">
        <v>0</v>
      </c>
      <c r="I265" s="46">
        <v>0</v>
      </c>
      <c r="J265" s="46">
        <v>0</v>
      </c>
      <c r="K265" s="46">
        <v>0</v>
      </c>
      <c r="L265" s="46">
        <v>0</v>
      </c>
      <c r="M265" s="46">
        <v>0</v>
      </c>
      <c r="N265" s="46">
        <v>0</v>
      </c>
      <c r="O265" s="46">
        <v>12</v>
      </c>
      <c r="P265" s="46">
        <v>10.9</v>
      </c>
      <c r="Q265" s="46">
        <v>30.7</v>
      </c>
      <c r="R265" s="46">
        <v>17.100000000000001</v>
      </c>
      <c r="S265" s="46">
        <v>0</v>
      </c>
      <c r="T265" s="46">
        <v>0</v>
      </c>
      <c r="U265" s="46">
        <v>0</v>
      </c>
      <c r="V265" s="46">
        <v>0</v>
      </c>
      <c r="W265" s="46">
        <v>0</v>
      </c>
      <c r="X265" s="47">
        <v>0</v>
      </c>
    </row>
    <row r="266" spans="2:25" ht="21.6" x14ac:dyDescent="0.2">
      <c r="B266" s="77"/>
      <c r="C266" s="39" t="s">
        <v>56</v>
      </c>
      <c r="D266" s="45">
        <v>800</v>
      </c>
      <c r="E266" s="46">
        <v>0</v>
      </c>
      <c r="F266" s="46">
        <v>0</v>
      </c>
      <c r="G266" s="46">
        <v>0</v>
      </c>
      <c r="H266" s="46">
        <v>0</v>
      </c>
      <c r="I266" s="46">
        <v>0</v>
      </c>
      <c r="J266" s="46">
        <v>0</v>
      </c>
      <c r="K266" s="46">
        <v>0</v>
      </c>
      <c r="L266" s="46">
        <v>0</v>
      </c>
      <c r="M266" s="46">
        <v>0</v>
      </c>
      <c r="N266" s="46">
        <v>0</v>
      </c>
      <c r="O266" s="46">
        <v>11.9</v>
      </c>
      <c r="P266" s="46">
        <v>10</v>
      </c>
      <c r="Q266" s="46">
        <v>29.5</v>
      </c>
      <c r="R266" s="46">
        <v>15.4</v>
      </c>
      <c r="S266" s="46">
        <v>0</v>
      </c>
      <c r="T266" s="46">
        <v>0</v>
      </c>
      <c r="U266" s="46">
        <v>0</v>
      </c>
      <c r="V266" s="46">
        <v>0</v>
      </c>
      <c r="W266" s="46">
        <v>0</v>
      </c>
      <c r="X266" s="47">
        <v>0</v>
      </c>
    </row>
    <row r="267" spans="2:25" x14ac:dyDescent="0.2">
      <c r="B267" s="77"/>
      <c r="C267" s="40" t="s">
        <v>57</v>
      </c>
      <c r="D267" s="48">
        <v>798</v>
      </c>
      <c r="E267" s="49">
        <v>0</v>
      </c>
      <c r="F267" s="49">
        <v>0</v>
      </c>
      <c r="G267" s="49">
        <v>0</v>
      </c>
      <c r="H267" s="49">
        <v>0</v>
      </c>
      <c r="I267" s="49">
        <v>0</v>
      </c>
      <c r="J267" s="49">
        <v>0</v>
      </c>
      <c r="K267" s="49">
        <v>0</v>
      </c>
      <c r="L267" s="49">
        <v>0</v>
      </c>
      <c r="M267" s="49">
        <v>0</v>
      </c>
      <c r="N267" s="49">
        <v>0</v>
      </c>
      <c r="O267" s="49">
        <v>12.3</v>
      </c>
      <c r="P267" s="49">
        <v>11.7</v>
      </c>
      <c r="Q267" s="49">
        <v>25.4</v>
      </c>
      <c r="R267" s="49">
        <v>16.3</v>
      </c>
      <c r="S267" s="49">
        <v>0</v>
      </c>
      <c r="T267" s="49">
        <v>0</v>
      </c>
      <c r="U267" s="49">
        <v>0</v>
      </c>
      <c r="V267" s="49">
        <v>0</v>
      </c>
      <c r="W267" s="49">
        <v>0</v>
      </c>
      <c r="X267" s="50">
        <v>0</v>
      </c>
    </row>
    <row r="268" spans="2:25" x14ac:dyDescent="0.2">
      <c r="B268" s="7" t="s">
        <v>71</v>
      </c>
      <c r="C268" s="4" t="s">
        <v>78</v>
      </c>
    </row>
    <row r="269" spans="2:25" x14ac:dyDescent="0.2">
      <c r="B269" s="4"/>
      <c r="C269" s="4" t="s">
        <v>73</v>
      </c>
    </row>
    <row r="271" spans="2:25" x14ac:dyDescent="0.2">
      <c r="C271" t="s">
        <v>35</v>
      </c>
    </row>
    <row r="272" spans="2:25" x14ac:dyDescent="0.2">
      <c r="B272" s="75" t="s">
        <v>262</v>
      </c>
      <c r="C272" s="76"/>
      <c r="D272" s="76"/>
      <c r="E272" s="76"/>
      <c r="F272" s="76"/>
      <c r="G272" s="76"/>
      <c r="H272" s="76"/>
      <c r="I272" s="76"/>
      <c r="J272" s="76"/>
      <c r="K272" s="76"/>
      <c r="L272" s="76"/>
      <c r="M272" s="76"/>
      <c r="N272" s="76"/>
      <c r="O272" s="76"/>
      <c r="P272" s="76"/>
      <c r="Q272" s="76"/>
      <c r="R272" s="76"/>
      <c r="S272" s="76"/>
      <c r="T272" s="76"/>
      <c r="U272" s="76"/>
      <c r="V272" s="76"/>
      <c r="W272" s="76"/>
      <c r="X272" s="76"/>
      <c r="Y272" s="76"/>
    </row>
    <row r="273" spans="1:25" s="32" customFormat="1" ht="36.450000000000003" customHeight="1" x14ac:dyDescent="0.15">
      <c r="A273" s="31"/>
      <c r="D273" s="33" t="s">
        <v>378</v>
      </c>
      <c r="E273" s="36" t="s">
        <v>421</v>
      </c>
      <c r="F273" s="55" t="s">
        <v>422</v>
      </c>
      <c r="G273" s="55" t="s">
        <v>423</v>
      </c>
      <c r="H273" s="55" t="s">
        <v>424</v>
      </c>
      <c r="I273" s="55" t="s">
        <v>425</v>
      </c>
      <c r="J273" s="55" t="s">
        <v>426</v>
      </c>
      <c r="K273" s="55" t="s">
        <v>427</v>
      </c>
      <c r="L273" s="55" t="s">
        <v>428</v>
      </c>
      <c r="M273" s="55" t="s">
        <v>429</v>
      </c>
      <c r="N273" s="55" t="s">
        <v>430</v>
      </c>
      <c r="O273" s="55" t="s">
        <v>431</v>
      </c>
      <c r="P273" s="55" t="s">
        <v>432</v>
      </c>
      <c r="Q273" s="55" t="s">
        <v>433</v>
      </c>
      <c r="R273" s="55" t="s">
        <v>434</v>
      </c>
      <c r="S273" s="55" t="s">
        <v>435</v>
      </c>
      <c r="T273" s="55" t="s">
        <v>436</v>
      </c>
      <c r="U273" s="55" t="s">
        <v>437</v>
      </c>
      <c r="V273" s="55" t="s">
        <v>438</v>
      </c>
      <c r="W273" s="55" t="s">
        <v>439</v>
      </c>
      <c r="X273" s="37" t="s">
        <v>440</v>
      </c>
      <c r="Y273" s="54" t="s">
        <v>381</v>
      </c>
    </row>
    <row r="274" spans="1:25" x14ac:dyDescent="0.2">
      <c r="B274" s="5"/>
      <c r="C274" s="41" t="s">
        <v>38</v>
      </c>
      <c r="D274" s="42">
        <v>2000</v>
      </c>
      <c r="E274" s="43">
        <v>0</v>
      </c>
      <c r="F274" s="43">
        <v>0</v>
      </c>
      <c r="G274" s="43">
        <v>0</v>
      </c>
      <c r="H274" s="43">
        <v>0</v>
      </c>
      <c r="I274" s="43">
        <v>2.2999999999999998</v>
      </c>
      <c r="J274" s="43">
        <v>4</v>
      </c>
      <c r="K274" s="43">
        <v>16.7</v>
      </c>
      <c r="L274" s="43">
        <v>8.1999999999999993</v>
      </c>
      <c r="M274" s="43">
        <v>1.7</v>
      </c>
      <c r="N274" s="43">
        <v>0.9</v>
      </c>
      <c r="O274" s="43">
        <v>0</v>
      </c>
      <c r="P274" s="43">
        <v>0</v>
      </c>
      <c r="Q274" s="43">
        <v>0</v>
      </c>
      <c r="R274" s="43">
        <v>0</v>
      </c>
      <c r="S274" s="43">
        <v>0</v>
      </c>
      <c r="T274" s="43">
        <v>0</v>
      </c>
      <c r="U274" s="43">
        <v>0</v>
      </c>
      <c r="V274" s="43">
        <v>0</v>
      </c>
      <c r="W274" s="43">
        <v>0</v>
      </c>
      <c r="X274" s="44">
        <v>0</v>
      </c>
    </row>
    <row r="275" spans="1:25" x14ac:dyDescent="0.2">
      <c r="B275" s="77" t="s">
        <v>37</v>
      </c>
      <c r="C275" s="39" t="s">
        <v>39</v>
      </c>
      <c r="D275" s="45">
        <v>111</v>
      </c>
      <c r="E275" s="46">
        <v>0</v>
      </c>
      <c r="F275" s="46">
        <v>0</v>
      </c>
      <c r="G275" s="46">
        <v>0</v>
      </c>
      <c r="H275" s="46">
        <v>0</v>
      </c>
      <c r="I275" s="46">
        <v>3.6</v>
      </c>
      <c r="J275" s="46">
        <v>9</v>
      </c>
      <c r="K275" s="46">
        <v>15.3</v>
      </c>
      <c r="L275" s="46">
        <v>5.4</v>
      </c>
      <c r="M275" s="46">
        <v>3.6</v>
      </c>
      <c r="N275" s="46">
        <v>0.9</v>
      </c>
      <c r="O275" s="46">
        <v>0</v>
      </c>
      <c r="P275" s="46">
        <v>0</v>
      </c>
      <c r="Q275" s="46">
        <v>0</v>
      </c>
      <c r="R275" s="46">
        <v>0</v>
      </c>
      <c r="S275" s="46">
        <v>0</v>
      </c>
      <c r="T275" s="46">
        <v>0</v>
      </c>
      <c r="U275" s="46">
        <v>0</v>
      </c>
      <c r="V275" s="46">
        <v>0</v>
      </c>
      <c r="W275" s="46">
        <v>0</v>
      </c>
      <c r="X275" s="47">
        <v>0</v>
      </c>
    </row>
    <row r="276" spans="1:25" x14ac:dyDescent="0.2">
      <c r="B276" s="77"/>
      <c r="C276" s="39" t="s">
        <v>40</v>
      </c>
      <c r="D276" s="45">
        <v>450</v>
      </c>
      <c r="E276" s="46">
        <v>0</v>
      </c>
      <c r="F276" s="46">
        <v>0</v>
      </c>
      <c r="G276" s="46">
        <v>0</v>
      </c>
      <c r="H276" s="46">
        <v>0</v>
      </c>
      <c r="I276" s="46">
        <v>4.4000000000000004</v>
      </c>
      <c r="J276" s="46">
        <v>4</v>
      </c>
      <c r="K276" s="46">
        <v>15.6</v>
      </c>
      <c r="L276" s="46">
        <v>11.3</v>
      </c>
      <c r="M276" s="46">
        <v>2.2000000000000002</v>
      </c>
      <c r="N276" s="46">
        <v>2.2000000000000002</v>
      </c>
      <c r="O276" s="46">
        <v>0</v>
      </c>
      <c r="P276" s="46">
        <v>0</v>
      </c>
      <c r="Q276" s="46">
        <v>0</v>
      </c>
      <c r="R276" s="46">
        <v>0</v>
      </c>
      <c r="S276" s="46">
        <v>0</v>
      </c>
      <c r="T276" s="46">
        <v>0</v>
      </c>
      <c r="U276" s="46">
        <v>0</v>
      </c>
      <c r="V276" s="46">
        <v>0</v>
      </c>
      <c r="W276" s="46">
        <v>0</v>
      </c>
      <c r="X276" s="47">
        <v>0</v>
      </c>
    </row>
    <row r="277" spans="1:25" ht="21.6" x14ac:dyDescent="0.2">
      <c r="B277" s="77"/>
      <c r="C277" s="39" t="s">
        <v>41</v>
      </c>
      <c r="D277" s="45">
        <v>30</v>
      </c>
      <c r="E277" s="46">
        <v>0</v>
      </c>
      <c r="F277" s="46">
        <v>0</v>
      </c>
      <c r="G277" s="46">
        <v>0</v>
      </c>
      <c r="H277" s="46">
        <v>0</v>
      </c>
      <c r="I277" s="46">
        <v>0</v>
      </c>
      <c r="J277" s="46">
        <v>0</v>
      </c>
      <c r="K277" s="46">
        <v>10</v>
      </c>
      <c r="L277" s="46">
        <v>23.3</v>
      </c>
      <c r="M277" s="46">
        <v>0</v>
      </c>
      <c r="N277" s="46">
        <v>3.3</v>
      </c>
      <c r="O277" s="46">
        <v>0</v>
      </c>
      <c r="P277" s="46">
        <v>0</v>
      </c>
      <c r="Q277" s="46">
        <v>0</v>
      </c>
      <c r="R277" s="46">
        <v>0</v>
      </c>
      <c r="S277" s="46">
        <v>0</v>
      </c>
      <c r="T277" s="46">
        <v>0</v>
      </c>
      <c r="U277" s="46">
        <v>0</v>
      </c>
      <c r="V277" s="46">
        <v>0</v>
      </c>
      <c r="W277" s="46">
        <v>0</v>
      </c>
      <c r="X277" s="47">
        <v>0</v>
      </c>
    </row>
    <row r="278" spans="1:25" ht="21.6" x14ac:dyDescent="0.2">
      <c r="B278" s="77"/>
      <c r="C278" s="39" t="s">
        <v>42</v>
      </c>
      <c r="D278" s="45">
        <v>336</v>
      </c>
      <c r="E278" s="46">
        <v>0</v>
      </c>
      <c r="F278" s="46">
        <v>0</v>
      </c>
      <c r="G278" s="46">
        <v>0</v>
      </c>
      <c r="H278" s="46">
        <v>0</v>
      </c>
      <c r="I278" s="46">
        <v>0.9</v>
      </c>
      <c r="J278" s="46">
        <v>2.4</v>
      </c>
      <c r="K278" s="46">
        <v>13.1</v>
      </c>
      <c r="L278" s="46">
        <v>5.7</v>
      </c>
      <c r="M278" s="46">
        <v>0.3</v>
      </c>
      <c r="N278" s="46">
        <v>0</v>
      </c>
      <c r="O278" s="46">
        <v>0</v>
      </c>
      <c r="P278" s="46">
        <v>0</v>
      </c>
      <c r="Q278" s="46">
        <v>0</v>
      </c>
      <c r="R278" s="46">
        <v>0</v>
      </c>
      <c r="S278" s="46">
        <v>0</v>
      </c>
      <c r="T278" s="46">
        <v>0</v>
      </c>
      <c r="U278" s="46">
        <v>0</v>
      </c>
      <c r="V278" s="46">
        <v>0</v>
      </c>
      <c r="W278" s="46">
        <v>0</v>
      </c>
      <c r="X278" s="47">
        <v>0</v>
      </c>
    </row>
    <row r="279" spans="1:25" ht="21.6" x14ac:dyDescent="0.2">
      <c r="B279" s="77"/>
      <c r="C279" s="39" t="s">
        <v>43</v>
      </c>
      <c r="D279" s="45">
        <v>327</v>
      </c>
      <c r="E279" s="46">
        <v>0</v>
      </c>
      <c r="F279" s="46">
        <v>0</v>
      </c>
      <c r="G279" s="46">
        <v>0</v>
      </c>
      <c r="H279" s="46">
        <v>0</v>
      </c>
      <c r="I279" s="46">
        <v>1.5</v>
      </c>
      <c r="J279" s="46">
        <v>5.5</v>
      </c>
      <c r="K279" s="46">
        <v>19.600000000000001</v>
      </c>
      <c r="L279" s="46">
        <v>8.3000000000000007</v>
      </c>
      <c r="M279" s="46">
        <v>3.1</v>
      </c>
      <c r="N279" s="46">
        <v>0.9</v>
      </c>
      <c r="O279" s="46">
        <v>0</v>
      </c>
      <c r="P279" s="46">
        <v>0</v>
      </c>
      <c r="Q279" s="46">
        <v>0</v>
      </c>
      <c r="R279" s="46">
        <v>0</v>
      </c>
      <c r="S279" s="46">
        <v>0</v>
      </c>
      <c r="T279" s="46">
        <v>0</v>
      </c>
      <c r="U279" s="46">
        <v>0</v>
      </c>
      <c r="V279" s="46">
        <v>0</v>
      </c>
      <c r="W279" s="46">
        <v>0</v>
      </c>
      <c r="X279" s="47">
        <v>0</v>
      </c>
    </row>
    <row r="280" spans="1:25" ht="21.6" x14ac:dyDescent="0.2">
      <c r="B280" s="77"/>
      <c r="C280" s="39" t="s">
        <v>44</v>
      </c>
      <c r="D280" s="45">
        <v>181</v>
      </c>
      <c r="E280" s="46">
        <v>0</v>
      </c>
      <c r="F280" s="46">
        <v>0</v>
      </c>
      <c r="G280" s="46">
        <v>0</v>
      </c>
      <c r="H280" s="46">
        <v>0</v>
      </c>
      <c r="I280" s="46">
        <v>2.2000000000000002</v>
      </c>
      <c r="J280" s="46">
        <v>2.2000000000000002</v>
      </c>
      <c r="K280" s="46">
        <v>20.399999999999999</v>
      </c>
      <c r="L280" s="46">
        <v>6.1</v>
      </c>
      <c r="M280" s="46">
        <v>1.1000000000000001</v>
      </c>
      <c r="N280" s="46">
        <v>0.6</v>
      </c>
      <c r="O280" s="46">
        <v>0</v>
      </c>
      <c r="P280" s="46">
        <v>0</v>
      </c>
      <c r="Q280" s="46">
        <v>0</v>
      </c>
      <c r="R280" s="46">
        <v>0</v>
      </c>
      <c r="S280" s="46">
        <v>0</v>
      </c>
      <c r="T280" s="46">
        <v>0</v>
      </c>
      <c r="U280" s="46">
        <v>0</v>
      </c>
      <c r="V280" s="46">
        <v>0</v>
      </c>
      <c r="W280" s="46">
        <v>0</v>
      </c>
      <c r="X280" s="47">
        <v>0</v>
      </c>
    </row>
    <row r="281" spans="1:25" ht="21.6" x14ac:dyDescent="0.2">
      <c r="B281" s="77"/>
      <c r="C281" s="39" t="s">
        <v>45</v>
      </c>
      <c r="D281" s="45">
        <v>565</v>
      </c>
      <c r="E281" s="46">
        <v>0</v>
      </c>
      <c r="F281" s="46">
        <v>0</v>
      </c>
      <c r="G281" s="46">
        <v>0</v>
      </c>
      <c r="H281" s="46">
        <v>0</v>
      </c>
      <c r="I281" s="46">
        <v>1.8</v>
      </c>
      <c r="J281" s="46">
        <v>3.9</v>
      </c>
      <c r="K281" s="46">
        <v>17.5</v>
      </c>
      <c r="L281" s="46">
        <v>7.6</v>
      </c>
      <c r="M281" s="46">
        <v>1.2</v>
      </c>
      <c r="N281" s="46">
        <v>0.2</v>
      </c>
      <c r="O281" s="46">
        <v>0</v>
      </c>
      <c r="P281" s="46">
        <v>0</v>
      </c>
      <c r="Q281" s="46">
        <v>0</v>
      </c>
      <c r="R281" s="46">
        <v>0</v>
      </c>
      <c r="S281" s="46">
        <v>0</v>
      </c>
      <c r="T281" s="46">
        <v>0</v>
      </c>
      <c r="U281" s="46">
        <v>0</v>
      </c>
      <c r="V281" s="46">
        <v>0</v>
      </c>
      <c r="W281" s="46">
        <v>0</v>
      </c>
      <c r="X281" s="47">
        <v>0</v>
      </c>
    </row>
    <row r="282" spans="1:25" ht="21.6" x14ac:dyDescent="0.2">
      <c r="B282" s="77"/>
      <c r="C282" s="39" t="s">
        <v>46</v>
      </c>
      <c r="D282" s="45">
        <v>473</v>
      </c>
      <c r="E282" s="46">
        <v>0</v>
      </c>
      <c r="F282" s="46">
        <v>0</v>
      </c>
      <c r="G282" s="46">
        <v>0</v>
      </c>
      <c r="H282" s="46">
        <v>0</v>
      </c>
      <c r="I282" s="46">
        <v>1.9</v>
      </c>
      <c r="J282" s="46">
        <v>5.7</v>
      </c>
      <c r="K282" s="46">
        <v>16.3</v>
      </c>
      <c r="L282" s="46">
        <v>8.6999999999999993</v>
      </c>
      <c r="M282" s="46">
        <v>1.5</v>
      </c>
      <c r="N282" s="46">
        <v>1.1000000000000001</v>
      </c>
      <c r="O282" s="46">
        <v>0</v>
      </c>
      <c r="P282" s="46">
        <v>0</v>
      </c>
      <c r="Q282" s="46">
        <v>0</v>
      </c>
      <c r="R282" s="46">
        <v>0</v>
      </c>
      <c r="S282" s="46">
        <v>0</v>
      </c>
      <c r="T282" s="46">
        <v>0</v>
      </c>
      <c r="U282" s="46">
        <v>0</v>
      </c>
      <c r="V282" s="46">
        <v>0</v>
      </c>
      <c r="W282" s="46">
        <v>0</v>
      </c>
      <c r="X282" s="47">
        <v>0</v>
      </c>
    </row>
    <row r="283" spans="1:25" ht="21.6" x14ac:dyDescent="0.2">
      <c r="B283" s="77"/>
      <c r="C283" s="39" t="s">
        <v>47</v>
      </c>
      <c r="D283" s="45">
        <v>441</v>
      </c>
      <c r="E283" s="46">
        <v>0</v>
      </c>
      <c r="F283" s="46">
        <v>0</v>
      </c>
      <c r="G283" s="46">
        <v>0</v>
      </c>
      <c r="H283" s="46">
        <v>0</v>
      </c>
      <c r="I283" s="46">
        <v>2.9</v>
      </c>
      <c r="J283" s="46">
        <v>2.9</v>
      </c>
      <c r="K283" s="46">
        <v>16.8</v>
      </c>
      <c r="L283" s="46">
        <v>9.5</v>
      </c>
      <c r="M283" s="46">
        <v>2.5</v>
      </c>
      <c r="N283" s="46">
        <v>0.7</v>
      </c>
      <c r="O283" s="46">
        <v>0</v>
      </c>
      <c r="P283" s="46">
        <v>0</v>
      </c>
      <c r="Q283" s="46">
        <v>0</v>
      </c>
      <c r="R283" s="46">
        <v>0</v>
      </c>
      <c r="S283" s="46">
        <v>0</v>
      </c>
      <c r="T283" s="46">
        <v>0</v>
      </c>
      <c r="U283" s="46">
        <v>0</v>
      </c>
      <c r="V283" s="46">
        <v>0</v>
      </c>
      <c r="W283" s="46">
        <v>0</v>
      </c>
      <c r="X283" s="47">
        <v>0</v>
      </c>
    </row>
    <row r="284" spans="1:25" ht="21.6" x14ac:dyDescent="0.2">
      <c r="B284" s="77"/>
      <c r="C284" s="39" t="s">
        <v>48</v>
      </c>
      <c r="D284" s="45">
        <v>305</v>
      </c>
      <c r="E284" s="46">
        <v>0</v>
      </c>
      <c r="F284" s="46">
        <v>0</v>
      </c>
      <c r="G284" s="46">
        <v>0</v>
      </c>
      <c r="H284" s="46">
        <v>0</v>
      </c>
      <c r="I284" s="46">
        <v>2.6</v>
      </c>
      <c r="J284" s="46">
        <v>3</v>
      </c>
      <c r="K284" s="46">
        <v>20.7</v>
      </c>
      <c r="L284" s="46">
        <v>8.1999999999999993</v>
      </c>
      <c r="M284" s="46">
        <v>1.6</v>
      </c>
      <c r="N284" s="46">
        <v>1.6</v>
      </c>
      <c r="O284" s="46">
        <v>0</v>
      </c>
      <c r="P284" s="46">
        <v>0</v>
      </c>
      <c r="Q284" s="46">
        <v>0</v>
      </c>
      <c r="R284" s="46">
        <v>0</v>
      </c>
      <c r="S284" s="46">
        <v>0</v>
      </c>
      <c r="T284" s="46">
        <v>0</v>
      </c>
      <c r="U284" s="46">
        <v>0</v>
      </c>
      <c r="V284" s="46">
        <v>0</v>
      </c>
      <c r="W284" s="46">
        <v>0</v>
      </c>
      <c r="X284" s="47">
        <v>0</v>
      </c>
    </row>
    <row r="285" spans="1:25" ht="21.6" x14ac:dyDescent="0.2">
      <c r="B285" s="77"/>
      <c r="C285" s="39" t="s">
        <v>49</v>
      </c>
      <c r="D285" s="45">
        <v>223</v>
      </c>
      <c r="E285" s="46">
        <v>0</v>
      </c>
      <c r="F285" s="46">
        <v>0</v>
      </c>
      <c r="G285" s="46">
        <v>0</v>
      </c>
      <c r="H285" s="46">
        <v>0</v>
      </c>
      <c r="I285" s="46">
        <v>1.3</v>
      </c>
      <c r="J285" s="46">
        <v>4</v>
      </c>
      <c r="K285" s="46">
        <v>12.1</v>
      </c>
      <c r="L285" s="46">
        <v>9.4</v>
      </c>
      <c r="M285" s="46">
        <v>0.4</v>
      </c>
      <c r="N285" s="46">
        <v>0</v>
      </c>
      <c r="O285" s="46">
        <v>0</v>
      </c>
      <c r="P285" s="46">
        <v>0</v>
      </c>
      <c r="Q285" s="46">
        <v>0</v>
      </c>
      <c r="R285" s="46">
        <v>0</v>
      </c>
      <c r="S285" s="46">
        <v>0</v>
      </c>
      <c r="T285" s="46">
        <v>0</v>
      </c>
      <c r="U285" s="46">
        <v>0</v>
      </c>
      <c r="V285" s="46">
        <v>0</v>
      </c>
      <c r="W285" s="46">
        <v>0</v>
      </c>
      <c r="X285" s="47">
        <v>0</v>
      </c>
    </row>
    <row r="286" spans="1:25" ht="21.6" x14ac:dyDescent="0.2">
      <c r="B286" s="77"/>
      <c r="C286" s="39" t="s">
        <v>50</v>
      </c>
      <c r="D286" s="45">
        <v>123</v>
      </c>
      <c r="E286" s="46">
        <v>0</v>
      </c>
      <c r="F286" s="46">
        <v>0</v>
      </c>
      <c r="G286" s="46">
        <v>0</v>
      </c>
      <c r="H286" s="46">
        <v>0</v>
      </c>
      <c r="I286" s="46">
        <v>1.6</v>
      </c>
      <c r="J286" s="46">
        <v>2.4</v>
      </c>
      <c r="K286" s="46">
        <v>14.6</v>
      </c>
      <c r="L286" s="46">
        <v>8.1</v>
      </c>
      <c r="M286" s="46">
        <v>2.4</v>
      </c>
      <c r="N286" s="46">
        <v>0</v>
      </c>
      <c r="O286" s="46">
        <v>0</v>
      </c>
      <c r="P286" s="46">
        <v>0</v>
      </c>
      <c r="Q286" s="46">
        <v>0</v>
      </c>
      <c r="R286" s="46">
        <v>0</v>
      </c>
      <c r="S286" s="46">
        <v>0</v>
      </c>
      <c r="T286" s="46">
        <v>0</v>
      </c>
      <c r="U286" s="46">
        <v>0</v>
      </c>
      <c r="V286" s="46">
        <v>0</v>
      </c>
      <c r="W286" s="46">
        <v>0</v>
      </c>
      <c r="X286" s="47">
        <v>0</v>
      </c>
    </row>
    <row r="287" spans="1:25" ht="21.6" x14ac:dyDescent="0.2">
      <c r="B287" s="77"/>
      <c r="C287" s="39" t="s">
        <v>51</v>
      </c>
      <c r="D287" s="45">
        <v>124</v>
      </c>
      <c r="E287" s="46">
        <v>0</v>
      </c>
      <c r="F287" s="46">
        <v>0</v>
      </c>
      <c r="G287" s="46">
        <v>0</v>
      </c>
      <c r="H287" s="46">
        <v>0</v>
      </c>
      <c r="I287" s="46">
        <v>0.8</v>
      </c>
      <c r="J287" s="46">
        <v>4</v>
      </c>
      <c r="K287" s="46">
        <v>11.3</v>
      </c>
      <c r="L287" s="46">
        <v>6.5</v>
      </c>
      <c r="M287" s="46">
        <v>0</v>
      </c>
      <c r="N287" s="46">
        <v>0</v>
      </c>
      <c r="O287" s="46">
        <v>0</v>
      </c>
      <c r="P287" s="46">
        <v>0</v>
      </c>
      <c r="Q287" s="46">
        <v>0</v>
      </c>
      <c r="R287" s="46">
        <v>0</v>
      </c>
      <c r="S287" s="46">
        <v>0</v>
      </c>
      <c r="T287" s="46">
        <v>0</v>
      </c>
      <c r="U287" s="46">
        <v>0</v>
      </c>
      <c r="V287" s="46">
        <v>0</v>
      </c>
      <c r="W287" s="46">
        <v>0</v>
      </c>
      <c r="X287" s="47">
        <v>0</v>
      </c>
    </row>
    <row r="288" spans="1:25" ht="21.6" x14ac:dyDescent="0.2">
      <c r="B288" s="77"/>
      <c r="C288" s="39" t="s">
        <v>52</v>
      </c>
      <c r="D288" s="45">
        <v>312</v>
      </c>
      <c r="E288" s="46">
        <v>0</v>
      </c>
      <c r="F288" s="46">
        <v>0</v>
      </c>
      <c r="G288" s="46">
        <v>0</v>
      </c>
      <c r="H288" s="46">
        <v>0</v>
      </c>
      <c r="I288" s="46">
        <v>2.6</v>
      </c>
      <c r="J288" s="46">
        <v>5.0999999999999996</v>
      </c>
      <c r="K288" s="46">
        <v>19.2</v>
      </c>
      <c r="L288" s="46">
        <v>9.9</v>
      </c>
      <c r="M288" s="46">
        <v>1.3</v>
      </c>
      <c r="N288" s="46">
        <v>1</v>
      </c>
      <c r="O288" s="46">
        <v>0</v>
      </c>
      <c r="P288" s="46">
        <v>0</v>
      </c>
      <c r="Q288" s="46">
        <v>0</v>
      </c>
      <c r="R288" s="46">
        <v>0</v>
      </c>
      <c r="S288" s="46">
        <v>0</v>
      </c>
      <c r="T288" s="46">
        <v>0</v>
      </c>
      <c r="U288" s="46">
        <v>0</v>
      </c>
      <c r="V288" s="46">
        <v>0</v>
      </c>
      <c r="W288" s="46">
        <v>0</v>
      </c>
      <c r="X288" s="47">
        <v>0</v>
      </c>
    </row>
    <row r="289" spans="1:25" x14ac:dyDescent="0.2">
      <c r="B289" s="77"/>
      <c r="C289" s="39" t="s">
        <v>53</v>
      </c>
      <c r="D289" s="45">
        <v>269</v>
      </c>
      <c r="E289" s="46">
        <v>0</v>
      </c>
      <c r="F289" s="46">
        <v>0</v>
      </c>
      <c r="G289" s="46">
        <v>0</v>
      </c>
      <c r="H289" s="46">
        <v>0</v>
      </c>
      <c r="I289" s="46">
        <v>4.0999999999999996</v>
      </c>
      <c r="J289" s="46">
        <v>3</v>
      </c>
      <c r="K289" s="46">
        <v>14.1</v>
      </c>
      <c r="L289" s="46">
        <v>10</v>
      </c>
      <c r="M289" s="46">
        <v>1.9</v>
      </c>
      <c r="N289" s="46">
        <v>0.4</v>
      </c>
      <c r="O289" s="46">
        <v>0</v>
      </c>
      <c r="P289" s="46">
        <v>0</v>
      </c>
      <c r="Q289" s="46">
        <v>0</v>
      </c>
      <c r="R289" s="46">
        <v>0</v>
      </c>
      <c r="S289" s="46">
        <v>0</v>
      </c>
      <c r="T289" s="46">
        <v>0</v>
      </c>
      <c r="U289" s="46">
        <v>0</v>
      </c>
      <c r="V289" s="46">
        <v>0</v>
      </c>
      <c r="W289" s="46">
        <v>0</v>
      </c>
      <c r="X289" s="47">
        <v>0</v>
      </c>
    </row>
    <row r="290" spans="1:25" ht="21.6" x14ac:dyDescent="0.2">
      <c r="B290" s="77"/>
      <c r="C290" s="39" t="s">
        <v>54</v>
      </c>
      <c r="D290" s="45">
        <v>511</v>
      </c>
      <c r="E290" s="46">
        <v>0</v>
      </c>
      <c r="F290" s="46">
        <v>0</v>
      </c>
      <c r="G290" s="46">
        <v>0</v>
      </c>
      <c r="H290" s="46">
        <v>0</v>
      </c>
      <c r="I290" s="46">
        <v>2</v>
      </c>
      <c r="J290" s="46">
        <v>4.3</v>
      </c>
      <c r="K290" s="46">
        <v>17.2</v>
      </c>
      <c r="L290" s="46">
        <v>6.7</v>
      </c>
      <c r="M290" s="46">
        <v>2.5</v>
      </c>
      <c r="N290" s="46">
        <v>1.8</v>
      </c>
      <c r="O290" s="46">
        <v>0</v>
      </c>
      <c r="P290" s="46">
        <v>0</v>
      </c>
      <c r="Q290" s="46">
        <v>0</v>
      </c>
      <c r="R290" s="46">
        <v>0</v>
      </c>
      <c r="S290" s="46">
        <v>0</v>
      </c>
      <c r="T290" s="46">
        <v>0</v>
      </c>
      <c r="U290" s="46">
        <v>0</v>
      </c>
      <c r="V290" s="46">
        <v>0</v>
      </c>
      <c r="W290" s="46">
        <v>0</v>
      </c>
      <c r="X290" s="47">
        <v>0</v>
      </c>
    </row>
    <row r="291" spans="1:25" ht="21.6" x14ac:dyDescent="0.2">
      <c r="B291" s="77"/>
      <c r="C291" s="39" t="s">
        <v>55</v>
      </c>
      <c r="D291" s="45">
        <v>615</v>
      </c>
      <c r="E291" s="46">
        <v>0</v>
      </c>
      <c r="F291" s="46">
        <v>0</v>
      </c>
      <c r="G291" s="46">
        <v>0</v>
      </c>
      <c r="H291" s="46">
        <v>0</v>
      </c>
      <c r="I291" s="46">
        <v>2.1</v>
      </c>
      <c r="J291" s="46">
        <v>2.9</v>
      </c>
      <c r="K291" s="46">
        <v>14.6</v>
      </c>
      <c r="L291" s="46">
        <v>7.6</v>
      </c>
      <c r="M291" s="46">
        <v>1.5</v>
      </c>
      <c r="N291" s="46">
        <v>0.5</v>
      </c>
      <c r="O291" s="46">
        <v>0</v>
      </c>
      <c r="P291" s="46">
        <v>0</v>
      </c>
      <c r="Q291" s="46">
        <v>0</v>
      </c>
      <c r="R291" s="46">
        <v>0</v>
      </c>
      <c r="S291" s="46">
        <v>0</v>
      </c>
      <c r="T291" s="46">
        <v>0</v>
      </c>
      <c r="U291" s="46">
        <v>0</v>
      </c>
      <c r="V291" s="46">
        <v>0</v>
      </c>
      <c r="W291" s="46">
        <v>0</v>
      </c>
      <c r="X291" s="47">
        <v>0</v>
      </c>
    </row>
    <row r="292" spans="1:25" ht="21.6" x14ac:dyDescent="0.2">
      <c r="B292" s="77"/>
      <c r="C292" s="39" t="s">
        <v>56</v>
      </c>
      <c r="D292" s="45">
        <v>800</v>
      </c>
      <c r="E292" s="46">
        <v>0</v>
      </c>
      <c r="F292" s="46">
        <v>0</v>
      </c>
      <c r="G292" s="46">
        <v>0</v>
      </c>
      <c r="H292" s="46">
        <v>0</v>
      </c>
      <c r="I292" s="46">
        <v>2.2999999999999998</v>
      </c>
      <c r="J292" s="46">
        <v>4.0999999999999996</v>
      </c>
      <c r="K292" s="46">
        <v>15.6</v>
      </c>
      <c r="L292" s="46">
        <v>8.1</v>
      </c>
      <c r="M292" s="46">
        <v>2</v>
      </c>
      <c r="N292" s="46">
        <v>1.1000000000000001</v>
      </c>
      <c r="O292" s="46">
        <v>0</v>
      </c>
      <c r="P292" s="46">
        <v>0</v>
      </c>
      <c r="Q292" s="46">
        <v>0</v>
      </c>
      <c r="R292" s="46">
        <v>0</v>
      </c>
      <c r="S292" s="46">
        <v>0</v>
      </c>
      <c r="T292" s="46">
        <v>0</v>
      </c>
      <c r="U292" s="46">
        <v>0</v>
      </c>
      <c r="V292" s="46">
        <v>0</v>
      </c>
      <c r="W292" s="46">
        <v>0</v>
      </c>
      <c r="X292" s="47">
        <v>0</v>
      </c>
    </row>
    <row r="293" spans="1:25" x14ac:dyDescent="0.2">
      <c r="B293" s="77"/>
      <c r="C293" s="40" t="s">
        <v>57</v>
      </c>
      <c r="D293" s="48">
        <v>798</v>
      </c>
      <c r="E293" s="49">
        <v>0</v>
      </c>
      <c r="F293" s="49">
        <v>0</v>
      </c>
      <c r="G293" s="49">
        <v>0</v>
      </c>
      <c r="H293" s="49">
        <v>0</v>
      </c>
      <c r="I293" s="49">
        <v>2.8</v>
      </c>
      <c r="J293" s="49">
        <v>3.4</v>
      </c>
      <c r="K293" s="49">
        <v>17.2</v>
      </c>
      <c r="L293" s="49">
        <v>8.8000000000000007</v>
      </c>
      <c r="M293" s="49">
        <v>1.4</v>
      </c>
      <c r="N293" s="49">
        <v>0.9</v>
      </c>
      <c r="O293" s="49">
        <v>0</v>
      </c>
      <c r="P293" s="49">
        <v>0</v>
      </c>
      <c r="Q293" s="49">
        <v>0</v>
      </c>
      <c r="R293" s="49">
        <v>0</v>
      </c>
      <c r="S293" s="49">
        <v>0</v>
      </c>
      <c r="T293" s="49">
        <v>0</v>
      </c>
      <c r="U293" s="49">
        <v>0</v>
      </c>
      <c r="V293" s="49">
        <v>0</v>
      </c>
      <c r="W293" s="49">
        <v>0</v>
      </c>
      <c r="X293" s="50">
        <v>0</v>
      </c>
    </row>
    <row r="294" spans="1:25" x14ac:dyDescent="0.2">
      <c r="B294" s="7" t="s">
        <v>71</v>
      </c>
      <c r="C294" s="4" t="s">
        <v>78</v>
      </c>
    </row>
    <row r="295" spans="1:25" x14ac:dyDescent="0.2">
      <c r="B295" s="4"/>
      <c r="C295" s="4" t="s">
        <v>73</v>
      </c>
    </row>
    <row r="297" spans="1:25" x14ac:dyDescent="0.2">
      <c r="C297" t="s">
        <v>35</v>
      </c>
    </row>
    <row r="298" spans="1:25" x14ac:dyDescent="0.2">
      <c r="B298" s="75" t="s">
        <v>262</v>
      </c>
      <c r="C298" s="76"/>
      <c r="D298" s="76"/>
      <c r="E298" s="76"/>
      <c r="F298" s="76"/>
      <c r="G298" s="76"/>
      <c r="H298" s="76"/>
      <c r="I298" s="76"/>
      <c r="J298" s="76"/>
      <c r="K298" s="76"/>
      <c r="L298" s="76"/>
      <c r="M298" s="76"/>
      <c r="N298" s="76"/>
      <c r="O298" s="76"/>
      <c r="P298" s="76"/>
      <c r="Q298" s="76"/>
      <c r="R298" s="76"/>
      <c r="S298" s="76"/>
      <c r="T298" s="76"/>
      <c r="U298" s="76"/>
      <c r="V298" s="76"/>
      <c r="W298" s="76"/>
      <c r="X298" s="76"/>
      <c r="Y298" s="76"/>
    </row>
    <row r="299" spans="1:25" s="32" customFormat="1" ht="36.450000000000003" customHeight="1" x14ac:dyDescent="0.15">
      <c r="A299" s="31"/>
      <c r="D299" s="33" t="s">
        <v>378</v>
      </c>
      <c r="E299" s="36" t="s">
        <v>441</v>
      </c>
      <c r="F299" s="55" t="s">
        <v>442</v>
      </c>
      <c r="G299" s="55" t="s">
        <v>443</v>
      </c>
      <c r="H299" s="55" t="s">
        <v>444</v>
      </c>
      <c r="I299" s="55" t="s">
        <v>445</v>
      </c>
      <c r="J299" s="55" t="s">
        <v>446</v>
      </c>
      <c r="K299" s="37" t="s">
        <v>447</v>
      </c>
      <c r="L299" s="35" t="s">
        <v>381</v>
      </c>
    </row>
    <row r="300" spans="1:25" x14ac:dyDescent="0.2">
      <c r="B300" s="5"/>
      <c r="C300" s="41" t="s">
        <v>38</v>
      </c>
      <c r="D300" s="42">
        <v>2000</v>
      </c>
      <c r="E300" s="43">
        <v>0</v>
      </c>
      <c r="F300" s="43">
        <v>0</v>
      </c>
      <c r="G300" s="43">
        <v>0</v>
      </c>
      <c r="H300" s="43">
        <v>0</v>
      </c>
      <c r="I300" s="43">
        <v>0</v>
      </c>
      <c r="J300" s="43">
        <v>0</v>
      </c>
      <c r="K300" s="44">
        <v>0</v>
      </c>
    </row>
    <row r="301" spans="1:25" x14ac:dyDescent="0.2">
      <c r="B301" s="77" t="s">
        <v>37</v>
      </c>
      <c r="C301" s="39" t="s">
        <v>39</v>
      </c>
      <c r="D301" s="45">
        <v>111</v>
      </c>
      <c r="E301" s="46">
        <v>0</v>
      </c>
      <c r="F301" s="46">
        <v>0</v>
      </c>
      <c r="G301" s="46">
        <v>0</v>
      </c>
      <c r="H301" s="46">
        <v>0</v>
      </c>
      <c r="I301" s="46">
        <v>0</v>
      </c>
      <c r="J301" s="46">
        <v>0</v>
      </c>
      <c r="K301" s="47">
        <v>0</v>
      </c>
    </row>
    <row r="302" spans="1:25" x14ac:dyDescent="0.2">
      <c r="B302" s="77"/>
      <c r="C302" s="39" t="s">
        <v>40</v>
      </c>
      <c r="D302" s="45">
        <v>450</v>
      </c>
      <c r="E302" s="46">
        <v>0</v>
      </c>
      <c r="F302" s="46">
        <v>0</v>
      </c>
      <c r="G302" s="46">
        <v>0</v>
      </c>
      <c r="H302" s="46">
        <v>0</v>
      </c>
      <c r="I302" s="46">
        <v>0</v>
      </c>
      <c r="J302" s="46">
        <v>0</v>
      </c>
      <c r="K302" s="47">
        <v>0</v>
      </c>
    </row>
    <row r="303" spans="1:25" ht="21.6" x14ac:dyDescent="0.2">
      <c r="B303" s="77"/>
      <c r="C303" s="39" t="s">
        <v>41</v>
      </c>
      <c r="D303" s="45">
        <v>30</v>
      </c>
      <c r="E303" s="46">
        <v>0</v>
      </c>
      <c r="F303" s="46">
        <v>0</v>
      </c>
      <c r="G303" s="46">
        <v>0</v>
      </c>
      <c r="H303" s="46">
        <v>0</v>
      </c>
      <c r="I303" s="46">
        <v>0</v>
      </c>
      <c r="J303" s="46">
        <v>0</v>
      </c>
      <c r="K303" s="47">
        <v>0</v>
      </c>
    </row>
    <row r="304" spans="1:25" ht="21.6" x14ac:dyDescent="0.2">
      <c r="B304" s="77"/>
      <c r="C304" s="39" t="s">
        <v>42</v>
      </c>
      <c r="D304" s="45">
        <v>336</v>
      </c>
      <c r="E304" s="46">
        <v>0</v>
      </c>
      <c r="F304" s="46">
        <v>0</v>
      </c>
      <c r="G304" s="46">
        <v>0</v>
      </c>
      <c r="H304" s="46">
        <v>0</v>
      </c>
      <c r="I304" s="46">
        <v>0</v>
      </c>
      <c r="J304" s="46">
        <v>0</v>
      </c>
      <c r="K304" s="47">
        <v>0</v>
      </c>
    </row>
    <row r="305" spans="2:11" ht="21.6" x14ac:dyDescent="0.2">
      <c r="B305" s="77"/>
      <c r="C305" s="39" t="s">
        <v>43</v>
      </c>
      <c r="D305" s="45">
        <v>327</v>
      </c>
      <c r="E305" s="46">
        <v>0</v>
      </c>
      <c r="F305" s="46">
        <v>0</v>
      </c>
      <c r="G305" s="46">
        <v>0</v>
      </c>
      <c r="H305" s="46">
        <v>0</v>
      </c>
      <c r="I305" s="46">
        <v>0</v>
      </c>
      <c r="J305" s="46">
        <v>0</v>
      </c>
      <c r="K305" s="47">
        <v>0</v>
      </c>
    </row>
    <row r="306" spans="2:11" ht="21.6" x14ac:dyDescent="0.2">
      <c r="B306" s="77"/>
      <c r="C306" s="39" t="s">
        <v>44</v>
      </c>
      <c r="D306" s="45">
        <v>181</v>
      </c>
      <c r="E306" s="46">
        <v>0</v>
      </c>
      <c r="F306" s="46">
        <v>0</v>
      </c>
      <c r="G306" s="46">
        <v>0</v>
      </c>
      <c r="H306" s="46">
        <v>0</v>
      </c>
      <c r="I306" s="46">
        <v>0</v>
      </c>
      <c r="J306" s="46">
        <v>0</v>
      </c>
      <c r="K306" s="47">
        <v>0</v>
      </c>
    </row>
    <row r="307" spans="2:11" ht="21.6" x14ac:dyDescent="0.2">
      <c r="B307" s="77"/>
      <c r="C307" s="39" t="s">
        <v>45</v>
      </c>
      <c r="D307" s="45">
        <v>565</v>
      </c>
      <c r="E307" s="46">
        <v>0</v>
      </c>
      <c r="F307" s="46">
        <v>0</v>
      </c>
      <c r="G307" s="46">
        <v>0</v>
      </c>
      <c r="H307" s="46">
        <v>0</v>
      </c>
      <c r="I307" s="46">
        <v>0</v>
      </c>
      <c r="J307" s="46">
        <v>0</v>
      </c>
      <c r="K307" s="47">
        <v>0</v>
      </c>
    </row>
    <row r="308" spans="2:11" ht="21.6" x14ac:dyDescent="0.2">
      <c r="B308" s="77"/>
      <c r="C308" s="39" t="s">
        <v>46</v>
      </c>
      <c r="D308" s="45">
        <v>473</v>
      </c>
      <c r="E308" s="46">
        <v>0</v>
      </c>
      <c r="F308" s="46">
        <v>0</v>
      </c>
      <c r="G308" s="46">
        <v>0</v>
      </c>
      <c r="H308" s="46">
        <v>0</v>
      </c>
      <c r="I308" s="46">
        <v>0</v>
      </c>
      <c r="J308" s="46">
        <v>0</v>
      </c>
      <c r="K308" s="47">
        <v>0</v>
      </c>
    </row>
    <row r="309" spans="2:11" ht="21.6" x14ac:dyDescent="0.2">
      <c r="B309" s="77"/>
      <c r="C309" s="39" t="s">
        <v>47</v>
      </c>
      <c r="D309" s="45">
        <v>441</v>
      </c>
      <c r="E309" s="46">
        <v>0</v>
      </c>
      <c r="F309" s="46">
        <v>0</v>
      </c>
      <c r="G309" s="46">
        <v>0</v>
      </c>
      <c r="H309" s="46">
        <v>0</v>
      </c>
      <c r="I309" s="46">
        <v>0</v>
      </c>
      <c r="J309" s="46">
        <v>0</v>
      </c>
      <c r="K309" s="47">
        <v>0</v>
      </c>
    </row>
    <row r="310" spans="2:11" ht="21.6" x14ac:dyDescent="0.2">
      <c r="B310" s="77"/>
      <c r="C310" s="39" t="s">
        <v>48</v>
      </c>
      <c r="D310" s="45">
        <v>305</v>
      </c>
      <c r="E310" s="46">
        <v>0</v>
      </c>
      <c r="F310" s="46">
        <v>0</v>
      </c>
      <c r="G310" s="46">
        <v>0</v>
      </c>
      <c r="H310" s="46">
        <v>0</v>
      </c>
      <c r="I310" s="46">
        <v>0</v>
      </c>
      <c r="J310" s="46">
        <v>0</v>
      </c>
      <c r="K310" s="47">
        <v>0</v>
      </c>
    </row>
    <row r="311" spans="2:11" ht="21.6" x14ac:dyDescent="0.2">
      <c r="B311" s="77"/>
      <c r="C311" s="39" t="s">
        <v>49</v>
      </c>
      <c r="D311" s="45">
        <v>223</v>
      </c>
      <c r="E311" s="46">
        <v>0</v>
      </c>
      <c r="F311" s="46">
        <v>0</v>
      </c>
      <c r="G311" s="46">
        <v>0</v>
      </c>
      <c r="H311" s="46">
        <v>0</v>
      </c>
      <c r="I311" s="46">
        <v>0</v>
      </c>
      <c r="J311" s="46">
        <v>0</v>
      </c>
      <c r="K311" s="47">
        <v>0</v>
      </c>
    </row>
    <row r="312" spans="2:11" ht="21.6" x14ac:dyDescent="0.2">
      <c r="B312" s="77"/>
      <c r="C312" s="39" t="s">
        <v>50</v>
      </c>
      <c r="D312" s="45">
        <v>123</v>
      </c>
      <c r="E312" s="46">
        <v>0</v>
      </c>
      <c r="F312" s="46">
        <v>0</v>
      </c>
      <c r="G312" s="46">
        <v>0</v>
      </c>
      <c r="H312" s="46">
        <v>0</v>
      </c>
      <c r="I312" s="46">
        <v>0</v>
      </c>
      <c r="J312" s="46">
        <v>0</v>
      </c>
      <c r="K312" s="47">
        <v>0</v>
      </c>
    </row>
    <row r="313" spans="2:11" ht="21.6" x14ac:dyDescent="0.2">
      <c r="B313" s="77"/>
      <c r="C313" s="39" t="s">
        <v>51</v>
      </c>
      <c r="D313" s="45">
        <v>124</v>
      </c>
      <c r="E313" s="46">
        <v>0</v>
      </c>
      <c r="F313" s="46">
        <v>0</v>
      </c>
      <c r="G313" s="46">
        <v>0</v>
      </c>
      <c r="H313" s="46">
        <v>0</v>
      </c>
      <c r="I313" s="46">
        <v>0</v>
      </c>
      <c r="J313" s="46">
        <v>0</v>
      </c>
      <c r="K313" s="47">
        <v>0</v>
      </c>
    </row>
    <row r="314" spans="2:11" ht="21.6" x14ac:dyDescent="0.2">
      <c r="B314" s="77"/>
      <c r="C314" s="39" t="s">
        <v>52</v>
      </c>
      <c r="D314" s="45">
        <v>312</v>
      </c>
      <c r="E314" s="46">
        <v>0</v>
      </c>
      <c r="F314" s="46">
        <v>0</v>
      </c>
      <c r="G314" s="46">
        <v>0</v>
      </c>
      <c r="H314" s="46">
        <v>0</v>
      </c>
      <c r="I314" s="46">
        <v>0</v>
      </c>
      <c r="J314" s="46">
        <v>0</v>
      </c>
      <c r="K314" s="47">
        <v>0</v>
      </c>
    </row>
    <row r="315" spans="2:11" x14ac:dyDescent="0.2">
      <c r="B315" s="77"/>
      <c r="C315" s="39" t="s">
        <v>53</v>
      </c>
      <c r="D315" s="45">
        <v>269</v>
      </c>
      <c r="E315" s="46">
        <v>0</v>
      </c>
      <c r="F315" s="46">
        <v>0</v>
      </c>
      <c r="G315" s="46">
        <v>0</v>
      </c>
      <c r="H315" s="46">
        <v>0</v>
      </c>
      <c r="I315" s="46">
        <v>0</v>
      </c>
      <c r="J315" s="46">
        <v>0</v>
      </c>
      <c r="K315" s="47">
        <v>0</v>
      </c>
    </row>
    <row r="316" spans="2:11" ht="21.6" x14ac:dyDescent="0.2">
      <c r="B316" s="77"/>
      <c r="C316" s="39" t="s">
        <v>54</v>
      </c>
      <c r="D316" s="45">
        <v>511</v>
      </c>
      <c r="E316" s="46">
        <v>0</v>
      </c>
      <c r="F316" s="46">
        <v>0</v>
      </c>
      <c r="G316" s="46">
        <v>0</v>
      </c>
      <c r="H316" s="46">
        <v>0</v>
      </c>
      <c r="I316" s="46">
        <v>0</v>
      </c>
      <c r="J316" s="46">
        <v>0</v>
      </c>
      <c r="K316" s="47">
        <v>0</v>
      </c>
    </row>
    <row r="317" spans="2:11" ht="21.6" x14ac:dyDescent="0.2">
      <c r="B317" s="77"/>
      <c r="C317" s="39" t="s">
        <v>55</v>
      </c>
      <c r="D317" s="45">
        <v>615</v>
      </c>
      <c r="E317" s="46">
        <v>0</v>
      </c>
      <c r="F317" s="46">
        <v>0</v>
      </c>
      <c r="G317" s="46">
        <v>0</v>
      </c>
      <c r="H317" s="46">
        <v>0</v>
      </c>
      <c r="I317" s="46">
        <v>0</v>
      </c>
      <c r="J317" s="46">
        <v>0</v>
      </c>
      <c r="K317" s="47">
        <v>0</v>
      </c>
    </row>
    <row r="318" spans="2:11" ht="21.6" x14ac:dyDescent="0.2">
      <c r="B318" s="77"/>
      <c r="C318" s="39" t="s">
        <v>56</v>
      </c>
      <c r="D318" s="45">
        <v>800</v>
      </c>
      <c r="E318" s="46">
        <v>0</v>
      </c>
      <c r="F318" s="46">
        <v>0</v>
      </c>
      <c r="G318" s="46">
        <v>0</v>
      </c>
      <c r="H318" s="46">
        <v>0</v>
      </c>
      <c r="I318" s="46">
        <v>0</v>
      </c>
      <c r="J318" s="46">
        <v>0</v>
      </c>
      <c r="K318" s="47">
        <v>0</v>
      </c>
    </row>
    <row r="319" spans="2:11" x14ac:dyDescent="0.2">
      <c r="B319" s="77"/>
      <c r="C319" s="40" t="s">
        <v>57</v>
      </c>
      <c r="D319" s="48">
        <v>798</v>
      </c>
      <c r="E319" s="49">
        <v>0</v>
      </c>
      <c r="F319" s="49">
        <v>0</v>
      </c>
      <c r="G319" s="49">
        <v>0</v>
      </c>
      <c r="H319" s="49">
        <v>0</v>
      </c>
      <c r="I319" s="49">
        <v>0</v>
      </c>
      <c r="J319" s="49">
        <v>0</v>
      </c>
      <c r="K319" s="50">
        <v>0</v>
      </c>
    </row>
    <row r="320" spans="2:11" x14ac:dyDescent="0.2">
      <c r="B320" s="7" t="s">
        <v>71</v>
      </c>
      <c r="C320" s="4" t="s">
        <v>78</v>
      </c>
    </row>
    <row r="321" spans="1:25" x14ac:dyDescent="0.2">
      <c r="B321" s="4"/>
      <c r="C321" s="4" t="s">
        <v>73</v>
      </c>
    </row>
    <row r="323" spans="1:25" x14ac:dyDescent="0.2">
      <c r="C323" t="s">
        <v>35</v>
      </c>
    </row>
    <row r="324" spans="1:25" x14ac:dyDescent="0.2">
      <c r="B324" s="75" t="s">
        <v>262</v>
      </c>
      <c r="C324" s="76"/>
      <c r="D324" s="76"/>
      <c r="E324" s="76"/>
      <c r="F324" s="76"/>
      <c r="G324" s="76"/>
      <c r="H324" s="76"/>
      <c r="I324" s="76"/>
      <c r="J324" s="76"/>
      <c r="K324" s="76"/>
      <c r="L324" s="76"/>
      <c r="M324" s="76"/>
      <c r="N324" s="76"/>
      <c r="O324" s="76"/>
      <c r="P324" s="76"/>
      <c r="Q324" s="76"/>
      <c r="R324" s="76"/>
      <c r="S324" s="76"/>
      <c r="T324" s="76"/>
      <c r="U324" s="76"/>
      <c r="V324" s="76"/>
      <c r="W324" s="76"/>
      <c r="X324" s="76"/>
      <c r="Y324" s="76"/>
    </row>
    <row r="325" spans="1:25" s="32" customFormat="1" ht="36.450000000000003" customHeight="1" x14ac:dyDescent="0.15">
      <c r="A325" s="31"/>
      <c r="D325" s="33" t="s">
        <v>378</v>
      </c>
      <c r="E325" s="36" t="s">
        <v>401</v>
      </c>
      <c r="F325" s="55" t="s">
        <v>402</v>
      </c>
      <c r="G325" s="55" t="s">
        <v>403</v>
      </c>
      <c r="H325" s="55" t="s">
        <v>404</v>
      </c>
      <c r="I325" s="55" t="s">
        <v>405</v>
      </c>
      <c r="J325" s="55" t="s">
        <v>406</v>
      </c>
      <c r="K325" s="55" t="s">
        <v>407</v>
      </c>
      <c r="L325" s="55" t="s">
        <v>408</v>
      </c>
      <c r="M325" s="55" t="s">
        <v>409</v>
      </c>
      <c r="N325" s="55" t="s">
        <v>410</v>
      </c>
      <c r="O325" s="55" t="s">
        <v>411</v>
      </c>
      <c r="P325" s="55" t="s">
        <v>412</v>
      </c>
      <c r="Q325" s="55" t="s">
        <v>413</v>
      </c>
      <c r="R325" s="55" t="s">
        <v>414</v>
      </c>
      <c r="S325" s="55" t="s">
        <v>415</v>
      </c>
      <c r="T325" s="55" t="s">
        <v>416</v>
      </c>
      <c r="U325" s="55" t="s">
        <v>417</v>
      </c>
      <c r="V325" s="55" t="s">
        <v>418</v>
      </c>
      <c r="W325" s="55" t="s">
        <v>419</v>
      </c>
      <c r="X325" s="37" t="s">
        <v>420</v>
      </c>
      <c r="Y325" s="35" t="s">
        <v>381</v>
      </c>
    </row>
    <row r="326" spans="1:25" ht="21.6" x14ac:dyDescent="0.2">
      <c r="B326" s="77" t="s">
        <v>37</v>
      </c>
      <c r="C326" s="38" t="s">
        <v>58</v>
      </c>
      <c r="D326" s="51">
        <v>609</v>
      </c>
      <c r="E326" s="52">
        <v>0</v>
      </c>
      <c r="F326" s="52">
        <v>0</v>
      </c>
      <c r="G326" s="52">
        <v>0</v>
      </c>
      <c r="H326" s="52">
        <v>0</v>
      </c>
      <c r="I326" s="52">
        <v>0</v>
      </c>
      <c r="J326" s="52">
        <v>0</v>
      </c>
      <c r="K326" s="52">
        <v>0</v>
      </c>
      <c r="L326" s="52">
        <v>0</v>
      </c>
      <c r="M326" s="52">
        <v>0</v>
      </c>
      <c r="N326" s="52">
        <v>0</v>
      </c>
      <c r="O326" s="52">
        <v>11.7</v>
      </c>
      <c r="P326" s="52">
        <v>9.5</v>
      </c>
      <c r="Q326" s="52">
        <v>28.6</v>
      </c>
      <c r="R326" s="52">
        <v>14.8</v>
      </c>
      <c r="S326" s="52">
        <v>0</v>
      </c>
      <c r="T326" s="52">
        <v>0</v>
      </c>
      <c r="U326" s="52">
        <v>0</v>
      </c>
      <c r="V326" s="52">
        <v>0</v>
      </c>
      <c r="W326" s="52">
        <v>0</v>
      </c>
      <c r="X326" s="53">
        <v>0</v>
      </c>
    </row>
    <row r="327" spans="1:25" ht="21.6" x14ac:dyDescent="0.2">
      <c r="B327" s="77"/>
      <c r="C327" s="39" t="s">
        <v>59</v>
      </c>
      <c r="D327" s="45">
        <v>1391</v>
      </c>
      <c r="E327" s="46">
        <v>0</v>
      </c>
      <c r="F327" s="46">
        <v>0</v>
      </c>
      <c r="G327" s="46">
        <v>0</v>
      </c>
      <c r="H327" s="46">
        <v>0</v>
      </c>
      <c r="I327" s="46">
        <v>0</v>
      </c>
      <c r="J327" s="46">
        <v>0</v>
      </c>
      <c r="K327" s="46">
        <v>0</v>
      </c>
      <c r="L327" s="46">
        <v>0</v>
      </c>
      <c r="M327" s="46">
        <v>0</v>
      </c>
      <c r="N327" s="46">
        <v>0</v>
      </c>
      <c r="O327" s="46">
        <v>12.7</v>
      </c>
      <c r="P327" s="46">
        <v>11.1</v>
      </c>
      <c r="Q327" s="46">
        <v>27</v>
      </c>
      <c r="R327" s="46">
        <v>16.2</v>
      </c>
      <c r="S327" s="46">
        <v>0</v>
      </c>
      <c r="T327" s="46">
        <v>0</v>
      </c>
      <c r="U327" s="46">
        <v>0</v>
      </c>
      <c r="V327" s="46">
        <v>0</v>
      </c>
      <c r="W327" s="46">
        <v>0</v>
      </c>
      <c r="X327" s="47">
        <v>0</v>
      </c>
    </row>
    <row r="328" spans="1:25" x14ac:dyDescent="0.2">
      <c r="B328" s="77"/>
      <c r="C328" s="39" t="s">
        <v>60</v>
      </c>
      <c r="D328" s="45">
        <v>1325</v>
      </c>
      <c r="E328" s="46">
        <v>0</v>
      </c>
      <c r="F328" s="46">
        <v>0</v>
      </c>
      <c r="G328" s="46">
        <v>0</v>
      </c>
      <c r="H328" s="46">
        <v>0</v>
      </c>
      <c r="I328" s="46">
        <v>0</v>
      </c>
      <c r="J328" s="46">
        <v>0</v>
      </c>
      <c r="K328" s="46">
        <v>0</v>
      </c>
      <c r="L328" s="46">
        <v>0</v>
      </c>
      <c r="M328" s="46">
        <v>0</v>
      </c>
      <c r="N328" s="46">
        <v>0</v>
      </c>
      <c r="O328" s="46">
        <v>18.7</v>
      </c>
      <c r="P328" s="46">
        <v>16</v>
      </c>
      <c r="Q328" s="46">
        <v>41.4</v>
      </c>
      <c r="R328" s="46">
        <v>23.8</v>
      </c>
      <c r="S328" s="46">
        <v>0</v>
      </c>
      <c r="T328" s="46">
        <v>0</v>
      </c>
      <c r="U328" s="46">
        <v>0</v>
      </c>
      <c r="V328" s="46">
        <v>0</v>
      </c>
      <c r="W328" s="46">
        <v>0</v>
      </c>
      <c r="X328" s="47">
        <v>0</v>
      </c>
    </row>
    <row r="329" spans="1:25" x14ac:dyDescent="0.2">
      <c r="B329" s="77"/>
      <c r="C329" s="39" t="s">
        <v>61</v>
      </c>
      <c r="D329" s="45">
        <v>675</v>
      </c>
      <c r="E329" s="46">
        <v>0</v>
      </c>
      <c r="F329" s="46">
        <v>0</v>
      </c>
      <c r="G329" s="46">
        <v>0</v>
      </c>
      <c r="H329" s="46">
        <v>0</v>
      </c>
      <c r="I329" s="46">
        <v>0</v>
      </c>
      <c r="J329" s="46">
        <v>0</v>
      </c>
      <c r="K329" s="46">
        <v>0</v>
      </c>
      <c r="L329" s="46">
        <v>0</v>
      </c>
      <c r="M329" s="46">
        <v>0</v>
      </c>
      <c r="N329" s="46">
        <v>0</v>
      </c>
      <c r="O329" s="46">
        <v>0</v>
      </c>
      <c r="P329" s="46">
        <v>0</v>
      </c>
      <c r="Q329" s="46">
        <v>0</v>
      </c>
      <c r="R329" s="46">
        <v>0</v>
      </c>
      <c r="S329" s="46">
        <v>0</v>
      </c>
      <c r="T329" s="46">
        <v>0</v>
      </c>
      <c r="U329" s="46">
        <v>0</v>
      </c>
      <c r="V329" s="46">
        <v>0</v>
      </c>
      <c r="W329" s="46">
        <v>0</v>
      </c>
      <c r="X329" s="47">
        <v>0</v>
      </c>
    </row>
    <row r="330" spans="1:25" x14ac:dyDescent="0.2">
      <c r="B330" s="77"/>
      <c r="C330" s="39" t="s">
        <v>62</v>
      </c>
      <c r="D330" s="45">
        <v>1086</v>
      </c>
      <c r="E330" s="46">
        <v>0</v>
      </c>
      <c r="F330" s="46">
        <v>0</v>
      </c>
      <c r="G330" s="46">
        <v>0</v>
      </c>
      <c r="H330" s="46">
        <v>0</v>
      </c>
      <c r="I330" s="46">
        <v>0</v>
      </c>
      <c r="J330" s="46">
        <v>0</v>
      </c>
      <c r="K330" s="46">
        <v>0</v>
      </c>
      <c r="L330" s="46">
        <v>0</v>
      </c>
      <c r="M330" s="46">
        <v>0</v>
      </c>
      <c r="N330" s="46">
        <v>0</v>
      </c>
      <c r="O330" s="46">
        <v>12</v>
      </c>
      <c r="P330" s="46">
        <v>11.6</v>
      </c>
      <c r="Q330" s="46">
        <v>27</v>
      </c>
      <c r="R330" s="46">
        <v>16.7</v>
      </c>
      <c r="S330" s="46">
        <v>0</v>
      </c>
      <c r="T330" s="46">
        <v>0</v>
      </c>
      <c r="U330" s="46">
        <v>0</v>
      </c>
      <c r="V330" s="46">
        <v>0</v>
      </c>
      <c r="W330" s="46">
        <v>0</v>
      </c>
      <c r="X330" s="47">
        <v>0</v>
      </c>
    </row>
    <row r="331" spans="1:25" ht="21.6" x14ac:dyDescent="0.2">
      <c r="B331" s="77"/>
      <c r="C331" s="39" t="s">
        <v>63</v>
      </c>
      <c r="D331" s="45">
        <v>203</v>
      </c>
      <c r="E331" s="46">
        <v>0</v>
      </c>
      <c r="F331" s="46">
        <v>0</v>
      </c>
      <c r="G331" s="46">
        <v>0</v>
      </c>
      <c r="H331" s="46">
        <v>0</v>
      </c>
      <c r="I331" s="46">
        <v>0</v>
      </c>
      <c r="J331" s="46">
        <v>0</v>
      </c>
      <c r="K331" s="46">
        <v>0</v>
      </c>
      <c r="L331" s="46">
        <v>0</v>
      </c>
      <c r="M331" s="46">
        <v>0</v>
      </c>
      <c r="N331" s="46">
        <v>0</v>
      </c>
      <c r="O331" s="46">
        <v>14.3</v>
      </c>
      <c r="P331" s="46">
        <v>12.8</v>
      </c>
      <c r="Q331" s="46">
        <v>27.1</v>
      </c>
      <c r="R331" s="46">
        <v>13.3</v>
      </c>
      <c r="S331" s="46">
        <v>0</v>
      </c>
      <c r="T331" s="46">
        <v>0</v>
      </c>
      <c r="U331" s="46">
        <v>0</v>
      </c>
      <c r="V331" s="46">
        <v>0</v>
      </c>
      <c r="W331" s="46">
        <v>0</v>
      </c>
      <c r="X331" s="47">
        <v>0</v>
      </c>
    </row>
    <row r="332" spans="1:25" x14ac:dyDescent="0.2">
      <c r="B332" s="77"/>
      <c r="C332" s="39" t="s">
        <v>64</v>
      </c>
      <c r="D332" s="45">
        <v>263</v>
      </c>
      <c r="E332" s="46">
        <v>0</v>
      </c>
      <c r="F332" s="46">
        <v>0</v>
      </c>
      <c r="G332" s="46">
        <v>0</v>
      </c>
      <c r="H332" s="46">
        <v>0</v>
      </c>
      <c r="I332" s="46">
        <v>0</v>
      </c>
      <c r="J332" s="46">
        <v>0</v>
      </c>
      <c r="K332" s="46">
        <v>0</v>
      </c>
      <c r="L332" s="46">
        <v>0</v>
      </c>
      <c r="M332" s="46">
        <v>0</v>
      </c>
      <c r="N332" s="46">
        <v>0</v>
      </c>
      <c r="O332" s="46">
        <v>12.5</v>
      </c>
      <c r="P332" s="46">
        <v>12.2</v>
      </c>
      <c r="Q332" s="46">
        <v>24.7</v>
      </c>
      <c r="R332" s="46">
        <v>19.399999999999999</v>
      </c>
      <c r="S332" s="46">
        <v>0</v>
      </c>
      <c r="T332" s="46">
        <v>0</v>
      </c>
      <c r="U332" s="46">
        <v>0</v>
      </c>
      <c r="V332" s="46">
        <v>0</v>
      </c>
      <c r="W332" s="46">
        <v>0</v>
      </c>
      <c r="X332" s="47">
        <v>0</v>
      </c>
    </row>
    <row r="333" spans="1:25" x14ac:dyDescent="0.2">
      <c r="B333" s="77"/>
      <c r="C333" s="39" t="s">
        <v>65</v>
      </c>
      <c r="D333" s="45">
        <v>312</v>
      </c>
      <c r="E333" s="46">
        <v>0</v>
      </c>
      <c r="F333" s="46">
        <v>0</v>
      </c>
      <c r="G333" s="46">
        <v>0</v>
      </c>
      <c r="H333" s="46">
        <v>0</v>
      </c>
      <c r="I333" s="46">
        <v>0</v>
      </c>
      <c r="J333" s="46">
        <v>0</v>
      </c>
      <c r="K333" s="46">
        <v>0</v>
      </c>
      <c r="L333" s="46">
        <v>0</v>
      </c>
      <c r="M333" s="46">
        <v>0</v>
      </c>
      <c r="N333" s="46">
        <v>0</v>
      </c>
      <c r="O333" s="46">
        <v>11.5</v>
      </c>
      <c r="P333" s="46">
        <v>11.9</v>
      </c>
      <c r="Q333" s="46">
        <v>26.6</v>
      </c>
      <c r="R333" s="46">
        <v>17.3</v>
      </c>
      <c r="S333" s="46">
        <v>0</v>
      </c>
      <c r="T333" s="46">
        <v>0</v>
      </c>
      <c r="U333" s="46">
        <v>0</v>
      </c>
      <c r="V333" s="46">
        <v>0</v>
      </c>
      <c r="W333" s="46">
        <v>0</v>
      </c>
      <c r="X333" s="47">
        <v>0</v>
      </c>
    </row>
    <row r="334" spans="1:25" x14ac:dyDescent="0.2">
      <c r="B334" s="77"/>
      <c r="C334" s="39" t="s">
        <v>66</v>
      </c>
      <c r="D334" s="45">
        <v>230</v>
      </c>
      <c r="E334" s="46">
        <v>0</v>
      </c>
      <c r="F334" s="46">
        <v>0</v>
      </c>
      <c r="G334" s="46">
        <v>0</v>
      </c>
      <c r="H334" s="46">
        <v>0</v>
      </c>
      <c r="I334" s="46">
        <v>0</v>
      </c>
      <c r="J334" s="46">
        <v>0</v>
      </c>
      <c r="K334" s="46">
        <v>0</v>
      </c>
      <c r="L334" s="46">
        <v>0</v>
      </c>
      <c r="M334" s="46">
        <v>0</v>
      </c>
      <c r="N334" s="46">
        <v>0</v>
      </c>
      <c r="O334" s="46">
        <v>10.4</v>
      </c>
      <c r="P334" s="46">
        <v>7.8</v>
      </c>
      <c r="Q334" s="46">
        <v>30</v>
      </c>
      <c r="R334" s="46">
        <v>17.8</v>
      </c>
      <c r="S334" s="46">
        <v>0</v>
      </c>
      <c r="T334" s="46">
        <v>0</v>
      </c>
      <c r="U334" s="46">
        <v>0</v>
      </c>
      <c r="V334" s="46">
        <v>0</v>
      </c>
      <c r="W334" s="46">
        <v>0</v>
      </c>
      <c r="X334" s="47">
        <v>0</v>
      </c>
    </row>
    <row r="335" spans="1:25" x14ac:dyDescent="0.2">
      <c r="B335" s="77"/>
      <c r="C335" s="39" t="s">
        <v>67</v>
      </c>
      <c r="D335" s="45">
        <v>78</v>
      </c>
      <c r="E335" s="46">
        <v>0</v>
      </c>
      <c r="F335" s="46">
        <v>0</v>
      </c>
      <c r="G335" s="46">
        <v>0</v>
      </c>
      <c r="H335" s="46">
        <v>0</v>
      </c>
      <c r="I335" s="46">
        <v>0</v>
      </c>
      <c r="J335" s="46">
        <v>0</v>
      </c>
      <c r="K335" s="46">
        <v>0</v>
      </c>
      <c r="L335" s="46">
        <v>0</v>
      </c>
      <c r="M335" s="46">
        <v>0</v>
      </c>
      <c r="N335" s="46">
        <v>0</v>
      </c>
      <c r="O335" s="46">
        <v>10.3</v>
      </c>
      <c r="P335" s="46">
        <v>16.7</v>
      </c>
      <c r="Q335" s="46">
        <v>26.9</v>
      </c>
      <c r="R335" s="46">
        <v>10.3</v>
      </c>
      <c r="S335" s="46">
        <v>0</v>
      </c>
      <c r="T335" s="46">
        <v>0</v>
      </c>
      <c r="U335" s="46">
        <v>0</v>
      </c>
      <c r="V335" s="46">
        <v>0</v>
      </c>
      <c r="W335" s="46">
        <v>0</v>
      </c>
      <c r="X335" s="47">
        <v>0</v>
      </c>
    </row>
    <row r="336" spans="1:25" x14ac:dyDescent="0.2">
      <c r="B336" s="77"/>
      <c r="C336" s="39" t="s">
        <v>68</v>
      </c>
      <c r="D336" s="45">
        <v>897</v>
      </c>
      <c r="E336" s="46">
        <v>0</v>
      </c>
      <c r="F336" s="46">
        <v>0</v>
      </c>
      <c r="G336" s="46">
        <v>0</v>
      </c>
      <c r="H336" s="46">
        <v>0</v>
      </c>
      <c r="I336" s="46">
        <v>0</v>
      </c>
      <c r="J336" s="46">
        <v>0</v>
      </c>
      <c r="K336" s="46">
        <v>0</v>
      </c>
      <c r="L336" s="46">
        <v>0</v>
      </c>
      <c r="M336" s="46">
        <v>0</v>
      </c>
      <c r="N336" s="46">
        <v>0</v>
      </c>
      <c r="O336" s="46">
        <v>12.3</v>
      </c>
      <c r="P336" s="46">
        <v>11.3</v>
      </c>
      <c r="Q336" s="46">
        <v>27</v>
      </c>
      <c r="R336" s="46">
        <v>16.899999999999999</v>
      </c>
      <c r="S336" s="46">
        <v>0</v>
      </c>
      <c r="T336" s="46">
        <v>0</v>
      </c>
      <c r="U336" s="46">
        <v>0</v>
      </c>
      <c r="V336" s="46">
        <v>0</v>
      </c>
      <c r="W336" s="46">
        <v>0</v>
      </c>
      <c r="X336" s="47">
        <v>0</v>
      </c>
    </row>
    <row r="337" spans="1:45" x14ac:dyDescent="0.2">
      <c r="B337" s="77"/>
      <c r="C337" s="39" t="s">
        <v>69</v>
      </c>
      <c r="D337" s="45">
        <v>189</v>
      </c>
      <c r="E337" s="46">
        <v>0</v>
      </c>
      <c r="F337" s="46">
        <v>0</v>
      </c>
      <c r="G337" s="46">
        <v>0</v>
      </c>
      <c r="H337" s="46">
        <v>0</v>
      </c>
      <c r="I337" s="46">
        <v>0</v>
      </c>
      <c r="J337" s="46">
        <v>0</v>
      </c>
      <c r="K337" s="46">
        <v>0</v>
      </c>
      <c r="L337" s="46">
        <v>0</v>
      </c>
      <c r="M337" s="46">
        <v>0</v>
      </c>
      <c r="N337" s="46">
        <v>0</v>
      </c>
      <c r="O337" s="46">
        <v>10.6</v>
      </c>
      <c r="P337" s="46">
        <v>13.2</v>
      </c>
      <c r="Q337" s="46">
        <v>27</v>
      </c>
      <c r="R337" s="46">
        <v>15.3</v>
      </c>
      <c r="S337" s="46">
        <v>0</v>
      </c>
      <c r="T337" s="46">
        <v>0</v>
      </c>
      <c r="U337" s="46">
        <v>0</v>
      </c>
      <c r="V337" s="46">
        <v>0</v>
      </c>
      <c r="W337" s="46">
        <v>0</v>
      </c>
      <c r="X337" s="47">
        <v>0</v>
      </c>
    </row>
    <row r="338" spans="1:45" x14ac:dyDescent="0.2">
      <c r="B338" s="77"/>
      <c r="C338" s="39" t="s">
        <v>70</v>
      </c>
      <c r="D338" s="45">
        <v>914</v>
      </c>
      <c r="E338" s="46">
        <v>0</v>
      </c>
      <c r="F338" s="46">
        <v>0</v>
      </c>
      <c r="G338" s="46">
        <v>0</v>
      </c>
      <c r="H338" s="46">
        <v>0</v>
      </c>
      <c r="I338" s="46">
        <v>0</v>
      </c>
      <c r="J338" s="46">
        <v>0</v>
      </c>
      <c r="K338" s="46">
        <v>0</v>
      </c>
      <c r="L338" s="46">
        <v>0</v>
      </c>
      <c r="M338" s="46">
        <v>0</v>
      </c>
      <c r="N338" s="46">
        <v>0</v>
      </c>
      <c r="O338" s="46">
        <v>12.9</v>
      </c>
      <c r="P338" s="46">
        <v>9.4</v>
      </c>
      <c r="Q338" s="46">
        <v>28</v>
      </c>
      <c r="R338" s="46">
        <v>14.8</v>
      </c>
      <c r="S338" s="46">
        <v>0</v>
      </c>
      <c r="T338" s="46">
        <v>0</v>
      </c>
      <c r="U338" s="46">
        <v>0</v>
      </c>
      <c r="V338" s="46">
        <v>0</v>
      </c>
      <c r="W338" s="46">
        <v>0</v>
      </c>
      <c r="X338" s="47">
        <v>0</v>
      </c>
    </row>
    <row r="339" spans="1:45" ht="21.6" x14ac:dyDescent="0.2">
      <c r="B339" s="77"/>
      <c r="C339" s="39" t="s">
        <v>63</v>
      </c>
      <c r="D339" s="45">
        <v>193</v>
      </c>
      <c r="E339" s="46">
        <v>0</v>
      </c>
      <c r="F339" s="46">
        <v>0</v>
      </c>
      <c r="G339" s="46">
        <v>0</v>
      </c>
      <c r="H339" s="46">
        <v>0</v>
      </c>
      <c r="I339" s="46">
        <v>0</v>
      </c>
      <c r="J339" s="46">
        <v>0</v>
      </c>
      <c r="K339" s="46">
        <v>0</v>
      </c>
      <c r="L339" s="46">
        <v>0</v>
      </c>
      <c r="M339" s="46">
        <v>0</v>
      </c>
      <c r="N339" s="46">
        <v>0</v>
      </c>
      <c r="O339" s="46">
        <v>17.100000000000001</v>
      </c>
      <c r="P339" s="46">
        <v>11.4</v>
      </c>
      <c r="Q339" s="46">
        <v>30.1</v>
      </c>
      <c r="R339" s="46">
        <v>8.3000000000000007</v>
      </c>
      <c r="S339" s="46">
        <v>0</v>
      </c>
      <c r="T339" s="46">
        <v>0</v>
      </c>
      <c r="U339" s="46">
        <v>0</v>
      </c>
      <c r="V339" s="46">
        <v>0</v>
      </c>
      <c r="W339" s="46">
        <v>0</v>
      </c>
      <c r="X339" s="47">
        <v>0</v>
      </c>
    </row>
    <row r="340" spans="1:45" x14ac:dyDescent="0.2">
      <c r="B340" s="77"/>
      <c r="C340" s="39" t="s">
        <v>64</v>
      </c>
      <c r="D340" s="45">
        <v>203</v>
      </c>
      <c r="E340" s="46">
        <v>0</v>
      </c>
      <c r="F340" s="46">
        <v>0</v>
      </c>
      <c r="G340" s="46">
        <v>0</v>
      </c>
      <c r="H340" s="46">
        <v>0</v>
      </c>
      <c r="I340" s="46">
        <v>0</v>
      </c>
      <c r="J340" s="46">
        <v>0</v>
      </c>
      <c r="K340" s="46">
        <v>0</v>
      </c>
      <c r="L340" s="46">
        <v>0</v>
      </c>
      <c r="M340" s="46">
        <v>0</v>
      </c>
      <c r="N340" s="46">
        <v>0</v>
      </c>
      <c r="O340" s="46">
        <v>10.3</v>
      </c>
      <c r="P340" s="46">
        <v>8.4</v>
      </c>
      <c r="Q340" s="46">
        <v>29.6</v>
      </c>
      <c r="R340" s="46">
        <v>17.7</v>
      </c>
      <c r="S340" s="46">
        <v>0</v>
      </c>
      <c r="T340" s="46">
        <v>0</v>
      </c>
      <c r="U340" s="46">
        <v>0</v>
      </c>
      <c r="V340" s="46">
        <v>0</v>
      </c>
      <c r="W340" s="46">
        <v>0</v>
      </c>
      <c r="X340" s="47">
        <v>0</v>
      </c>
    </row>
    <row r="341" spans="1:45" x14ac:dyDescent="0.2">
      <c r="B341" s="77"/>
      <c r="C341" s="39" t="s">
        <v>65</v>
      </c>
      <c r="D341" s="45">
        <v>263</v>
      </c>
      <c r="E341" s="46">
        <v>0</v>
      </c>
      <c r="F341" s="46">
        <v>0</v>
      </c>
      <c r="G341" s="46">
        <v>0</v>
      </c>
      <c r="H341" s="46">
        <v>0</v>
      </c>
      <c r="I341" s="46">
        <v>0</v>
      </c>
      <c r="J341" s="46">
        <v>0</v>
      </c>
      <c r="K341" s="46">
        <v>0</v>
      </c>
      <c r="L341" s="46">
        <v>0</v>
      </c>
      <c r="M341" s="46">
        <v>0</v>
      </c>
      <c r="N341" s="46">
        <v>0</v>
      </c>
      <c r="O341" s="46">
        <v>15.2</v>
      </c>
      <c r="P341" s="46">
        <v>9.9</v>
      </c>
      <c r="Q341" s="46">
        <v>23.6</v>
      </c>
      <c r="R341" s="46">
        <v>16</v>
      </c>
      <c r="S341" s="46">
        <v>0</v>
      </c>
      <c r="T341" s="46">
        <v>0</v>
      </c>
      <c r="U341" s="46">
        <v>0</v>
      </c>
      <c r="V341" s="46">
        <v>0</v>
      </c>
      <c r="W341" s="46">
        <v>0</v>
      </c>
      <c r="X341" s="47">
        <v>0</v>
      </c>
    </row>
    <row r="342" spans="1:45" x14ac:dyDescent="0.2">
      <c r="B342" s="77"/>
      <c r="C342" s="39" t="s">
        <v>66</v>
      </c>
      <c r="D342" s="45">
        <v>194</v>
      </c>
      <c r="E342" s="46">
        <v>0</v>
      </c>
      <c r="F342" s="46">
        <v>0</v>
      </c>
      <c r="G342" s="46">
        <v>0</v>
      </c>
      <c r="H342" s="46">
        <v>0</v>
      </c>
      <c r="I342" s="46">
        <v>0</v>
      </c>
      <c r="J342" s="46">
        <v>0</v>
      </c>
      <c r="K342" s="46">
        <v>0</v>
      </c>
      <c r="L342" s="46">
        <v>0</v>
      </c>
      <c r="M342" s="46">
        <v>0</v>
      </c>
      <c r="N342" s="46">
        <v>0</v>
      </c>
      <c r="O342" s="46">
        <v>7.7</v>
      </c>
      <c r="P342" s="46">
        <v>8.1999999999999993</v>
      </c>
      <c r="Q342" s="46">
        <v>29.9</v>
      </c>
      <c r="R342" s="46">
        <v>17.5</v>
      </c>
      <c r="S342" s="46">
        <v>0</v>
      </c>
      <c r="T342" s="46">
        <v>0</v>
      </c>
      <c r="U342" s="46">
        <v>0</v>
      </c>
      <c r="V342" s="46">
        <v>0</v>
      </c>
      <c r="W342" s="46">
        <v>0</v>
      </c>
      <c r="X342" s="47">
        <v>0</v>
      </c>
    </row>
    <row r="343" spans="1:45" x14ac:dyDescent="0.2">
      <c r="B343" s="77"/>
      <c r="C343" s="39" t="s">
        <v>67</v>
      </c>
      <c r="D343" s="45">
        <v>61</v>
      </c>
      <c r="E343" s="46">
        <v>0</v>
      </c>
      <c r="F343" s="46">
        <v>0</v>
      </c>
      <c r="G343" s="46">
        <v>0</v>
      </c>
      <c r="H343" s="46">
        <v>0</v>
      </c>
      <c r="I343" s="46">
        <v>0</v>
      </c>
      <c r="J343" s="46">
        <v>0</v>
      </c>
      <c r="K343" s="46">
        <v>0</v>
      </c>
      <c r="L343" s="46">
        <v>0</v>
      </c>
      <c r="M343" s="46">
        <v>0</v>
      </c>
      <c r="N343" s="46">
        <v>0</v>
      </c>
      <c r="O343" s="46">
        <v>14.8</v>
      </c>
      <c r="P343" s="46">
        <v>8.1999999999999993</v>
      </c>
      <c r="Q343" s="46">
        <v>29.5</v>
      </c>
      <c r="R343" s="46">
        <v>11.5</v>
      </c>
      <c r="S343" s="46">
        <v>0</v>
      </c>
      <c r="T343" s="46">
        <v>0</v>
      </c>
      <c r="U343" s="46">
        <v>0</v>
      </c>
      <c r="V343" s="46">
        <v>0</v>
      </c>
      <c r="W343" s="46">
        <v>0</v>
      </c>
      <c r="X343" s="47">
        <v>0</v>
      </c>
    </row>
    <row r="344" spans="1:45" x14ac:dyDescent="0.2">
      <c r="B344" s="77"/>
      <c r="C344" s="39" t="s">
        <v>68</v>
      </c>
      <c r="D344" s="45">
        <v>416</v>
      </c>
      <c r="E344" s="46">
        <v>0</v>
      </c>
      <c r="F344" s="46">
        <v>0</v>
      </c>
      <c r="G344" s="46">
        <v>0</v>
      </c>
      <c r="H344" s="46">
        <v>0</v>
      </c>
      <c r="I344" s="46">
        <v>0</v>
      </c>
      <c r="J344" s="46">
        <v>0</v>
      </c>
      <c r="K344" s="46">
        <v>0</v>
      </c>
      <c r="L344" s="46">
        <v>0</v>
      </c>
      <c r="M344" s="46">
        <v>0</v>
      </c>
      <c r="N344" s="46">
        <v>0</v>
      </c>
      <c r="O344" s="46">
        <v>13.9</v>
      </c>
      <c r="P344" s="46">
        <v>6.7</v>
      </c>
      <c r="Q344" s="46">
        <v>32.9</v>
      </c>
      <c r="R344" s="46">
        <v>13</v>
      </c>
      <c r="S344" s="46">
        <v>0</v>
      </c>
      <c r="T344" s="46">
        <v>0</v>
      </c>
      <c r="U344" s="46">
        <v>0</v>
      </c>
      <c r="V344" s="46">
        <v>0</v>
      </c>
      <c r="W344" s="46">
        <v>0</v>
      </c>
      <c r="X344" s="47">
        <v>0</v>
      </c>
    </row>
    <row r="345" spans="1:45" x14ac:dyDescent="0.2">
      <c r="B345" s="77"/>
      <c r="C345" s="40" t="s">
        <v>69</v>
      </c>
      <c r="D345" s="48">
        <v>498</v>
      </c>
      <c r="E345" s="49">
        <v>0</v>
      </c>
      <c r="F345" s="49">
        <v>0</v>
      </c>
      <c r="G345" s="49">
        <v>0</v>
      </c>
      <c r="H345" s="49">
        <v>0</v>
      </c>
      <c r="I345" s="49">
        <v>0</v>
      </c>
      <c r="J345" s="49">
        <v>0</v>
      </c>
      <c r="K345" s="49">
        <v>0</v>
      </c>
      <c r="L345" s="49">
        <v>0</v>
      </c>
      <c r="M345" s="49">
        <v>0</v>
      </c>
      <c r="N345" s="49">
        <v>0</v>
      </c>
      <c r="O345" s="49">
        <v>12</v>
      </c>
      <c r="P345" s="49">
        <v>11.6</v>
      </c>
      <c r="Q345" s="49">
        <v>23.9</v>
      </c>
      <c r="R345" s="49">
        <v>16.3</v>
      </c>
      <c r="S345" s="49">
        <v>0</v>
      </c>
      <c r="T345" s="49">
        <v>0</v>
      </c>
      <c r="U345" s="49">
        <v>0</v>
      </c>
      <c r="V345" s="49">
        <v>0</v>
      </c>
      <c r="W345" s="49">
        <v>0</v>
      </c>
      <c r="X345" s="50">
        <v>0</v>
      </c>
    </row>
    <row r="346" spans="1:45" x14ac:dyDescent="0.2">
      <c r="B346" s="7" t="s">
        <v>71</v>
      </c>
      <c r="C346" s="4" t="s">
        <v>78</v>
      </c>
    </row>
    <row r="347" spans="1:45" x14ac:dyDescent="0.2">
      <c r="B347" s="4"/>
      <c r="C347" s="4" t="s">
        <v>73</v>
      </c>
    </row>
    <row r="349" spans="1:45" x14ac:dyDescent="0.2">
      <c r="C349" t="s">
        <v>35</v>
      </c>
    </row>
    <row r="350" spans="1:45" x14ac:dyDescent="0.2">
      <c r="B350" s="75" t="s">
        <v>262</v>
      </c>
      <c r="C350" s="76"/>
      <c r="D350" s="76"/>
      <c r="E350" s="76"/>
      <c r="F350" s="76"/>
      <c r="G350" s="76"/>
      <c r="H350" s="76"/>
      <c r="I350" s="76"/>
      <c r="J350" s="76"/>
      <c r="K350" s="76"/>
      <c r="L350" s="76"/>
      <c r="M350" s="76"/>
      <c r="N350" s="76"/>
      <c r="O350" s="76"/>
      <c r="P350" s="76"/>
      <c r="Q350" s="76"/>
      <c r="R350" s="76"/>
      <c r="S350" s="76"/>
      <c r="T350" s="76"/>
      <c r="U350" s="76"/>
      <c r="V350" s="76"/>
      <c r="W350" s="76"/>
      <c r="X350" s="76"/>
      <c r="Y350" s="76"/>
    </row>
    <row r="351" spans="1:45" s="32" customFormat="1" ht="36.450000000000003" customHeight="1" x14ac:dyDescent="0.15">
      <c r="A351" s="31"/>
      <c r="D351" s="33" t="s">
        <v>378</v>
      </c>
      <c r="E351" s="36" t="s">
        <v>421</v>
      </c>
      <c r="F351" s="55" t="s">
        <v>422</v>
      </c>
      <c r="G351" s="55" t="s">
        <v>423</v>
      </c>
      <c r="H351" s="55" t="s">
        <v>424</v>
      </c>
      <c r="I351" s="55" t="s">
        <v>425</v>
      </c>
      <c r="J351" s="55" t="s">
        <v>426</v>
      </c>
      <c r="K351" s="55" t="s">
        <v>427</v>
      </c>
      <c r="L351" s="55" t="s">
        <v>428</v>
      </c>
      <c r="M351" s="55" t="s">
        <v>429</v>
      </c>
      <c r="N351" s="55" t="s">
        <v>430</v>
      </c>
      <c r="O351" s="55" t="s">
        <v>431</v>
      </c>
      <c r="P351" s="55" t="s">
        <v>432</v>
      </c>
      <c r="Q351" s="55" t="s">
        <v>433</v>
      </c>
      <c r="R351" s="55" t="s">
        <v>434</v>
      </c>
      <c r="S351" s="55" t="s">
        <v>435</v>
      </c>
      <c r="T351" s="55" t="s">
        <v>436</v>
      </c>
      <c r="U351" s="55" t="s">
        <v>437</v>
      </c>
      <c r="V351" s="55" t="s">
        <v>438</v>
      </c>
      <c r="W351" s="55" t="s">
        <v>439</v>
      </c>
      <c r="X351" s="37" t="s">
        <v>440</v>
      </c>
      <c r="Y351" s="54" t="s">
        <v>381</v>
      </c>
      <c r="AS351" s="34"/>
    </row>
    <row r="352" spans="1:45" ht="21.6" x14ac:dyDescent="0.2">
      <c r="B352" s="77" t="s">
        <v>37</v>
      </c>
      <c r="C352" s="38" t="s">
        <v>58</v>
      </c>
      <c r="D352" s="51">
        <v>609</v>
      </c>
      <c r="E352" s="52">
        <v>0</v>
      </c>
      <c r="F352" s="52">
        <v>0</v>
      </c>
      <c r="G352" s="52">
        <v>0</v>
      </c>
      <c r="H352" s="52">
        <v>0</v>
      </c>
      <c r="I352" s="52">
        <v>2.8</v>
      </c>
      <c r="J352" s="52">
        <v>3.9</v>
      </c>
      <c r="K352" s="52">
        <v>16.100000000000001</v>
      </c>
      <c r="L352" s="52">
        <v>9.1999999999999993</v>
      </c>
      <c r="M352" s="52">
        <v>2</v>
      </c>
      <c r="N352" s="52">
        <v>1.5</v>
      </c>
      <c r="O352" s="52">
        <v>0</v>
      </c>
      <c r="P352" s="52">
        <v>0</v>
      </c>
      <c r="Q352" s="52">
        <v>0</v>
      </c>
      <c r="R352" s="52">
        <v>0</v>
      </c>
      <c r="S352" s="52">
        <v>0</v>
      </c>
      <c r="T352" s="52">
        <v>0</v>
      </c>
      <c r="U352" s="52">
        <v>0</v>
      </c>
      <c r="V352" s="52">
        <v>0</v>
      </c>
      <c r="W352" s="52">
        <v>0</v>
      </c>
      <c r="X352" s="53">
        <v>0</v>
      </c>
    </row>
    <row r="353" spans="2:24" ht="21.6" x14ac:dyDescent="0.2">
      <c r="B353" s="77"/>
      <c r="C353" s="39" t="s">
        <v>59</v>
      </c>
      <c r="D353" s="45">
        <v>1391</v>
      </c>
      <c r="E353" s="46">
        <v>0</v>
      </c>
      <c r="F353" s="46">
        <v>0</v>
      </c>
      <c r="G353" s="46">
        <v>0</v>
      </c>
      <c r="H353" s="46">
        <v>0</v>
      </c>
      <c r="I353" s="46">
        <v>2.1</v>
      </c>
      <c r="J353" s="46">
        <v>4</v>
      </c>
      <c r="K353" s="46">
        <v>17</v>
      </c>
      <c r="L353" s="46">
        <v>7.8</v>
      </c>
      <c r="M353" s="46">
        <v>1.6</v>
      </c>
      <c r="N353" s="46">
        <v>0.6</v>
      </c>
      <c r="O353" s="46">
        <v>0</v>
      </c>
      <c r="P353" s="46">
        <v>0</v>
      </c>
      <c r="Q353" s="46">
        <v>0</v>
      </c>
      <c r="R353" s="46">
        <v>0</v>
      </c>
      <c r="S353" s="46">
        <v>0</v>
      </c>
      <c r="T353" s="46">
        <v>0</v>
      </c>
      <c r="U353" s="46">
        <v>0</v>
      </c>
      <c r="V353" s="46">
        <v>0</v>
      </c>
      <c r="W353" s="46">
        <v>0</v>
      </c>
      <c r="X353" s="47">
        <v>0</v>
      </c>
    </row>
    <row r="354" spans="2:24" x14ac:dyDescent="0.2">
      <c r="B354" s="77"/>
      <c r="C354" s="39" t="s">
        <v>60</v>
      </c>
      <c r="D354" s="45">
        <v>1325</v>
      </c>
      <c r="E354" s="46">
        <v>0</v>
      </c>
      <c r="F354" s="46">
        <v>0</v>
      </c>
      <c r="G354" s="46">
        <v>0</v>
      </c>
      <c r="H354" s="46">
        <v>0</v>
      </c>
      <c r="I354" s="46">
        <v>0</v>
      </c>
      <c r="J354" s="46">
        <v>0</v>
      </c>
      <c r="K354" s="46">
        <v>0</v>
      </c>
      <c r="L354" s="46">
        <v>0</v>
      </c>
      <c r="M354" s="46">
        <v>0</v>
      </c>
      <c r="N354" s="46">
        <v>0</v>
      </c>
      <c r="O354" s="46">
        <v>0</v>
      </c>
      <c r="P354" s="46">
        <v>0</v>
      </c>
      <c r="Q354" s="46">
        <v>0</v>
      </c>
      <c r="R354" s="46">
        <v>0</v>
      </c>
      <c r="S354" s="46">
        <v>0</v>
      </c>
      <c r="T354" s="46">
        <v>0</v>
      </c>
      <c r="U354" s="46">
        <v>0</v>
      </c>
      <c r="V354" s="46">
        <v>0</v>
      </c>
      <c r="W354" s="46">
        <v>0</v>
      </c>
      <c r="X354" s="47">
        <v>0</v>
      </c>
    </row>
    <row r="355" spans="2:24" x14ac:dyDescent="0.2">
      <c r="B355" s="77"/>
      <c r="C355" s="39" t="s">
        <v>61</v>
      </c>
      <c r="D355" s="45">
        <v>675</v>
      </c>
      <c r="E355" s="46">
        <v>0</v>
      </c>
      <c r="F355" s="46">
        <v>0</v>
      </c>
      <c r="G355" s="46">
        <v>0</v>
      </c>
      <c r="H355" s="46">
        <v>0</v>
      </c>
      <c r="I355" s="46">
        <v>6.8</v>
      </c>
      <c r="J355" s="46">
        <v>11.9</v>
      </c>
      <c r="K355" s="46">
        <v>49.5</v>
      </c>
      <c r="L355" s="46">
        <v>24.3</v>
      </c>
      <c r="M355" s="46">
        <v>5</v>
      </c>
      <c r="N355" s="46">
        <v>2.5</v>
      </c>
      <c r="O355" s="46">
        <v>0</v>
      </c>
      <c r="P355" s="46">
        <v>0</v>
      </c>
      <c r="Q355" s="46">
        <v>0</v>
      </c>
      <c r="R355" s="46">
        <v>0</v>
      </c>
      <c r="S355" s="46">
        <v>0</v>
      </c>
      <c r="T355" s="46">
        <v>0</v>
      </c>
      <c r="U355" s="46">
        <v>0</v>
      </c>
      <c r="V355" s="46">
        <v>0</v>
      </c>
      <c r="W355" s="46">
        <v>0</v>
      </c>
      <c r="X355" s="47">
        <v>0</v>
      </c>
    </row>
    <row r="356" spans="2:24" x14ac:dyDescent="0.2">
      <c r="B356" s="77"/>
      <c r="C356" s="39" t="s">
        <v>62</v>
      </c>
      <c r="D356" s="45">
        <v>1086</v>
      </c>
      <c r="E356" s="46">
        <v>0</v>
      </c>
      <c r="F356" s="46">
        <v>0</v>
      </c>
      <c r="G356" s="46">
        <v>0</v>
      </c>
      <c r="H356" s="46">
        <v>0</v>
      </c>
      <c r="I356" s="46">
        <v>2.2000000000000002</v>
      </c>
      <c r="J356" s="46">
        <v>3.9</v>
      </c>
      <c r="K356" s="46">
        <v>15.1</v>
      </c>
      <c r="L356" s="46">
        <v>8.6</v>
      </c>
      <c r="M356" s="46">
        <v>1.9</v>
      </c>
      <c r="N356" s="46">
        <v>1.1000000000000001</v>
      </c>
      <c r="O356" s="46">
        <v>0</v>
      </c>
      <c r="P356" s="46">
        <v>0</v>
      </c>
      <c r="Q356" s="46">
        <v>0</v>
      </c>
      <c r="R356" s="46">
        <v>0</v>
      </c>
      <c r="S356" s="46">
        <v>0</v>
      </c>
      <c r="T356" s="46">
        <v>0</v>
      </c>
      <c r="U356" s="46">
        <v>0</v>
      </c>
      <c r="V356" s="46">
        <v>0</v>
      </c>
      <c r="W356" s="46">
        <v>0</v>
      </c>
      <c r="X356" s="47">
        <v>0</v>
      </c>
    </row>
    <row r="357" spans="2:24" ht="21.6" x14ac:dyDescent="0.2">
      <c r="B357" s="77"/>
      <c r="C357" s="39" t="s">
        <v>63</v>
      </c>
      <c r="D357" s="45">
        <v>203</v>
      </c>
      <c r="E357" s="46">
        <v>0</v>
      </c>
      <c r="F357" s="46">
        <v>0</v>
      </c>
      <c r="G357" s="46">
        <v>0</v>
      </c>
      <c r="H357" s="46">
        <v>0</v>
      </c>
      <c r="I357" s="46">
        <v>1.5</v>
      </c>
      <c r="J357" s="46">
        <v>2.5</v>
      </c>
      <c r="K357" s="46">
        <v>17.2</v>
      </c>
      <c r="L357" s="46">
        <v>8.4</v>
      </c>
      <c r="M357" s="46">
        <v>2</v>
      </c>
      <c r="N357" s="46">
        <v>1</v>
      </c>
      <c r="O357" s="46">
        <v>0</v>
      </c>
      <c r="P357" s="46">
        <v>0</v>
      </c>
      <c r="Q357" s="46">
        <v>0</v>
      </c>
      <c r="R357" s="46">
        <v>0</v>
      </c>
      <c r="S357" s="46">
        <v>0</v>
      </c>
      <c r="T357" s="46">
        <v>0</v>
      </c>
      <c r="U357" s="46">
        <v>0</v>
      </c>
      <c r="V357" s="46">
        <v>0</v>
      </c>
      <c r="W357" s="46">
        <v>0</v>
      </c>
      <c r="X357" s="47">
        <v>0</v>
      </c>
    </row>
    <row r="358" spans="2:24" x14ac:dyDescent="0.2">
      <c r="B358" s="77"/>
      <c r="C358" s="39" t="s">
        <v>64</v>
      </c>
      <c r="D358" s="45">
        <v>263</v>
      </c>
      <c r="E358" s="46">
        <v>0</v>
      </c>
      <c r="F358" s="46">
        <v>0</v>
      </c>
      <c r="G358" s="46">
        <v>0</v>
      </c>
      <c r="H358" s="46">
        <v>0</v>
      </c>
      <c r="I358" s="46">
        <v>2.7</v>
      </c>
      <c r="J358" s="46">
        <v>4.2</v>
      </c>
      <c r="K358" s="46">
        <v>14.4</v>
      </c>
      <c r="L358" s="46">
        <v>7.6</v>
      </c>
      <c r="M358" s="46">
        <v>1.5</v>
      </c>
      <c r="N358" s="46">
        <v>0.8</v>
      </c>
      <c r="O358" s="46">
        <v>0</v>
      </c>
      <c r="P358" s="46">
        <v>0</v>
      </c>
      <c r="Q358" s="46">
        <v>0</v>
      </c>
      <c r="R358" s="46">
        <v>0</v>
      </c>
      <c r="S358" s="46">
        <v>0</v>
      </c>
      <c r="T358" s="46">
        <v>0</v>
      </c>
      <c r="U358" s="46">
        <v>0</v>
      </c>
      <c r="V358" s="46">
        <v>0</v>
      </c>
      <c r="W358" s="46">
        <v>0</v>
      </c>
      <c r="X358" s="47">
        <v>0</v>
      </c>
    </row>
    <row r="359" spans="2:24" x14ac:dyDescent="0.2">
      <c r="B359" s="77"/>
      <c r="C359" s="39" t="s">
        <v>65</v>
      </c>
      <c r="D359" s="45">
        <v>312</v>
      </c>
      <c r="E359" s="46">
        <v>0</v>
      </c>
      <c r="F359" s="46">
        <v>0</v>
      </c>
      <c r="G359" s="46">
        <v>0</v>
      </c>
      <c r="H359" s="46">
        <v>0</v>
      </c>
      <c r="I359" s="46">
        <v>3.2</v>
      </c>
      <c r="J359" s="46">
        <v>3.5</v>
      </c>
      <c r="K359" s="46">
        <v>13.1</v>
      </c>
      <c r="L359" s="46">
        <v>9.3000000000000007</v>
      </c>
      <c r="M359" s="46">
        <v>1.9</v>
      </c>
      <c r="N359" s="46">
        <v>1.6</v>
      </c>
      <c r="O359" s="46">
        <v>0</v>
      </c>
      <c r="P359" s="46">
        <v>0</v>
      </c>
      <c r="Q359" s="46">
        <v>0</v>
      </c>
      <c r="R359" s="46">
        <v>0</v>
      </c>
      <c r="S359" s="46">
        <v>0</v>
      </c>
      <c r="T359" s="46">
        <v>0</v>
      </c>
      <c r="U359" s="46">
        <v>0</v>
      </c>
      <c r="V359" s="46">
        <v>0</v>
      </c>
      <c r="W359" s="46">
        <v>0</v>
      </c>
      <c r="X359" s="47">
        <v>0</v>
      </c>
    </row>
    <row r="360" spans="2:24" x14ac:dyDescent="0.2">
      <c r="B360" s="77"/>
      <c r="C360" s="39" t="s">
        <v>66</v>
      </c>
      <c r="D360" s="45">
        <v>230</v>
      </c>
      <c r="E360" s="46">
        <v>0</v>
      </c>
      <c r="F360" s="46">
        <v>0</v>
      </c>
      <c r="G360" s="46">
        <v>0</v>
      </c>
      <c r="H360" s="46">
        <v>0</v>
      </c>
      <c r="I360" s="46">
        <v>1.3</v>
      </c>
      <c r="J360" s="46">
        <v>4.8</v>
      </c>
      <c r="K360" s="46">
        <v>17.399999999999999</v>
      </c>
      <c r="L360" s="46">
        <v>7.8</v>
      </c>
      <c r="M360" s="46">
        <v>1.7</v>
      </c>
      <c r="N360" s="46">
        <v>0.9</v>
      </c>
      <c r="O360" s="46">
        <v>0</v>
      </c>
      <c r="P360" s="46">
        <v>0</v>
      </c>
      <c r="Q360" s="46">
        <v>0</v>
      </c>
      <c r="R360" s="46">
        <v>0</v>
      </c>
      <c r="S360" s="46">
        <v>0</v>
      </c>
      <c r="T360" s="46">
        <v>0</v>
      </c>
      <c r="U360" s="46">
        <v>0</v>
      </c>
      <c r="V360" s="46">
        <v>0</v>
      </c>
      <c r="W360" s="46">
        <v>0</v>
      </c>
      <c r="X360" s="47">
        <v>0</v>
      </c>
    </row>
    <row r="361" spans="2:24" x14ac:dyDescent="0.2">
      <c r="B361" s="77"/>
      <c r="C361" s="39" t="s">
        <v>67</v>
      </c>
      <c r="D361" s="45">
        <v>78</v>
      </c>
      <c r="E361" s="46">
        <v>0</v>
      </c>
      <c r="F361" s="46">
        <v>0</v>
      </c>
      <c r="G361" s="46">
        <v>0</v>
      </c>
      <c r="H361" s="46">
        <v>0</v>
      </c>
      <c r="I361" s="46">
        <v>1.3</v>
      </c>
      <c r="J361" s="46">
        <v>5.0999999999999996</v>
      </c>
      <c r="K361" s="46">
        <v>12.8</v>
      </c>
      <c r="L361" s="46">
        <v>11.5</v>
      </c>
      <c r="M361" s="46">
        <v>3.8</v>
      </c>
      <c r="N361" s="46">
        <v>1.3</v>
      </c>
      <c r="O361" s="46">
        <v>0</v>
      </c>
      <c r="P361" s="46">
        <v>0</v>
      </c>
      <c r="Q361" s="46">
        <v>0</v>
      </c>
      <c r="R361" s="46">
        <v>0</v>
      </c>
      <c r="S361" s="46">
        <v>0</v>
      </c>
      <c r="T361" s="46">
        <v>0</v>
      </c>
      <c r="U361" s="46">
        <v>0</v>
      </c>
      <c r="V361" s="46">
        <v>0</v>
      </c>
      <c r="W361" s="46">
        <v>0</v>
      </c>
      <c r="X361" s="47">
        <v>0</v>
      </c>
    </row>
    <row r="362" spans="2:24" x14ac:dyDescent="0.2">
      <c r="B362" s="77"/>
      <c r="C362" s="39" t="s">
        <v>68</v>
      </c>
      <c r="D362" s="45">
        <v>897</v>
      </c>
      <c r="E362" s="46">
        <v>0</v>
      </c>
      <c r="F362" s="46">
        <v>0</v>
      </c>
      <c r="G362" s="46">
        <v>0</v>
      </c>
      <c r="H362" s="46">
        <v>0</v>
      </c>
      <c r="I362" s="46">
        <v>2.2000000000000002</v>
      </c>
      <c r="J362" s="46">
        <v>3.3</v>
      </c>
      <c r="K362" s="46">
        <v>15.3</v>
      </c>
      <c r="L362" s="46">
        <v>8.6999999999999993</v>
      </c>
      <c r="M362" s="46">
        <v>1.8</v>
      </c>
      <c r="N362" s="46">
        <v>1.2</v>
      </c>
      <c r="O362" s="46">
        <v>0</v>
      </c>
      <c r="P362" s="46">
        <v>0</v>
      </c>
      <c r="Q362" s="46">
        <v>0</v>
      </c>
      <c r="R362" s="46">
        <v>0</v>
      </c>
      <c r="S362" s="46">
        <v>0</v>
      </c>
      <c r="T362" s="46">
        <v>0</v>
      </c>
      <c r="U362" s="46">
        <v>0</v>
      </c>
      <c r="V362" s="46">
        <v>0</v>
      </c>
      <c r="W362" s="46">
        <v>0</v>
      </c>
      <c r="X362" s="47">
        <v>0</v>
      </c>
    </row>
    <row r="363" spans="2:24" x14ac:dyDescent="0.2">
      <c r="B363" s="77"/>
      <c r="C363" s="39" t="s">
        <v>69</v>
      </c>
      <c r="D363" s="45">
        <v>189</v>
      </c>
      <c r="E363" s="46">
        <v>0</v>
      </c>
      <c r="F363" s="46">
        <v>0</v>
      </c>
      <c r="G363" s="46">
        <v>0</v>
      </c>
      <c r="H363" s="46">
        <v>0</v>
      </c>
      <c r="I363" s="46">
        <v>2.1</v>
      </c>
      <c r="J363" s="46">
        <v>6.3</v>
      </c>
      <c r="K363" s="46">
        <v>14.3</v>
      </c>
      <c r="L363" s="46">
        <v>7.9</v>
      </c>
      <c r="M363" s="46">
        <v>2.6</v>
      </c>
      <c r="N363" s="46">
        <v>0.5</v>
      </c>
      <c r="O363" s="46">
        <v>0</v>
      </c>
      <c r="P363" s="46">
        <v>0</v>
      </c>
      <c r="Q363" s="46">
        <v>0</v>
      </c>
      <c r="R363" s="46">
        <v>0</v>
      </c>
      <c r="S363" s="46">
        <v>0</v>
      </c>
      <c r="T363" s="46">
        <v>0</v>
      </c>
      <c r="U363" s="46">
        <v>0</v>
      </c>
      <c r="V363" s="46">
        <v>0</v>
      </c>
      <c r="W363" s="46">
        <v>0</v>
      </c>
      <c r="X363" s="47">
        <v>0</v>
      </c>
    </row>
    <row r="364" spans="2:24" x14ac:dyDescent="0.2">
      <c r="B364" s="77"/>
      <c r="C364" s="39" t="s">
        <v>70</v>
      </c>
      <c r="D364" s="45">
        <v>914</v>
      </c>
      <c r="E364" s="46">
        <v>0</v>
      </c>
      <c r="F364" s="46">
        <v>0</v>
      </c>
      <c r="G364" s="46">
        <v>0</v>
      </c>
      <c r="H364" s="46">
        <v>0</v>
      </c>
      <c r="I364" s="46">
        <v>2.4</v>
      </c>
      <c r="J364" s="46">
        <v>4.2</v>
      </c>
      <c r="K364" s="46">
        <v>18.600000000000001</v>
      </c>
      <c r="L364" s="46">
        <v>7.8</v>
      </c>
      <c r="M364" s="46">
        <v>1.4</v>
      </c>
      <c r="N364" s="46">
        <v>0.5</v>
      </c>
      <c r="O364" s="46">
        <v>0</v>
      </c>
      <c r="P364" s="46">
        <v>0</v>
      </c>
      <c r="Q364" s="46">
        <v>0</v>
      </c>
      <c r="R364" s="46">
        <v>0</v>
      </c>
      <c r="S364" s="46">
        <v>0</v>
      </c>
      <c r="T364" s="46">
        <v>0</v>
      </c>
      <c r="U364" s="46">
        <v>0</v>
      </c>
      <c r="V364" s="46">
        <v>0</v>
      </c>
      <c r="W364" s="46">
        <v>0</v>
      </c>
      <c r="X364" s="47">
        <v>0</v>
      </c>
    </row>
    <row r="365" spans="2:24" ht="21.6" x14ac:dyDescent="0.2">
      <c r="B365" s="77"/>
      <c r="C365" s="39" t="s">
        <v>63</v>
      </c>
      <c r="D365" s="45">
        <v>193</v>
      </c>
      <c r="E365" s="46">
        <v>0</v>
      </c>
      <c r="F365" s="46">
        <v>0</v>
      </c>
      <c r="G365" s="46">
        <v>0</v>
      </c>
      <c r="H365" s="46">
        <v>0</v>
      </c>
      <c r="I365" s="46">
        <v>2.6</v>
      </c>
      <c r="J365" s="46">
        <v>4.0999999999999996</v>
      </c>
      <c r="K365" s="46">
        <v>19.2</v>
      </c>
      <c r="L365" s="46">
        <v>5.2</v>
      </c>
      <c r="M365" s="46">
        <v>2.1</v>
      </c>
      <c r="N365" s="46">
        <v>0</v>
      </c>
      <c r="O365" s="46">
        <v>0</v>
      </c>
      <c r="P365" s="46">
        <v>0</v>
      </c>
      <c r="Q365" s="46">
        <v>0</v>
      </c>
      <c r="R365" s="46">
        <v>0</v>
      </c>
      <c r="S365" s="46">
        <v>0</v>
      </c>
      <c r="T365" s="46">
        <v>0</v>
      </c>
      <c r="U365" s="46">
        <v>0</v>
      </c>
      <c r="V365" s="46">
        <v>0</v>
      </c>
      <c r="W365" s="46">
        <v>0</v>
      </c>
      <c r="X365" s="47">
        <v>0</v>
      </c>
    </row>
    <row r="366" spans="2:24" x14ac:dyDescent="0.2">
      <c r="B366" s="77"/>
      <c r="C366" s="39" t="s">
        <v>64</v>
      </c>
      <c r="D366" s="45">
        <v>203</v>
      </c>
      <c r="E366" s="46">
        <v>0</v>
      </c>
      <c r="F366" s="46">
        <v>0</v>
      </c>
      <c r="G366" s="46">
        <v>0</v>
      </c>
      <c r="H366" s="46">
        <v>0</v>
      </c>
      <c r="I366" s="46">
        <v>2.5</v>
      </c>
      <c r="J366" s="46">
        <v>2.5</v>
      </c>
      <c r="K366" s="46">
        <v>19.2</v>
      </c>
      <c r="L366" s="46">
        <v>7.9</v>
      </c>
      <c r="M366" s="46">
        <v>1</v>
      </c>
      <c r="N366" s="46">
        <v>1</v>
      </c>
      <c r="O366" s="46">
        <v>0</v>
      </c>
      <c r="P366" s="46">
        <v>0</v>
      </c>
      <c r="Q366" s="46">
        <v>0</v>
      </c>
      <c r="R366" s="46">
        <v>0</v>
      </c>
      <c r="S366" s="46">
        <v>0</v>
      </c>
      <c r="T366" s="46">
        <v>0</v>
      </c>
      <c r="U366" s="46">
        <v>0</v>
      </c>
      <c r="V366" s="46">
        <v>0</v>
      </c>
      <c r="W366" s="46">
        <v>0</v>
      </c>
      <c r="X366" s="47">
        <v>0</v>
      </c>
    </row>
    <row r="367" spans="2:24" x14ac:dyDescent="0.2">
      <c r="B367" s="77"/>
      <c r="C367" s="39" t="s">
        <v>65</v>
      </c>
      <c r="D367" s="45">
        <v>263</v>
      </c>
      <c r="E367" s="46">
        <v>0</v>
      </c>
      <c r="F367" s="46">
        <v>0</v>
      </c>
      <c r="G367" s="46">
        <v>0</v>
      </c>
      <c r="H367" s="46">
        <v>0</v>
      </c>
      <c r="I367" s="46">
        <v>2.7</v>
      </c>
      <c r="J367" s="46">
        <v>3.8</v>
      </c>
      <c r="K367" s="46">
        <v>18.3</v>
      </c>
      <c r="L367" s="46">
        <v>9.5</v>
      </c>
      <c r="M367" s="46">
        <v>0.4</v>
      </c>
      <c r="N367" s="46">
        <v>0.8</v>
      </c>
      <c r="O367" s="46">
        <v>0</v>
      </c>
      <c r="P367" s="46">
        <v>0</v>
      </c>
      <c r="Q367" s="46">
        <v>0</v>
      </c>
      <c r="R367" s="46">
        <v>0</v>
      </c>
      <c r="S367" s="46">
        <v>0</v>
      </c>
      <c r="T367" s="46">
        <v>0</v>
      </c>
      <c r="U367" s="46">
        <v>0</v>
      </c>
      <c r="V367" s="46">
        <v>0</v>
      </c>
      <c r="W367" s="46">
        <v>0</v>
      </c>
      <c r="X367" s="47">
        <v>0</v>
      </c>
    </row>
    <row r="368" spans="2:24" x14ac:dyDescent="0.2">
      <c r="B368" s="77"/>
      <c r="C368" s="39" t="s">
        <v>66</v>
      </c>
      <c r="D368" s="45">
        <v>194</v>
      </c>
      <c r="E368" s="46">
        <v>0</v>
      </c>
      <c r="F368" s="46">
        <v>0</v>
      </c>
      <c r="G368" s="46">
        <v>0</v>
      </c>
      <c r="H368" s="46">
        <v>0</v>
      </c>
      <c r="I368" s="46">
        <v>2.6</v>
      </c>
      <c r="J368" s="46">
        <v>5.2</v>
      </c>
      <c r="K368" s="46">
        <v>19.100000000000001</v>
      </c>
      <c r="L368" s="46">
        <v>7.2</v>
      </c>
      <c r="M368" s="46">
        <v>2.1</v>
      </c>
      <c r="N368" s="46">
        <v>0.5</v>
      </c>
      <c r="O368" s="46">
        <v>0</v>
      </c>
      <c r="P368" s="46">
        <v>0</v>
      </c>
      <c r="Q368" s="46">
        <v>0</v>
      </c>
      <c r="R368" s="46">
        <v>0</v>
      </c>
      <c r="S368" s="46">
        <v>0</v>
      </c>
      <c r="T368" s="46">
        <v>0</v>
      </c>
      <c r="U368" s="46">
        <v>0</v>
      </c>
      <c r="V368" s="46">
        <v>0</v>
      </c>
      <c r="W368" s="46">
        <v>0</v>
      </c>
      <c r="X368" s="47">
        <v>0</v>
      </c>
    </row>
    <row r="369" spans="1:25" x14ac:dyDescent="0.2">
      <c r="B369" s="77"/>
      <c r="C369" s="39" t="s">
        <v>67</v>
      </c>
      <c r="D369" s="45">
        <v>61</v>
      </c>
      <c r="E369" s="46">
        <v>0</v>
      </c>
      <c r="F369" s="46">
        <v>0</v>
      </c>
      <c r="G369" s="46">
        <v>0</v>
      </c>
      <c r="H369" s="46">
        <v>0</v>
      </c>
      <c r="I369" s="46">
        <v>0</v>
      </c>
      <c r="J369" s="46">
        <v>8.1999999999999993</v>
      </c>
      <c r="K369" s="46">
        <v>14.8</v>
      </c>
      <c r="L369" s="46">
        <v>9.8000000000000007</v>
      </c>
      <c r="M369" s="46">
        <v>3.3</v>
      </c>
      <c r="N369" s="46">
        <v>0</v>
      </c>
      <c r="O369" s="46">
        <v>0</v>
      </c>
      <c r="P369" s="46">
        <v>0</v>
      </c>
      <c r="Q369" s="46">
        <v>0</v>
      </c>
      <c r="R369" s="46">
        <v>0</v>
      </c>
      <c r="S369" s="46">
        <v>0</v>
      </c>
      <c r="T369" s="46">
        <v>0</v>
      </c>
      <c r="U369" s="46">
        <v>0</v>
      </c>
      <c r="V369" s="46">
        <v>0</v>
      </c>
      <c r="W369" s="46">
        <v>0</v>
      </c>
      <c r="X369" s="47">
        <v>0</v>
      </c>
    </row>
    <row r="370" spans="1:25" x14ac:dyDescent="0.2">
      <c r="B370" s="77"/>
      <c r="C370" s="39" t="s">
        <v>68</v>
      </c>
      <c r="D370" s="45">
        <v>416</v>
      </c>
      <c r="E370" s="46">
        <v>0</v>
      </c>
      <c r="F370" s="46">
        <v>0</v>
      </c>
      <c r="G370" s="46">
        <v>0</v>
      </c>
      <c r="H370" s="46">
        <v>0</v>
      </c>
      <c r="I370" s="46">
        <v>2.6</v>
      </c>
      <c r="J370" s="46">
        <v>4.0999999999999996</v>
      </c>
      <c r="K370" s="46">
        <v>18.3</v>
      </c>
      <c r="L370" s="46">
        <v>6.7</v>
      </c>
      <c r="M370" s="46">
        <v>1</v>
      </c>
      <c r="N370" s="46">
        <v>0.7</v>
      </c>
      <c r="O370" s="46">
        <v>0</v>
      </c>
      <c r="P370" s="46">
        <v>0</v>
      </c>
      <c r="Q370" s="46">
        <v>0</v>
      </c>
      <c r="R370" s="46">
        <v>0</v>
      </c>
      <c r="S370" s="46">
        <v>0</v>
      </c>
      <c r="T370" s="46">
        <v>0</v>
      </c>
      <c r="U370" s="46">
        <v>0</v>
      </c>
      <c r="V370" s="46">
        <v>0</v>
      </c>
      <c r="W370" s="46">
        <v>0</v>
      </c>
      <c r="X370" s="47">
        <v>0</v>
      </c>
    </row>
    <row r="371" spans="1:25" x14ac:dyDescent="0.2">
      <c r="B371" s="77"/>
      <c r="C371" s="40" t="s">
        <v>69</v>
      </c>
      <c r="D371" s="48">
        <v>498</v>
      </c>
      <c r="E371" s="49">
        <v>0</v>
      </c>
      <c r="F371" s="49">
        <v>0</v>
      </c>
      <c r="G371" s="49">
        <v>0</v>
      </c>
      <c r="H371" s="49">
        <v>0</v>
      </c>
      <c r="I371" s="49">
        <v>2.2000000000000002</v>
      </c>
      <c r="J371" s="49">
        <v>4.2</v>
      </c>
      <c r="K371" s="49">
        <v>18.899999999999999</v>
      </c>
      <c r="L371" s="49">
        <v>8.6</v>
      </c>
      <c r="M371" s="49">
        <v>1.8</v>
      </c>
      <c r="N371" s="49">
        <v>0.4</v>
      </c>
      <c r="O371" s="49">
        <v>0</v>
      </c>
      <c r="P371" s="49">
        <v>0</v>
      </c>
      <c r="Q371" s="49">
        <v>0</v>
      </c>
      <c r="R371" s="49">
        <v>0</v>
      </c>
      <c r="S371" s="49">
        <v>0</v>
      </c>
      <c r="T371" s="49">
        <v>0</v>
      </c>
      <c r="U371" s="49">
        <v>0</v>
      </c>
      <c r="V371" s="49">
        <v>0</v>
      </c>
      <c r="W371" s="49">
        <v>0</v>
      </c>
      <c r="X371" s="50">
        <v>0</v>
      </c>
    </row>
    <row r="372" spans="1:25" x14ac:dyDescent="0.2">
      <c r="B372" s="7" t="s">
        <v>71</v>
      </c>
      <c r="C372" s="4" t="s">
        <v>78</v>
      </c>
    </row>
    <row r="373" spans="1:25" x14ac:dyDescent="0.2">
      <c r="B373" s="4"/>
      <c r="C373" s="4" t="s">
        <v>73</v>
      </c>
    </row>
    <row r="375" spans="1:25" x14ac:dyDescent="0.2">
      <c r="C375" t="s">
        <v>35</v>
      </c>
    </row>
    <row r="376" spans="1:25" x14ac:dyDescent="0.2">
      <c r="B376" s="75" t="s">
        <v>262</v>
      </c>
      <c r="C376" s="76"/>
      <c r="D376" s="76"/>
      <c r="E376" s="76"/>
      <c r="F376" s="76"/>
      <c r="G376" s="76"/>
      <c r="H376" s="76"/>
      <c r="I376" s="76"/>
      <c r="J376" s="76"/>
      <c r="K376" s="76"/>
      <c r="L376" s="76"/>
      <c r="M376" s="76"/>
      <c r="N376" s="76"/>
      <c r="O376" s="76"/>
      <c r="P376" s="76"/>
      <c r="Q376" s="76"/>
      <c r="R376" s="76"/>
      <c r="S376" s="76"/>
      <c r="T376" s="76"/>
      <c r="U376" s="76"/>
      <c r="V376" s="76"/>
      <c r="W376" s="76"/>
      <c r="X376" s="76"/>
      <c r="Y376" s="76"/>
    </row>
    <row r="377" spans="1:25" s="32" customFormat="1" ht="36.450000000000003" customHeight="1" x14ac:dyDescent="0.15">
      <c r="A377" s="31"/>
      <c r="D377" s="33" t="s">
        <v>378</v>
      </c>
      <c r="E377" s="36" t="s">
        <v>441</v>
      </c>
      <c r="F377" s="55" t="s">
        <v>442</v>
      </c>
      <c r="G377" s="55" t="s">
        <v>443</v>
      </c>
      <c r="H377" s="55" t="s">
        <v>444</v>
      </c>
      <c r="I377" s="55" t="s">
        <v>445</v>
      </c>
      <c r="J377" s="55" t="s">
        <v>446</v>
      </c>
      <c r="K377" s="37" t="s">
        <v>447</v>
      </c>
      <c r="L377" s="35" t="s">
        <v>381</v>
      </c>
    </row>
    <row r="378" spans="1:25" ht="21.6" x14ac:dyDescent="0.2">
      <c r="B378" s="77" t="s">
        <v>37</v>
      </c>
      <c r="C378" s="38" t="s">
        <v>58</v>
      </c>
      <c r="D378" s="51">
        <v>609</v>
      </c>
      <c r="E378" s="52">
        <v>0</v>
      </c>
      <c r="F378" s="52">
        <v>0</v>
      </c>
      <c r="G378" s="52">
        <v>0</v>
      </c>
      <c r="H378" s="52">
        <v>0</v>
      </c>
      <c r="I378" s="52">
        <v>0</v>
      </c>
      <c r="J378" s="52">
        <v>0</v>
      </c>
      <c r="K378" s="53">
        <v>0</v>
      </c>
    </row>
    <row r="379" spans="1:25" ht="21.6" x14ac:dyDescent="0.2">
      <c r="B379" s="77"/>
      <c r="C379" s="39" t="s">
        <v>59</v>
      </c>
      <c r="D379" s="45">
        <v>1391</v>
      </c>
      <c r="E379" s="46">
        <v>0</v>
      </c>
      <c r="F379" s="46">
        <v>0</v>
      </c>
      <c r="G379" s="46">
        <v>0</v>
      </c>
      <c r="H379" s="46">
        <v>0</v>
      </c>
      <c r="I379" s="46">
        <v>0</v>
      </c>
      <c r="J379" s="46">
        <v>0</v>
      </c>
      <c r="K379" s="47">
        <v>0</v>
      </c>
    </row>
    <row r="380" spans="1:25" x14ac:dyDescent="0.2">
      <c r="B380" s="77"/>
      <c r="C380" s="39" t="s">
        <v>60</v>
      </c>
      <c r="D380" s="45">
        <v>1325</v>
      </c>
      <c r="E380" s="46">
        <v>0</v>
      </c>
      <c r="F380" s="46">
        <v>0</v>
      </c>
      <c r="G380" s="46">
        <v>0</v>
      </c>
      <c r="H380" s="46">
        <v>0</v>
      </c>
      <c r="I380" s="46">
        <v>0</v>
      </c>
      <c r="J380" s="46">
        <v>0</v>
      </c>
      <c r="K380" s="47">
        <v>0</v>
      </c>
    </row>
    <row r="381" spans="1:25" x14ac:dyDescent="0.2">
      <c r="B381" s="77"/>
      <c r="C381" s="39" t="s">
        <v>61</v>
      </c>
      <c r="D381" s="45">
        <v>675</v>
      </c>
      <c r="E381" s="46">
        <v>0</v>
      </c>
      <c r="F381" s="46">
        <v>0</v>
      </c>
      <c r="G381" s="46">
        <v>0</v>
      </c>
      <c r="H381" s="46">
        <v>0</v>
      </c>
      <c r="I381" s="46">
        <v>0</v>
      </c>
      <c r="J381" s="46">
        <v>0</v>
      </c>
      <c r="K381" s="47">
        <v>0</v>
      </c>
    </row>
    <row r="382" spans="1:25" x14ac:dyDescent="0.2">
      <c r="B382" s="77"/>
      <c r="C382" s="39" t="s">
        <v>62</v>
      </c>
      <c r="D382" s="45">
        <v>1086</v>
      </c>
      <c r="E382" s="46">
        <v>0</v>
      </c>
      <c r="F382" s="46">
        <v>0</v>
      </c>
      <c r="G382" s="46">
        <v>0</v>
      </c>
      <c r="H382" s="46">
        <v>0</v>
      </c>
      <c r="I382" s="46">
        <v>0</v>
      </c>
      <c r="J382" s="46">
        <v>0</v>
      </c>
      <c r="K382" s="47">
        <v>0</v>
      </c>
    </row>
    <row r="383" spans="1:25" ht="21.6" x14ac:dyDescent="0.2">
      <c r="B383" s="77"/>
      <c r="C383" s="39" t="s">
        <v>63</v>
      </c>
      <c r="D383" s="45">
        <v>203</v>
      </c>
      <c r="E383" s="46">
        <v>0</v>
      </c>
      <c r="F383" s="46">
        <v>0</v>
      </c>
      <c r="G383" s="46">
        <v>0</v>
      </c>
      <c r="H383" s="46">
        <v>0</v>
      </c>
      <c r="I383" s="46">
        <v>0</v>
      </c>
      <c r="J383" s="46">
        <v>0</v>
      </c>
      <c r="K383" s="47">
        <v>0</v>
      </c>
    </row>
    <row r="384" spans="1:25" x14ac:dyDescent="0.2">
      <c r="B384" s="77"/>
      <c r="C384" s="39" t="s">
        <v>64</v>
      </c>
      <c r="D384" s="45">
        <v>263</v>
      </c>
      <c r="E384" s="46">
        <v>0</v>
      </c>
      <c r="F384" s="46">
        <v>0</v>
      </c>
      <c r="G384" s="46">
        <v>0</v>
      </c>
      <c r="H384" s="46">
        <v>0</v>
      </c>
      <c r="I384" s="46">
        <v>0</v>
      </c>
      <c r="J384" s="46">
        <v>0</v>
      </c>
      <c r="K384" s="47">
        <v>0</v>
      </c>
    </row>
    <row r="385" spans="2:11" x14ac:dyDescent="0.2">
      <c r="B385" s="77"/>
      <c r="C385" s="39" t="s">
        <v>65</v>
      </c>
      <c r="D385" s="45">
        <v>312</v>
      </c>
      <c r="E385" s="46">
        <v>0</v>
      </c>
      <c r="F385" s="46">
        <v>0</v>
      </c>
      <c r="G385" s="46">
        <v>0</v>
      </c>
      <c r="H385" s="46">
        <v>0</v>
      </c>
      <c r="I385" s="46">
        <v>0</v>
      </c>
      <c r="J385" s="46">
        <v>0</v>
      </c>
      <c r="K385" s="47">
        <v>0</v>
      </c>
    </row>
    <row r="386" spans="2:11" x14ac:dyDescent="0.2">
      <c r="B386" s="77"/>
      <c r="C386" s="39" t="s">
        <v>66</v>
      </c>
      <c r="D386" s="45">
        <v>230</v>
      </c>
      <c r="E386" s="46">
        <v>0</v>
      </c>
      <c r="F386" s="46">
        <v>0</v>
      </c>
      <c r="G386" s="46">
        <v>0</v>
      </c>
      <c r="H386" s="46">
        <v>0</v>
      </c>
      <c r="I386" s="46">
        <v>0</v>
      </c>
      <c r="J386" s="46">
        <v>0</v>
      </c>
      <c r="K386" s="47">
        <v>0</v>
      </c>
    </row>
    <row r="387" spans="2:11" x14ac:dyDescent="0.2">
      <c r="B387" s="77"/>
      <c r="C387" s="39" t="s">
        <v>67</v>
      </c>
      <c r="D387" s="45">
        <v>78</v>
      </c>
      <c r="E387" s="46">
        <v>0</v>
      </c>
      <c r="F387" s="46">
        <v>0</v>
      </c>
      <c r="G387" s="46">
        <v>0</v>
      </c>
      <c r="H387" s="46">
        <v>0</v>
      </c>
      <c r="I387" s="46">
        <v>0</v>
      </c>
      <c r="J387" s="46">
        <v>0</v>
      </c>
      <c r="K387" s="47">
        <v>0</v>
      </c>
    </row>
    <row r="388" spans="2:11" x14ac:dyDescent="0.2">
      <c r="B388" s="77"/>
      <c r="C388" s="39" t="s">
        <v>68</v>
      </c>
      <c r="D388" s="45">
        <v>897</v>
      </c>
      <c r="E388" s="46">
        <v>0</v>
      </c>
      <c r="F388" s="46">
        <v>0</v>
      </c>
      <c r="G388" s="46">
        <v>0</v>
      </c>
      <c r="H388" s="46">
        <v>0</v>
      </c>
      <c r="I388" s="46">
        <v>0</v>
      </c>
      <c r="J388" s="46">
        <v>0</v>
      </c>
      <c r="K388" s="47">
        <v>0</v>
      </c>
    </row>
    <row r="389" spans="2:11" x14ac:dyDescent="0.2">
      <c r="B389" s="77"/>
      <c r="C389" s="39" t="s">
        <v>69</v>
      </c>
      <c r="D389" s="45">
        <v>189</v>
      </c>
      <c r="E389" s="46">
        <v>0</v>
      </c>
      <c r="F389" s="46">
        <v>0</v>
      </c>
      <c r="G389" s="46">
        <v>0</v>
      </c>
      <c r="H389" s="46">
        <v>0</v>
      </c>
      <c r="I389" s="46">
        <v>0</v>
      </c>
      <c r="J389" s="46">
        <v>0</v>
      </c>
      <c r="K389" s="47">
        <v>0</v>
      </c>
    </row>
    <row r="390" spans="2:11" x14ac:dyDescent="0.2">
      <c r="B390" s="77"/>
      <c r="C390" s="39" t="s">
        <v>70</v>
      </c>
      <c r="D390" s="45">
        <v>914</v>
      </c>
      <c r="E390" s="46">
        <v>0</v>
      </c>
      <c r="F390" s="46">
        <v>0</v>
      </c>
      <c r="G390" s="46">
        <v>0</v>
      </c>
      <c r="H390" s="46">
        <v>0</v>
      </c>
      <c r="I390" s="46">
        <v>0</v>
      </c>
      <c r="J390" s="46">
        <v>0</v>
      </c>
      <c r="K390" s="47">
        <v>0</v>
      </c>
    </row>
    <row r="391" spans="2:11" ht="21.6" x14ac:dyDescent="0.2">
      <c r="B391" s="77"/>
      <c r="C391" s="39" t="s">
        <v>63</v>
      </c>
      <c r="D391" s="45">
        <v>193</v>
      </c>
      <c r="E391" s="46">
        <v>0</v>
      </c>
      <c r="F391" s="46">
        <v>0</v>
      </c>
      <c r="G391" s="46">
        <v>0</v>
      </c>
      <c r="H391" s="46">
        <v>0</v>
      </c>
      <c r="I391" s="46">
        <v>0</v>
      </c>
      <c r="J391" s="46">
        <v>0</v>
      </c>
      <c r="K391" s="47">
        <v>0</v>
      </c>
    </row>
    <row r="392" spans="2:11" x14ac:dyDescent="0.2">
      <c r="B392" s="77"/>
      <c r="C392" s="39" t="s">
        <v>64</v>
      </c>
      <c r="D392" s="45">
        <v>203</v>
      </c>
      <c r="E392" s="46">
        <v>0</v>
      </c>
      <c r="F392" s="46">
        <v>0</v>
      </c>
      <c r="G392" s="46">
        <v>0</v>
      </c>
      <c r="H392" s="46">
        <v>0</v>
      </c>
      <c r="I392" s="46">
        <v>0</v>
      </c>
      <c r="J392" s="46">
        <v>0</v>
      </c>
      <c r="K392" s="47">
        <v>0</v>
      </c>
    </row>
    <row r="393" spans="2:11" x14ac:dyDescent="0.2">
      <c r="B393" s="77"/>
      <c r="C393" s="39" t="s">
        <v>65</v>
      </c>
      <c r="D393" s="45">
        <v>263</v>
      </c>
      <c r="E393" s="46">
        <v>0</v>
      </c>
      <c r="F393" s="46">
        <v>0</v>
      </c>
      <c r="G393" s="46">
        <v>0</v>
      </c>
      <c r="H393" s="46">
        <v>0</v>
      </c>
      <c r="I393" s="46">
        <v>0</v>
      </c>
      <c r="J393" s="46">
        <v>0</v>
      </c>
      <c r="K393" s="47">
        <v>0</v>
      </c>
    </row>
    <row r="394" spans="2:11" x14ac:dyDescent="0.2">
      <c r="B394" s="77"/>
      <c r="C394" s="39" t="s">
        <v>66</v>
      </c>
      <c r="D394" s="45">
        <v>194</v>
      </c>
      <c r="E394" s="46">
        <v>0</v>
      </c>
      <c r="F394" s="46">
        <v>0</v>
      </c>
      <c r="G394" s="46">
        <v>0</v>
      </c>
      <c r="H394" s="46">
        <v>0</v>
      </c>
      <c r="I394" s="46">
        <v>0</v>
      </c>
      <c r="J394" s="46">
        <v>0</v>
      </c>
      <c r="K394" s="47">
        <v>0</v>
      </c>
    </row>
    <row r="395" spans="2:11" x14ac:dyDescent="0.2">
      <c r="B395" s="77"/>
      <c r="C395" s="39" t="s">
        <v>67</v>
      </c>
      <c r="D395" s="45">
        <v>61</v>
      </c>
      <c r="E395" s="46">
        <v>0</v>
      </c>
      <c r="F395" s="46">
        <v>0</v>
      </c>
      <c r="G395" s="46">
        <v>0</v>
      </c>
      <c r="H395" s="46">
        <v>0</v>
      </c>
      <c r="I395" s="46">
        <v>0</v>
      </c>
      <c r="J395" s="46">
        <v>0</v>
      </c>
      <c r="K395" s="47">
        <v>0</v>
      </c>
    </row>
    <row r="396" spans="2:11" x14ac:dyDescent="0.2">
      <c r="B396" s="77"/>
      <c r="C396" s="39" t="s">
        <v>68</v>
      </c>
      <c r="D396" s="45">
        <v>416</v>
      </c>
      <c r="E396" s="46">
        <v>0</v>
      </c>
      <c r="F396" s="46">
        <v>0</v>
      </c>
      <c r="G396" s="46">
        <v>0</v>
      </c>
      <c r="H396" s="46">
        <v>0</v>
      </c>
      <c r="I396" s="46">
        <v>0</v>
      </c>
      <c r="J396" s="46">
        <v>0</v>
      </c>
      <c r="K396" s="47">
        <v>0</v>
      </c>
    </row>
    <row r="397" spans="2:11" x14ac:dyDescent="0.2">
      <c r="B397" s="77"/>
      <c r="C397" s="40" t="s">
        <v>69</v>
      </c>
      <c r="D397" s="48">
        <v>498</v>
      </c>
      <c r="E397" s="49">
        <v>0</v>
      </c>
      <c r="F397" s="49">
        <v>0</v>
      </c>
      <c r="G397" s="49">
        <v>0</v>
      </c>
      <c r="H397" s="49">
        <v>0</v>
      </c>
      <c r="I397" s="49">
        <v>0</v>
      </c>
      <c r="J397" s="49">
        <v>0</v>
      </c>
      <c r="K397" s="50">
        <v>0</v>
      </c>
    </row>
    <row r="398" spans="2:11" x14ac:dyDescent="0.2">
      <c r="B398" s="7" t="s">
        <v>71</v>
      </c>
      <c r="C398" s="4" t="s">
        <v>78</v>
      </c>
    </row>
    <row r="399" spans="2:11" x14ac:dyDescent="0.2">
      <c r="B399" s="4"/>
      <c r="C399" s="4" t="s">
        <v>73</v>
      </c>
    </row>
    <row r="401" spans="1:25" x14ac:dyDescent="0.2">
      <c r="A401" s="26" t="s">
        <v>25</v>
      </c>
      <c r="B401" t="s">
        <v>35</v>
      </c>
      <c r="C401" t="s">
        <v>35</v>
      </c>
    </row>
    <row r="402" spans="1:25" x14ac:dyDescent="0.2">
      <c r="B402" s="75" t="s">
        <v>79</v>
      </c>
      <c r="C402" s="76"/>
      <c r="D402" s="76"/>
      <c r="E402" s="76"/>
      <c r="F402" s="76"/>
      <c r="G402" s="76"/>
      <c r="H402" s="76"/>
      <c r="I402" s="76"/>
      <c r="J402" s="76"/>
      <c r="K402" s="76"/>
      <c r="L402" s="76"/>
      <c r="M402" s="76"/>
      <c r="N402" s="76"/>
      <c r="O402" s="76"/>
      <c r="P402" s="76"/>
      <c r="Q402" s="76"/>
      <c r="R402" s="76"/>
      <c r="S402" s="76"/>
      <c r="T402" s="76"/>
      <c r="U402" s="76"/>
      <c r="V402" s="76"/>
      <c r="W402" s="76"/>
      <c r="X402" s="76"/>
      <c r="Y402" s="76"/>
    </row>
    <row r="403" spans="1:25" s="32" customFormat="1" ht="25.65" customHeight="1" x14ac:dyDescent="0.15">
      <c r="A403" s="31"/>
      <c r="D403" s="33" t="s">
        <v>378</v>
      </c>
      <c r="E403" s="36" t="s">
        <v>401</v>
      </c>
      <c r="F403" s="55" t="s">
        <v>448</v>
      </c>
      <c r="G403" s="55" t="s">
        <v>449</v>
      </c>
      <c r="H403" s="55" t="s">
        <v>450</v>
      </c>
      <c r="I403" s="55" t="s">
        <v>451</v>
      </c>
      <c r="J403" s="55" t="s">
        <v>452</v>
      </c>
      <c r="K403" s="55" t="s">
        <v>453</v>
      </c>
      <c r="L403" s="55" t="s">
        <v>454</v>
      </c>
      <c r="M403" s="37" t="s">
        <v>455</v>
      </c>
      <c r="N403" s="35" t="s">
        <v>381</v>
      </c>
    </row>
    <row r="404" spans="1:25" x14ac:dyDescent="0.2">
      <c r="B404" s="5"/>
      <c r="C404" s="41" t="s">
        <v>38</v>
      </c>
      <c r="D404" s="42">
        <v>2000</v>
      </c>
      <c r="E404" s="43">
        <v>0</v>
      </c>
      <c r="F404" s="43">
        <v>0</v>
      </c>
      <c r="G404" s="43">
        <v>0</v>
      </c>
      <c r="H404" s="43">
        <v>66.3</v>
      </c>
      <c r="I404" s="43">
        <v>0</v>
      </c>
      <c r="J404" s="43">
        <v>33.799999999999997</v>
      </c>
      <c r="K404" s="43">
        <v>0</v>
      </c>
      <c r="L404" s="43">
        <v>0</v>
      </c>
      <c r="M404" s="44">
        <v>0</v>
      </c>
    </row>
    <row r="405" spans="1:25" x14ac:dyDescent="0.2">
      <c r="B405" s="77" t="s">
        <v>37</v>
      </c>
      <c r="C405" s="39" t="s">
        <v>39</v>
      </c>
      <c r="D405" s="45">
        <v>111</v>
      </c>
      <c r="E405" s="46">
        <v>0</v>
      </c>
      <c r="F405" s="46">
        <v>0</v>
      </c>
      <c r="G405" s="46">
        <v>0</v>
      </c>
      <c r="H405" s="46">
        <v>62.2</v>
      </c>
      <c r="I405" s="46">
        <v>0</v>
      </c>
      <c r="J405" s="46">
        <v>37.799999999999997</v>
      </c>
      <c r="K405" s="46">
        <v>0</v>
      </c>
      <c r="L405" s="46">
        <v>0</v>
      </c>
      <c r="M405" s="47">
        <v>0</v>
      </c>
    </row>
    <row r="406" spans="1:25" x14ac:dyDescent="0.2">
      <c r="B406" s="77"/>
      <c r="C406" s="39" t="s">
        <v>40</v>
      </c>
      <c r="D406" s="45">
        <v>450</v>
      </c>
      <c r="E406" s="46">
        <v>0</v>
      </c>
      <c r="F406" s="46">
        <v>0</v>
      </c>
      <c r="G406" s="46">
        <v>0</v>
      </c>
      <c r="H406" s="46">
        <v>60.2</v>
      </c>
      <c r="I406" s="46">
        <v>0</v>
      </c>
      <c r="J406" s="46">
        <v>39.799999999999997</v>
      </c>
      <c r="K406" s="46">
        <v>0</v>
      </c>
      <c r="L406" s="46">
        <v>0</v>
      </c>
      <c r="M406" s="47">
        <v>0</v>
      </c>
    </row>
    <row r="407" spans="1:25" ht="21.6" x14ac:dyDescent="0.2">
      <c r="B407" s="77"/>
      <c r="C407" s="39" t="s">
        <v>41</v>
      </c>
      <c r="D407" s="45">
        <v>30</v>
      </c>
      <c r="E407" s="46">
        <v>0</v>
      </c>
      <c r="F407" s="46">
        <v>0</v>
      </c>
      <c r="G407" s="46">
        <v>0</v>
      </c>
      <c r="H407" s="46">
        <v>63.3</v>
      </c>
      <c r="I407" s="46">
        <v>0</v>
      </c>
      <c r="J407" s="46">
        <v>36.700000000000003</v>
      </c>
      <c r="K407" s="46">
        <v>0</v>
      </c>
      <c r="L407" s="46">
        <v>0</v>
      </c>
      <c r="M407" s="47">
        <v>0</v>
      </c>
    </row>
    <row r="408" spans="1:25" ht="21.6" x14ac:dyDescent="0.2">
      <c r="B408" s="77"/>
      <c r="C408" s="39" t="s">
        <v>42</v>
      </c>
      <c r="D408" s="45">
        <v>336</v>
      </c>
      <c r="E408" s="46">
        <v>0</v>
      </c>
      <c r="F408" s="46">
        <v>0</v>
      </c>
      <c r="G408" s="46">
        <v>0</v>
      </c>
      <c r="H408" s="46">
        <v>77.7</v>
      </c>
      <c r="I408" s="46">
        <v>0</v>
      </c>
      <c r="J408" s="46">
        <v>22.3</v>
      </c>
      <c r="K408" s="46">
        <v>0</v>
      </c>
      <c r="L408" s="46">
        <v>0</v>
      </c>
      <c r="M408" s="47">
        <v>0</v>
      </c>
    </row>
    <row r="409" spans="1:25" ht="21.6" x14ac:dyDescent="0.2">
      <c r="B409" s="77"/>
      <c r="C409" s="39" t="s">
        <v>43</v>
      </c>
      <c r="D409" s="45">
        <v>327</v>
      </c>
      <c r="E409" s="46">
        <v>0</v>
      </c>
      <c r="F409" s="46">
        <v>0</v>
      </c>
      <c r="G409" s="46">
        <v>0</v>
      </c>
      <c r="H409" s="46">
        <v>61.2</v>
      </c>
      <c r="I409" s="46">
        <v>0</v>
      </c>
      <c r="J409" s="46">
        <v>38.799999999999997</v>
      </c>
      <c r="K409" s="46">
        <v>0</v>
      </c>
      <c r="L409" s="46">
        <v>0</v>
      </c>
      <c r="M409" s="47">
        <v>0</v>
      </c>
    </row>
    <row r="410" spans="1:25" ht="21.6" x14ac:dyDescent="0.2">
      <c r="B410" s="77"/>
      <c r="C410" s="39" t="s">
        <v>44</v>
      </c>
      <c r="D410" s="45">
        <v>181</v>
      </c>
      <c r="E410" s="46">
        <v>0</v>
      </c>
      <c r="F410" s="46">
        <v>0</v>
      </c>
      <c r="G410" s="46">
        <v>0</v>
      </c>
      <c r="H410" s="46">
        <v>67.400000000000006</v>
      </c>
      <c r="I410" s="46">
        <v>0</v>
      </c>
      <c r="J410" s="46">
        <v>32.6</v>
      </c>
      <c r="K410" s="46">
        <v>0</v>
      </c>
      <c r="L410" s="46">
        <v>0</v>
      </c>
      <c r="M410" s="47">
        <v>0</v>
      </c>
    </row>
    <row r="411" spans="1:25" ht="21.6" x14ac:dyDescent="0.2">
      <c r="B411" s="77"/>
      <c r="C411" s="39" t="s">
        <v>45</v>
      </c>
      <c r="D411" s="45">
        <v>565</v>
      </c>
      <c r="E411" s="46">
        <v>0</v>
      </c>
      <c r="F411" s="46">
        <v>0</v>
      </c>
      <c r="G411" s="46">
        <v>0</v>
      </c>
      <c r="H411" s="46">
        <v>67.8</v>
      </c>
      <c r="I411" s="46">
        <v>0</v>
      </c>
      <c r="J411" s="46">
        <v>32.200000000000003</v>
      </c>
      <c r="K411" s="46">
        <v>0</v>
      </c>
      <c r="L411" s="46">
        <v>0</v>
      </c>
      <c r="M411" s="47">
        <v>0</v>
      </c>
    </row>
    <row r="412" spans="1:25" ht="21.6" x14ac:dyDescent="0.2">
      <c r="B412" s="77"/>
      <c r="C412" s="39" t="s">
        <v>46</v>
      </c>
      <c r="D412" s="45">
        <v>473</v>
      </c>
      <c r="E412" s="46">
        <v>0</v>
      </c>
      <c r="F412" s="46">
        <v>0</v>
      </c>
      <c r="G412" s="46">
        <v>0</v>
      </c>
      <c r="H412" s="46">
        <v>64.900000000000006</v>
      </c>
      <c r="I412" s="46">
        <v>0</v>
      </c>
      <c r="J412" s="46">
        <v>35.1</v>
      </c>
      <c r="K412" s="46">
        <v>0</v>
      </c>
      <c r="L412" s="46">
        <v>0</v>
      </c>
      <c r="M412" s="47">
        <v>0</v>
      </c>
    </row>
    <row r="413" spans="1:25" ht="21.6" x14ac:dyDescent="0.2">
      <c r="B413" s="77"/>
      <c r="C413" s="39" t="s">
        <v>47</v>
      </c>
      <c r="D413" s="45">
        <v>441</v>
      </c>
      <c r="E413" s="46">
        <v>0</v>
      </c>
      <c r="F413" s="46">
        <v>0</v>
      </c>
      <c r="G413" s="46">
        <v>0</v>
      </c>
      <c r="H413" s="46">
        <v>64.599999999999994</v>
      </c>
      <c r="I413" s="46">
        <v>0</v>
      </c>
      <c r="J413" s="46">
        <v>35.4</v>
      </c>
      <c r="K413" s="46">
        <v>0</v>
      </c>
      <c r="L413" s="46">
        <v>0</v>
      </c>
      <c r="M413" s="47">
        <v>0</v>
      </c>
    </row>
    <row r="414" spans="1:25" ht="21.6" x14ac:dyDescent="0.2">
      <c r="B414" s="77"/>
      <c r="C414" s="39" t="s">
        <v>48</v>
      </c>
      <c r="D414" s="45">
        <v>305</v>
      </c>
      <c r="E414" s="46">
        <v>0</v>
      </c>
      <c r="F414" s="46">
        <v>0</v>
      </c>
      <c r="G414" s="46">
        <v>0</v>
      </c>
      <c r="H414" s="46">
        <v>62.3</v>
      </c>
      <c r="I414" s="46">
        <v>0</v>
      </c>
      <c r="J414" s="46">
        <v>37.700000000000003</v>
      </c>
      <c r="K414" s="46">
        <v>0</v>
      </c>
      <c r="L414" s="46">
        <v>0</v>
      </c>
      <c r="M414" s="47">
        <v>0</v>
      </c>
    </row>
    <row r="415" spans="1:25" ht="21.6" x14ac:dyDescent="0.2">
      <c r="B415" s="77"/>
      <c r="C415" s="39" t="s">
        <v>49</v>
      </c>
      <c r="D415" s="45">
        <v>223</v>
      </c>
      <c r="E415" s="46">
        <v>0</v>
      </c>
      <c r="F415" s="46">
        <v>0</v>
      </c>
      <c r="G415" s="46">
        <v>0</v>
      </c>
      <c r="H415" s="46">
        <v>72.599999999999994</v>
      </c>
      <c r="I415" s="46">
        <v>0</v>
      </c>
      <c r="J415" s="46">
        <v>27.4</v>
      </c>
      <c r="K415" s="46">
        <v>0</v>
      </c>
      <c r="L415" s="46">
        <v>0</v>
      </c>
      <c r="M415" s="47">
        <v>0</v>
      </c>
    </row>
    <row r="416" spans="1:25" ht="21.6" x14ac:dyDescent="0.2">
      <c r="B416" s="77"/>
      <c r="C416" s="39" t="s">
        <v>50</v>
      </c>
      <c r="D416" s="45">
        <v>123</v>
      </c>
      <c r="E416" s="46">
        <v>0</v>
      </c>
      <c r="F416" s="46">
        <v>0</v>
      </c>
      <c r="G416" s="46">
        <v>0</v>
      </c>
      <c r="H416" s="46">
        <v>70.7</v>
      </c>
      <c r="I416" s="46">
        <v>0</v>
      </c>
      <c r="J416" s="46">
        <v>29.3</v>
      </c>
      <c r="K416" s="46">
        <v>0</v>
      </c>
      <c r="L416" s="46">
        <v>0</v>
      </c>
      <c r="M416" s="47">
        <v>0</v>
      </c>
    </row>
    <row r="417" spans="1:25" ht="21.6" x14ac:dyDescent="0.2">
      <c r="B417" s="77"/>
      <c r="C417" s="39" t="s">
        <v>51</v>
      </c>
      <c r="D417" s="45">
        <v>124</v>
      </c>
      <c r="E417" s="46">
        <v>0</v>
      </c>
      <c r="F417" s="46">
        <v>0</v>
      </c>
      <c r="G417" s="46">
        <v>0</v>
      </c>
      <c r="H417" s="46">
        <v>77.400000000000006</v>
      </c>
      <c r="I417" s="46">
        <v>0</v>
      </c>
      <c r="J417" s="46">
        <v>22.6</v>
      </c>
      <c r="K417" s="46">
        <v>0</v>
      </c>
      <c r="L417" s="46">
        <v>0</v>
      </c>
      <c r="M417" s="47">
        <v>0</v>
      </c>
    </row>
    <row r="418" spans="1:25" ht="21.6" x14ac:dyDescent="0.2">
      <c r="B418" s="77"/>
      <c r="C418" s="39" t="s">
        <v>52</v>
      </c>
      <c r="D418" s="45">
        <v>312</v>
      </c>
      <c r="E418" s="46">
        <v>0</v>
      </c>
      <c r="F418" s="46">
        <v>0</v>
      </c>
      <c r="G418" s="46">
        <v>0</v>
      </c>
      <c r="H418" s="46">
        <v>60.9</v>
      </c>
      <c r="I418" s="46">
        <v>0</v>
      </c>
      <c r="J418" s="46">
        <v>39.1</v>
      </c>
      <c r="K418" s="46">
        <v>0</v>
      </c>
      <c r="L418" s="46">
        <v>0</v>
      </c>
      <c r="M418" s="47">
        <v>0</v>
      </c>
    </row>
    <row r="419" spans="1:25" x14ac:dyDescent="0.2">
      <c r="B419" s="77"/>
      <c r="C419" s="39" t="s">
        <v>53</v>
      </c>
      <c r="D419" s="45">
        <v>269</v>
      </c>
      <c r="E419" s="46">
        <v>0</v>
      </c>
      <c r="F419" s="46">
        <v>0</v>
      </c>
      <c r="G419" s="46">
        <v>0</v>
      </c>
      <c r="H419" s="46">
        <v>66.5</v>
      </c>
      <c r="I419" s="46">
        <v>0</v>
      </c>
      <c r="J419" s="46">
        <v>33.5</v>
      </c>
      <c r="K419" s="46">
        <v>0</v>
      </c>
      <c r="L419" s="46">
        <v>0</v>
      </c>
      <c r="M419" s="47">
        <v>0</v>
      </c>
    </row>
    <row r="420" spans="1:25" ht="21.6" x14ac:dyDescent="0.2">
      <c r="B420" s="77"/>
      <c r="C420" s="39" t="s">
        <v>54</v>
      </c>
      <c r="D420" s="45">
        <v>511</v>
      </c>
      <c r="E420" s="46">
        <v>0</v>
      </c>
      <c r="F420" s="46">
        <v>0</v>
      </c>
      <c r="G420" s="46">
        <v>0</v>
      </c>
      <c r="H420" s="46">
        <v>65.599999999999994</v>
      </c>
      <c r="I420" s="46">
        <v>0</v>
      </c>
      <c r="J420" s="46">
        <v>34.4</v>
      </c>
      <c r="K420" s="46">
        <v>0</v>
      </c>
      <c r="L420" s="46">
        <v>0</v>
      </c>
      <c r="M420" s="47">
        <v>0</v>
      </c>
    </row>
    <row r="421" spans="1:25" ht="21.6" x14ac:dyDescent="0.2">
      <c r="B421" s="77"/>
      <c r="C421" s="39" t="s">
        <v>55</v>
      </c>
      <c r="D421" s="45">
        <v>615</v>
      </c>
      <c r="E421" s="46">
        <v>0</v>
      </c>
      <c r="F421" s="46">
        <v>0</v>
      </c>
      <c r="G421" s="46">
        <v>0</v>
      </c>
      <c r="H421" s="46">
        <v>70.7</v>
      </c>
      <c r="I421" s="46">
        <v>0</v>
      </c>
      <c r="J421" s="46">
        <v>29.3</v>
      </c>
      <c r="K421" s="46">
        <v>0</v>
      </c>
      <c r="L421" s="46">
        <v>0</v>
      </c>
      <c r="M421" s="47">
        <v>0</v>
      </c>
    </row>
    <row r="422" spans="1:25" ht="21.6" x14ac:dyDescent="0.2">
      <c r="B422" s="77"/>
      <c r="C422" s="39" t="s">
        <v>56</v>
      </c>
      <c r="D422" s="45">
        <v>800</v>
      </c>
      <c r="E422" s="46">
        <v>0</v>
      </c>
      <c r="F422" s="46">
        <v>0</v>
      </c>
      <c r="G422" s="46">
        <v>0</v>
      </c>
      <c r="H422" s="46">
        <v>66.8</v>
      </c>
      <c r="I422" s="46">
        <v>0</v>
      </c>
      <c r="J422" s="46">
        <v>33.299999999999997</v>
      </c>
      <c r="K422" s="46">
        <v>0</v>
      </c>
      <c r="L422" s="46">
        <v>0</v>
      </c>
      <c r="M422" s="47">
        <v>0</v>
      </c>
    </row>
    <row r="423" spans="1:25" x14ac:dyDescent="0.2">
      <c r="B423" s="77"/>
      <c r="C423" s="40" t="s">
        <v>57</v>
      </c>
      <c r="D423" s="48">
        <v>798</v>
      </c>
      <c r="E423" s="49">
        <v>0</v>
      </c>
      <c r="F423" s="49">
        <v>0</v>
      </c>
      <c r="G423" s="49">
        <v>0</v>
      </c>
      <c r="H423" s="49">
        <v>65.7</v>
      </c>
      <c r="I423" s="49">
        <v>0</v>
      </c>
      <c r="J423" s="49">
        <v>34.299999999999997</v>
      </c>
      <c r="K423" s="49">
        <v>0</v>
      </c>
      <c r="L423" s="49">
        <v>0</v>
      </c>
      <c r="M423" s="50">
        <v>0</v>
      </c>
    </row>
    <row r="425" spans="1:25" x14ac:dyDescent="0.2">
      <c r="C425" t="s">
        <v>35</v>
      </c>
    </row>
    <row r="426" spans="1:25" x14ac:dyDescent="0.2">
      <c r="B426" s="75" t="s">
        <v>263</v>
      </c>
      <c r="C426" s="76"/>
      <c r="D426" s="76"/>
      <c r="E426" s="76"/>
      <c r="F426" s="76"/>
      <c r="G426" s="76"/>
      <c r="H426" s="76"/>
      <c r="I426" s="76"/>
      <c r="J426" s="76"/>
      <c r="K426" s="76"/>
      <c r="L426" s="76"/>
      <c r="M426" s="76"/>
      <c r="N426" s="76"/>
      <c r="O426" s="76"/>
      <c r="P426" s="76"/>
      <c r="Q426" s="76"/>
      <c r="R426" s="76"/>
      <c r="S426" s="76"/>
      <c r="T426" s="76"/>
      <c r="U426" s="76"/>
      <c r="V426" s="76"/>
      <c r="W426" s="76"/>
      <c r="X426" s="76"/>
      <c r="Y426" s="76"/>
    </row>
    <row r="427" spans="1:25" s="32" customFormat="1" ht="25.65" customHeight="1" x14ac:dyDescent="0.15">
      <c r="A427" s="31"/>
      <c r="D427" s="33" t="s">
        <v>378</v>
      </c>
      <c r="E427" s="36" t="s">
        <v>401</v>
      </c>
      <c r="F427" s="55" t="s">
        <v>448</v>
      </c>
      <c r="G427" s="55" t="s">
        <v>449</v>
      </c>
      <c r="H427" s="55" t="s">
        <v>450</v>
      </c>
      <c r="I427" s="55" t="s">
        <v>451</v>
      </c>
      <c r="J427" s="55" t="s">
        <v>452</v>
      </c>
      <c r="K427" s="55" t="s">
        <v>453</v>
      </c>
      <c r="L427" s="55" t="s">
        <v>454</v>
      </c>
      <c r="M427" s="37" t="s">
        <v>455</v>
      </c>
      <c r="N427" s="35" t="s">
        <v>381</v>
      </c>
    </row>
    <row r="428" spans="1:25" ht="21.6" x14ac:dyDescent="0.2">
      <c r="B428" s="77" t="s">
        <v>37</v>
      </c>
      <c r="C428" s="38" t="s">
        <v>58</v>
      </c>
      <c r="D428" s="51">
        <v>609</v>
      </c>
      <c r="E428" s="52">
        <v>0</v>
      </c>
      <c r="F428" s="52">
        <v>0</v>
      </c>
      <c r="G428" s="52">
        <v>0</v>
      </c>
      <c r="H428" s="52">
        <v>64.5</v>
      </c>
      <c r="I428" s="52">
        <v>0</v>
      </c>
      <c r="J428" s="52">
        <v>35.5</v>
      </c>
      <c r="K428" s="52">
        <v>0</v>
      </c>
      <c r="L428" s="52">
        <v>0</v>
      </c>
      <c r="M428" s="53">
        <v>0</v>
      </c>
    </row>
    <row r="429" spans="1:25" ht="21.6" x14ac:dyDescent="0.2">
      <c r="B429" s="77"/>
      <c r="C429" s="39" t="s">
        <v>59</v>
      </c>
      <c r="D429" s="45">
        <v>1391</v>
      </c>
      <c r="E429" s="46">
        <v>0</v>
      </c>
      <c r="F429" s="46">
        <v>0</v>
      </c>
      <c r="G429" s="46">
        <v>0</v>
      </c>
      <c r="H429" s="46">
        <v>67</v>
      </c>
      <c r="I429" s="46">
        <v>0</v>
      </c>
      <c r="J429" s="46">
        <v>33</v>
      </c>
      <c r="K429" s="46">
        <v>0</v>
      </c>
      <c r="L429" s="46">
        <v>0</v>
      </c>
      <c r="M429" s="47">
        <v>0</v>
      </c>
    </row>
    <row r="430" spans="1:25" x14ac:dyDescent="0.2">
      <c r="B430" s="77"/>
      <c r="C430" s="39" t="s">
        <v>60</v>
      </c>
      <c r="D430" s="45">
        <v>1325</v>
      </c>
      <c r="E430" s="46">
        <v>0</v>
      </c>
      <c r="F430" s="46">
        <v>0</v>
      </c>
      <c r="G430" s="46">
        <v>0</v>
      </c>
      <c r="H430" s="46">
        <v>100</v>
      </c>
      <c r="I430" s="46">
        <v>0</v>
      </c>
      <c r="J430" s="46">
        <v>0</v>
      </c>
      <c r="K430" s="46">
        <v>0</v>
      </c>
      <c r="L430" s="46">
        <v>0</v>
      </c>
      <c r="M430" s="47">
        <v>0</v>
      </c>
    </row>
    <row r="431" spans="1:25" x14ac:dyDescent="0.2">
      <c r="B431" s="77"/>
      <c r="C431" s="39" t="s">
        <v>61</v>
      </c>
      <c r="D431" s="45">
        <v>675</v>
      </c>
      <c r="E431" s="46">
        <v>0</v>
      </c>
      <c r="F431" s="46">
        <v>0</v>
      </c>
      <c r="G431" s="46">
        <v>0</v>
      </c>
      <c r="H431" s="46">
        <v>0</v>
      </c>
      <c r="I431" s="46">
        <v>0</v>
      </c>
      <c r="J431" s="46">
        <v>100</v>
      </c>
      <c r="K431" s="46">
        <v>0</v>
      </c>
      <c r="L431" s="46">
        <v>0</v>
      </c>
      <c r="M431" s="47">
        <v>0</v>
      </c>
    </row>
    <row r="432" spans="1:25" x14ac:dyDescent="0.2">
      <c r="B432" s="77"/>
      <c r="C432" s="39" t="s">
        <v>62</v>
      </c>
      <c r="D432" s="45">
        <v>1086</v>
      </c>
      <c r="E432" s="46">
        <v>0</v>
      </c>
      <c r="F432" s="46">
        <v>0</v>
      </c>
      <c r="G432" s="46">
        <v>0</v>
      </c>
      <c r="H432" s="46">
        <v>67.2</v>
      </c>
      <c r="I432" s="46">
        <v>0</v>
      </c>
      <c r="J432" s="46">
        <v>32.799999999999997</v>
      </c>
      <c r="K432" s="46">
        <v>0</v>
      </c>
      <c r="L432" s="46">
        <v>0</v>
      </c>
      <c r="M432" s="47">
        <v>0</v>
      </c>
    </row>
    <row r="433" spans="2:13" ht="21.6" x14ac:dyDescent="0.2">
      <c r="B433" s="77"/>
      <c r="C433" s="39" t="s">
        <v>63</v>
      </c>
      <c r="D433" s="45">
        <v>203</v>
      </c>
      <c r="E433" s="46">
        <v>0</v>
      </c>
      <c r="F433" s="46">
        <v>0</v>
      </c>
      <c r="G433" s="46">
        <v>0</v>
      </c>
      <c r="H433" s="46">
        <v>67.5</v>
      </c>
      <c r="I433" s="46">
        <v>0</v>
      </c>
      <c r="J433" s="46">
        <v>32.5</v>
      </c>
      <c r="K433" s="46">
        <v>0</v>
      </c>
      <c r="L433" s="46">
        <v>0</v>
      </c>
      <c r="M433" s="47">
        <v>0</v>
      </c>
    </row>
    <row r="434" spans="2:13" x14ac:dyDescent="0.2">
      <c r="B434" s="77"/>
      <c r="C434" s="39" t="s">
        <v>64</v>
      </c>
      <c r="D434" s="45">
        <v>263</v>
      </c>
      <c r="E434" s="46">
        <v>0</v>
      </c>
      <c r="F434" s="46">
        <v>0</v>
      </c>
      <c r="G434" s="46">
        <v>0</v>
      </c>
      <c r="H434" s="46">
        <v>68.8</v>
      </c>
      <c r="I434" s="46">
        <v>0</v>
      </c>
      <c r="J434" s="46">
        <v>31.2</v>
      </c>
      <c r="K434" s="46">
        <v>0</v>
      </c>
      <c r="L434" s="46">
        <v>0</v>
      </c>
      <c r="M434" s="47">
        <v>0</v>
      </c>
    </row>
    <row r="435" spans="2:13" x14ac:dyDescent="0.2">
      <c r="B435" s="77"/>
      <c r="C435" s="39" t="s">
        <v>65</v>
      </c>
      <c r="D435" s="45">
        <v>312</v>
      </c>
      <c r="E435" s="46">
        <v>0</v>
      </c>
      <c r="F435" s="46">
        <v>0</v>
      </c>
      <c r="G435" s="46">
        <v>0</v>
      </c>
      <c r="H435" s="46">
        <v>67.3</v>
      </c>
      <c r="I435" s="46">
        <v>0</v>
      </c>
      <c r="J435" s="46">
        <v>32.700000000000003</v>
      </c>
      <c r="K435" s="46">
        <v>0</v>
      </c>
      <c r="L435" s="46">
        <v>0</v>
      </c>
      <c r="M435" s="47">
        <v>0</v>
      </c>
    </row>
    <row r="436" spans="2:13" x14ac:dyDescent="0.2">
      <c r="B436" s="77"/>
      <c r="C436" s="39" t="s">
        <v>66</v>
      </c>
      <c r="D436" s="45">
        <v>230</v>
      </c>
      <c r="E436" s="46">
        <v>0</v>
      </c>
      <c r="F436" s="46">
        <v>0</v>
      </c>
      <c r="G436" s="46">
        <v>0</v>
      </c>
      <c r="H436" s="46">
        <v>66.099999999999994</v>
      </c>
      <c r="I436" s="46">
        <v>0</v>
      </c>
      <c r="J436" s="46">
        <v>33.9</v>
      </c>
      <c r="K436" s="46">
        <v>0</v>
      </c>
      <c r="L436" s="46">
        <v>0</v>
      </c>
      <c r="M436" s="47">
        <v>0</v>
      </c>
    </row>
    <row r="437" spans="2:13" x14ac:dyDescent="0.2">
      <c r="B437" s="77"/>
      <c r="C437" s="39" t="s">
        <v>67</v>
      </c>
      <c r="D437" s="45">
        <v>78</v>
      </c>
      <c r="E437" s="46">
        <v>0</v>
      </c>
      <c r="F437" s="46">
        <v>0</v>
      </c>
      <c r="G437" s="46">
        <v>0</v>
      </c>
      <c r="H437" s="46">
        <v>64.099999999999994</v>
      </c>
      <c r="I437" s="46">
        <v>0</v>
      </c>
      <c r="J437" s="46">
        <v>35.9</v>
      </c>
      <c r="K437" s="46">
        <v>0</v>
      </c>
      <c r="L437" s="46">
        <v>0</v>
      </c>
      <c r="M437" s="47">
        <v>0</v>
      </c>
    </row>
    <row r="438" spans="2:13" x14ac:dyDescent="0.2">
      <c r="B438" s="77"/>
      <c r="C438" s="39" t="s">
        <v>68</v>
      </c>
      <c r="D438" s="45">
        <v>897</v>
      </c>
      <c r="E438" s="46">
        <v>0</v>
      </c>
      <c r="F438" s="46">
        <v>0</v>
      </c>
      <c r="G438" s="46">
        <v>0</v>
      </c>
      <c r="H438" s="46">
        <v>67.400000000000006</v>
      </c>
      <c r="I438" s="46">
        <v>0</v>
      </c>
      <c r="J438" s="46">
        <v>32.6</v>
      </c>
      <c r="K438" s="46">
        <v>0</v>
      </c>
      <c r="L438" s="46">
        <v>0</v>
      </c>
      <c r="M438" s="47">
        <v>0</v>
      </c>
    </row>
    <row r="439" spans="2:13" x14ac:dyDescent="0.2">
      <c r="B439" s="77"/>
      <c r="C439" s="39" t="s">
        <v>69</v>
      </c>
      <c r="D439" s="45">
        <v>189</v>
      </c>
      <c r="E439" s="46">
        <v>0</v>
      </c>
      <c r="F439" s="46">
        <v>0</v>
      </c>
      <c r="G439" s="46">
        <v>0</v>
      </c>
      <c r="H439" s="46">
        <v>66.099999999999994</v>
      </c>
      <c r="I439" s="46">
        <v>0</v>
      </c>
      <c r="J439" s="46">
        <v>33.9</v>
      </c>
      <c r="K439" s="46">
        <v>0</v>
      </c>
      <c r="L439" s="46">
        <v>0</v>
      </c>
      <c r="M439" s="47">
        <v>0</v>
      </c>
    </row>
    <row r="440" spans="2:13" x14ac:dyDescent="0.2">
      <c r="B440" s="77"/>
      <c r="C440" s="39" t="s">
        <v>70</v>
      </c>
      <c r="D440" s="45">
        <v>914</v>
      </c>
      <c r="E440" s="46">
        <v>0</v>
      </c>
      <c r="F440" s="46">
        <v>0</v>
      </c>
      <c r="G440" s="46">
        <v>0</v>
      </c>
      <c r="H440" s="46">
        <v>65.099999999999994</v>
      </c>
      <c r="I440" s="46">
        <v>0</v>
      </c>
      <c r="J440" s="46">
        <v>34.9</v>
      </c>
      <c r="K440" s="46">
        <v>0</v>
      </c>
      <c r="L440" s="46">
        <v>0</v>
      </c>
      <c r="M440" s="47">
        <v>0</v>
      </c>
    </row>
    <row r="441" spans="2:13" ht="21.6" x14ac:dyDescent="0.2">
      <c r="B441" s="77"/>
      <c r="C441" s="39" t="s">
        <v>63</v>
      </c>
      <c r="D441" s="45">
        <v>193</v>
      </c>
      <c r="E441" s="46">
        <v>0</v>
      </c>
      <c r="F441" s="46">
        <v>0</v>
      </c>
      <c r="G441" s="46">
        <v>0</v>
      </c>
      <c r="H441" s="46">
        <v>66.8</v>
      </c>
      <c r="I441" s="46">
        <v>0</v>
      </c>
      <c r="J441" s="46">
        <v>33.200000000000003</v>
      </c>
      <c r="K441" s="46">
        <v>0</v>
      </c>
      <c r="L441" s="46">
        <v>0</v>
      </c>
      <c r="M441" s="47">
        <v>0</v>
      </c>
    </row>
    <row r="442" spans="2:13" x14ac:dyDescent="0.2">
      <c r="B442" s="77"/>
      <c r="C442" s="39" t="s">
        <v>64</v>
      </c>
      <c r="D442" s="45">
        <v>203</v>
      </c>
      <c r="E442" s="46">
        <v>0</v>
      </c>
      <c r="F442" s="46">
        <v>0</v>
      </c>
      <c r="G442" s="46">
        <v>0</v>
      </c>
      <c r="H442" s="46">
        <v>66</v>
      </c>
      <c r="I442" s="46">
        <v>0</v>
      </c>
      <c r="J442" s="46">
        <v>34</v>
      </c>
      <c r="K442" s="46">
        <v>0</v>
      </c>
      <c r="L442" s="46">
        <v>0</v>
      </c>
      <c r="M442" s="47">
        <v>0</v>
      </c>
    </row>
    <row r="443" spans="2:13" x14ac:dyDescent="0.2">
      <c r="B443" s="77"/>
      <c r="C443" s="39" t="s">
        <v>65</v>
      </c>
      <c r="D443" s="45">
        <v>263</v>
      </c>
      <c r="E443" s="46">
        <v>0</v>
      </c>
      <c r="F443" s="46">
        <v>0</v>
      </c>
      <c r="G443" s="46">
        <v>0</v>
      </c>
      <c r="H443" s="46">
        <v>64.599999999999994</v>
      </c>
      <c r="I443" s="46">
        <v>0</v>
      </c>
      <c r="J443" s="46">
        <v>35.4</v>
      </c>
      <c r="K443" s="46">
        <v>0</v>
      </c>
      <c r="L443" s="46">
        <v>0</v>
      </c>
      <c r="M443" s="47">
        <v>0</v>
      </c>
    </row>
    <row r="444" spans="2:13" x14ac:dyDescent="0.2">
      <c r="B444" s="77"/>
      <c r="C444" s="39" t="s">
        <v>66</v>
      </c>
      <c r="D444" s="45">
        <v>194</v>
      </c>
      <c r="E444" s="46">
        <v>0</v>
      </c>
      <c r="F444" s="46">
        <v>0</v>
      </c>
      <c r="G444" s="46">
        <v>0</v>
      </c>
      <c r="H444" s="46">
        <v>63.4</v>
      </c>
      <c r="I444" s="46">
        <v>0</v>
      </c>
      <c r="J444" s="46">
        <v>36.6</v>
      </c>
      <c r="K444" s="46">
        <v>0</v>
      </c>
      <c r="L444" s="46">
        <v>0</v>
      </c>
      <c r="M444" s="47">
        <v>0</v>
      </c>
    </row>
    <row r="445" spans="2:13" x14ac:dyDescent="0.2">
      <c r="B445" s="77"/>
      <c r="C445" s="39" t="s">
        <v>67</v>
      </c>
      <c r="D445" s="45">
        <v>61</v>
      </c>
      <c r="E445" s="46">
        <v>0</v>
      </c>
      <c r="F445" s="46">
        <v>0</v>
      </c>
      <c r="G445" s="46">
        <v>0</v>
      </c>
      <c r="H445" s="46">
        <v>63.9</v>
      </c>
      <c r="I445" s="46">
        <v>0</v>
      </c>
      <c r="J445" s="46">
        <v>36.1</v>
      </c>
      <c r="K445" s="46">
        <v>0</v>
      </c>
      <c r="L445" s="46">
        <v>0</v>
      </c>
      <c r="M445" s="47">
        <v>0</v>
      </c>
    </row>
    <row r="446" spans="2:13" x14ac:dyDescent="0.2">
      <c r="B446" s="77"/>
      <c r="C446" s="39" t="s">
        <v>68</v>
      </c>
      <c r="D446" s="45">
        <v>416</v>
      </c>
      <c r="E446" s="46">
        <v>0</v>
      </c>
      <c r="F446" s="46">
        <v>0</v>
      </c>
      <c r="G446" s="46">
        <v>0</v>
      </c>
      <c r="H446" s="46">
        <v>66.599999999999994</v>
      </c>
      <c r="I446" s="46">
        <v>0</v>
      </c>
      <c r="J446" s="46">
        <v>33.4</v>
      </c>
      <c r="K446" s="46">
        <v>0</v>
      </c>
      <c r="L446" s="46">
        <v>0</v>
      </c>
      <c r="M446" s="47">
        <v>0</v>
      </c>
    </row>
    <row r="447" spans="2:13" x14ac:dyDescent="0.2">
      <c r="B447" s="77"/>
      <c r="C447" s="40" t="s">
        <v>69</v>
      </c>
      <c r="D447" s="48">
        <v>498</v>
      </c>
      <c r="E447" s="49">
        <v>0</v>
      </c>
      <c r="F447" s="49">
        <v>0</v>
      </c>
      <c r="G447" s="49">
        <v>0</v>
      </c>
      <c r="H447" s="49">
        <v>63.9</v>
      </c>
      <c r="I447" s="49">
        <v>0</v>
      </c>
      <c r="J447" s="49">
        <v>36.1</v>
      </c>
      <c r="K447" s="49">
        <v>0</v>
      </c>
      <c r="L447" s="49">
        <v>0</v>
      </c>
      <c r="M447" s="50">
        <v>0</v>
      </c>
    </row>
    <row r="449" spans="1:25" x14ac:dyDescent="0.2">
      <c r="A449" s="26" t="s">
        <v>25</v>
      </c>
      <c r="B449" t="s">
        <v>35</v>
      </c>
      <c r="C449" t="s">
        <v>35</v>
      </c>
    </row>
    <row r="450" spans="1:25" x14ac:dyDescent="0.2">
      <c r="B450" s="75" t="s">
        <v>80</v>
      </c>
      <c r="C450" s="76"/>
      <c r="D450" s="76"/>
      <c r="E450" s="76"/>
      <c r="F450" s="76"/>
      <c r="G450" s="76"/>
      <c r="H450" s="76"/>
      <c r="I450" s="76"/>
      <c r="J450" s="76"/>
      <c r="K450" s="76"/>
      <c r="L450" s="76"/>
      <c r="M450" s="76"/>
      <c r="N450" s="76"/>
      <c r="O450" s="76"/>
      <c r="P450" s="76"/>
      <c r="Q450" s="76"/>
      <c r="R450" s="76"/>
      <c r="S450" s="76"/>
      <c r="T450" s="76"/>
      <c r="U450" s="76"/>
      <c r="V450" s="76"/>
      <c r="W450" s="76"/>
      <c r="X450" s="76"/>
      <c r="Y450" s="76"/>
    </row>
    <row r="451" spans="1:25" s="32" customFormat="1" ht="47.25" customHeight="1" x14ac:dyDescent="0.15">
      <c r="A451" s="31"/>
      <c r="D451" s="33" t="s">
        <v>378</v>
      </c>
      <c r="E451" s="36" t="s">
        <v>456</v>
      </c>
      <c r="F451" s="37" t="s">
        <v>457</v>
      </c>
      <c r="G451" s="35" t="s">
        <v>381</v>
      </c>
    </row>
    <row r="452" spans="1:25" x14ac:dyDescent="0.2">
      <c r="B452" s="5"/>
      <c r="C452" s="41" t="s">
        <v>38</v>
      </c>
      <c r="D452" s="42">
        <v>2000</v>
      </c>
      <c r="E452" s="43">
        <v>100</v>
      </c>
      <c r="F452" s="44">
        <v>0</v>
      </c>
    </row>
    <row r="453" spans="1:25" x14ac:dyDescent="0.2">
      <c r="B453" s="77" t="s">
        <v>37</v>
      </c>
      <c r="C453" s="39" t="s">
        <v>39</v>
      </c>
      <c r="D453" s="45">
        <v>111</v>
      </c>
      <c r="E453" s="46">
        <v>100</v>
      </c>
      <c r="F453" s="47">
        <v>0</v>
      </c>
    </row>
    <row r="454" spans="1:25" x14ac:dyDescent="0.2">
      <c r="B454" s="77"/>
      <c r="C454" s="39" t="s">
        <v>40</v>
      </c>
      <c r="D454" s="45">
        <v>450</v>
      </c>
      <c r="E454" s="46">
        <v>100</v>
      </c>
      <c r="F454" s="47">
        <v>0</v>
      </c>
    </row>
    <row r="455" spans="1:25" ht="21.6" x14ac:dyDescent="0.2">
      <c r="B455" s="77"/>
      <c r="C455" s="39" t="s">
        <v>41</v>
      </c>
      <c r="D455" s="45">
        <v>30</v>
      </c>
      <c r="E455" s="46">
        <v>100</v>
      </c>
      <c r="F455" s="47">
        <v>0</v>
      </c>
    </row>
    <row r="456" spans="1:25" ht="21.6" x14ac:dyDescent="0.2">
      <c r="B456" s="77"/>
      <c r="C456" s="39" t="s">
        <v>42</v>
      </c>
      <c r="D456" s="45">
        <v>336</v>
      </c>
      <c r="E456" s="46">
        <v>100</v>
      </c>
      <c r="F456" s="47">
        <v>0</v>
      </c>
    </row>
    <row r="457" spans="1:25" ht="21.6" x14ac:dyDescent="0.2">
      <c r="B457" s="77"/>
      <c r="C457" s="39" t="s">
        <v>43</v>
      </c>
      <c r="D457" s="45">
        <v>327</v>
      </c>
      <c r="E457" s="46">
        <v>100</v>
      </c>
      <c r="F457" s="47">
        <v>0</v>
      </c>
    </row>
    <row r="458" spans="1:25" ht="21.6" x14ac:dyDescent="0.2">
      <c r="B458" s="77"/>
      <c r="C458" s="39" t="s">
        <v>44</v>
      </c>
      <c r="D458" s="45">
        <v>181</v>
      </c>
      <c r="E458" s="46">
        <v>100</v>
      </c>
      <c r="F458" s="47">
        <v>0</v>
      </c>
    </row>
    <row r="459" spans="1:25" ht="21.6" x14ac:dyDescent="0.2">
      <c r="B459" s="77"/>
      <c r="C459" s="39" t="s">
        <v>45</v>
      </c>
      <c r="D459" s="45">
        <v>565</v>
      </c>
      <c r="E459" s="46">
        <v>100</v>
      </c>
      <c r="F459" s="47">
        <v>0</v>
      </c>
    </row>
    <row r="460" spans="1:25" ht="21.6" x14ac:dyDescent="0.2">
      <c r="B460" s="77"/>
      <c r="C460" s="39" t="s">
        <v>46</v>
      </c>
      <c r="D460" s="45">
        <v>473</v>
      </c>
      <c r="E460" s="46">
        <v>100</v>
      </c>
      <c r="F460" s="47">
        <v>0</v>
      </c>
    </row>
    <row r="461" spans="1:25" ht="21.6" x14ac:dyDescent="0.2">
      <c r="B461" s="77"/>
      <c r="C461" s="39" t="s">
        <v>47</v>
      </c>
      <c r="D461" s="45">
        <v>441</v>
      </c>
      <c r="E461" s="46">
        <v>100</v>
      </c>
      <c r="F461" s="47">
        <v>0</v>
      </c>
    </row>
    <row r="462" spans="1:25" ht="21.6" x14ac:dyDescent="0.2">
      <c r="B462" s="77"/>
      <c r="C462" s="39" t="s">
        <v>48</v>
      </c>
      <c r="D462" s="45">
        <v>305</v>
      </c>
      <c r="E462" s="46">
        <v>100</v>
      </c>
      <c r="F462" s="47">
        <v>0</v>
      </c>
    </row>
    <row r="463" spans="1:25" ht="21.6" x14ac:dyDescent="0.2">
      <c r="B463" s="77"/>
      <c r="C463" s="39" t="s">
        <v>49</v>
      </c>
      <c r="D463" s="45">
        <v>223</v>
      </c>
      <c r="E463" s="46">
        <v>100</v>
      </c>
      <c r="F463" s="47">
        <v>0</v>
      </c>
    </row>
    <row r="464" spans="1:25" ht="21.6" x14ac:dyDescent="0.2">
      <c r="B464" s="77"/>
      <c r="C464" s="39" t="s">
        <v>50</v>
      </c>
      <c r="D464" s="45">
        <v>123</v>
      </c>
      <c r="E464" s="46">
        <v>100</v>
      </c>
      <c r="F464" s="47">
        <v>0</v>
      </c>
    </row>
    <row r="465" spans="1:25" ht="21.6" x14ac:dyDescent="0.2">
      <c r="B465" s="77"/>
      <c r="C465" s="39" t="s">
        <v>51</v>
      </c>
      <c r="D465" s="45">
        <v>124</v>
      </c>
      <c r="E465" s="46">
        <v>100</v>
      </c>
      <c r="F465" s="47">
        <v>0</v>
      </c>
    </row>
    <row r="466" spans="1:25" ht="21.6" x14ac:dyDescent="0.2">
      <c r="B466" s="77"/>
      <c r="C466" s="39" t="s">
        <v>52</v>
      </c>
      <c r="D466" s="45">
        <v>312</v>
      </c>
      <c r="E466" s="46">
        <v>100</v>
      </c>
      <c r="F466" s="47">
        <v>0</v>
      </c>
    </row>
    <row r="467" spans="1:25" x14ac:dyDescent="0.2">
      <c r="B467" s="77"/>
      <c r="C467" s="39" t="s">
        <v>53</v>
      </c>
      <c r="D467" s="45">
        <v>269</v>
      </c>
      <c r="E467" s="46">
        <v>100</v>
      </c>
      <c r="F467" s="47">
        <v>0</v>
      </c>
    </row>
    <row r="468" spans="1:25" ht="21.6" x14ac:dyDescent="0.2">
      <c r="B468" s="77"/>
      <c r="C468" s="39" t="s">
        <v>54</v>
      </c>
      <c r="D468" s="45">
        <v>511</v>
      </c>
      <c r="E468" s="46">
        <v>100</v>
      </c>
      <c r="F468" s="47">
        <v>0</v>
      </c>
    </row>
    <row r="469" spans="1:25" ht="21.6" x14ac:dyDescent="0.2">
      <c r="B469" s="77"/>
      <c r="C469" s="39" t="s">
        <v>55</v>
      </c>
      <c r="D469" s="45">
        <v>615</v>
      </c>
      <c r="E469" s="46">
        <v>100</v>
      </c>
      <c r="F469" s="47">
        <v>0</v>
      </c>
    </row>
    <row r="470" spans="1:25" ht="21.6" x14ac:dyDescent="0.2">
      <c r="B470" s="77"/>
      <c r="C470" s="39" t="s">
        <v>56</v>
      </c>
      <c r="D470" s="45">
        <v>800</v>
      </c>
      <c r="E470" s="46">
        <v>100</v>
      </c>
      <c r="F470" s="47">
        <v>0</v>
      </c>
    </row>
    <row r="471" spans="1:25" x14ac:dyDescent="0.2">
      <c r="B471" s="77"/>
      <c r="C471" s="40" t="s">
        <v>57</v>
      </c>
      <c r="D471" s="48">
        <v>798</v>
      </c>
      <c r="E471" s="49">
        <v>100</v>
      </c>
      <c r="F471" s="50">
        <v>0</v>
      </c>
    </row>
    <row r="473" spans="1:25" x14ac:dyDescent="0.2">
      <c r="C473" t="s">
        <v>35</v>
      </c>
    </row>
    <row r="474" spans="1:25" x14ac:dyDescent="0.2">
      <c r="B474" s="75" t="s">
        <v>264</v>
      </c>
      <c r="C474" s="76"/>
      <c r="D474" s="76"/>
      <c r="E474" s="76"/>
      <c r="F474" s="76"/>
      <c r="G474" s="76"/>
      <c r="H474" s="76"/>
      <c r="I474" s="76"/>
      <c r="J474" s="76"/>
      <c r="K474" s="76"/>
      <c r="L474" s="76"/>
      <c r="M474" s="76"/>
      <c r="N474" s="76"/>
      <c r="O474" s="76"/>
      <c r="P474" s="76"/>
      <c r="Q474" s="76"/>
      <c r="R474" s="76"/>
      <c r="S474" s="76"/>
      <c r="T474" s="76"/>
      <c r="U474" s="76"/>
      <c r="V474" s="76"/>
      <c r="W474" s="76"/>
      <c r="X474" s="76"/>
      <c r="Y474" s="76"/>
    </row>
    <row r="475" spans="1:25" s="32" customFormat="1" ht="47.25" customHeight="1" x14ac:dyDescent="0.15">
      <c r="A475" s="31"/>
      <c r="D475" s="33" t="s">
        <v>378</v>
      </c>
      <c r="E475" s="36" t="s">
        <v>456</v>
      </c>
      <c r="F475" s="37" t="s">
        <v>457</v>
      </c>
      <c r="G475" s="35" t="s">
        <v>381</v>
      </c>
    </row>
    <row r="476" spans="1:25" ht="21.6" x14ac:dyDescent="0.2">
      <c r="B476" s="77" t="s">
        <v>37</v>
      </c>
      <c r="C476" s="38" t="s">
        <v>58</v>
      </c>
      <c r="D476" s="51">
        <v>609</v>
      </c>
      <c r="E476" s="52">
        <v>100</v>
      </c>
      <c r="F476" s="53">
        <v>0</v>
      </c>
    </row>
    <row r="477" spans="1:25" ht="21.6" x14ac:dyDescent="0.2">
      <c r="B477" s="77"/>
      <c r="C477" s="39" t="s">
        <v>59</v>
      </c>
      <c r="D477" s="45">
        <v>1391</v>
      </c>
      <c r="E477" s="46">
        <v>100</v>
      </c>
      <c r="F477" s="47">
        <v>0</v>
      </c>
    </row>
    <row r="478" spans="1:25" x14ac:dyDescent="0.2">
      <c r="B478" s="77"/>
      <c r="C478" s="39" t="s">
        <v>60</v>
      </c>
      <c r="D478" s="45">
        <v>1325</v>
      </c>
      <c r="E478" s="46">
        <v>100</v>
      </c>
      <c r="F478" s="47">
        <v>0</v>
      </c>
    </row>
    <row r="479" spans="1:25" x14ac:dyDescent="0.2">
      <c r="B479" s="77"/>
      <c r="C479" s="39" t="s">
        <v>61</v>
      </c>
      <c r="D479" s="45">
        <v>675</v>
      </c>
      <c r="E479" s="46">
        <v>100</v>
      </c>
      <c r="F479" s="47">
        <v>0</v>
      </c>
    </row>
    <row r="480" spans="1:25" x14ac:dyDescent="0.2">
      <c r="B480" s="77"/>
      <c r="C480" s="39" t="s">
        <v>62</v>
      </c>
      <c r="D480" s="45">
        <v>1086</v>
      </c>
      <c r="E480" s="46">
        <v>100</v>
      </c>
      <c r="F480" s="47">
        <v>0</v>
      </c>
    </row>
    <row r="481" spans="2:6" ht="21.6" x14ac:dyDescent="0.2">
      <c r="B481" s="77"/>
      <c r="C481" s="39" t="s">
        <v>63</v>
      </c>
      <c r="D481" s="45">
        <v>203</v>
      </c>
      <c r="E481" s="46">
        <v>100</v>
      </c>
      <c r="F481" s="47">
        <v>0</v>
      </c>
    </row>
    <row r="482" spans="2:6" x14ac:dyDescent="0.2">
      <c r="B482" s="77"/>
      <c r="C482" s="39" t="s">
        <v>64</v>
      </c>
      <c r="D482" s="45">
        <v>263</v>
      </c>
      <c r="E482" s="46">
        <v>100</v>
      </c>
      <c r="F482" s="47">
        <v>0</v>
      </c>
    </row>
    <row r="483" spans="2:6" x14ac:dyDescent="0.2">
      <c r="B483" s="77"/>
      <c r="C483" s="39" t="s">
        <v>65</v>
      </c>
      <c r="D483" s="45">
        <v>312</v>
      </c>
      <c r="E483" s="46">
        <v>100</v>
      </c>
      <c r="F483" s="47">
        <v>0</v>
      </c>
    </row>
    <row r="484" spans="2:6" x14ac:dyDescent="0.2">
      <c r="B484" s="77"/>
      <c r="C484" s="39" t="s">
        <v>66</v>
      </c>
      <c r="D484" s="45">
        <v>230</v>
      </c>
      <c r="E484" s="46">
        <v>100</v>
      </c>
      <c r="F484" s="47">
        <v>0</v>
      </c>
    </row>
    <row r="485" spans="2:6" x14ac:dyDescent="0.2">
      <c r="B485" s="77"/>
      <c r="C485" s="39" t="s">
        <v>67</v>
      </c>
      <c r="D485" s="45">
        <v>78</v>
      </c>
      <c r="E485" s="46">
        <v>100</v>
      </c>
      <c r="F485" s="47">
        <v>0</v>
      </c>
    </row>
    <row r="486" spans="2:6" x14ac:dyDescent="0.2">
      <c r="B486" s="77"/>
      <c r="C486" s="39" t="s">
        <v>68</v>
      </c>
      <c r="D486" s="45">
        <v>897</v>
      </c>
      <c r="E486" s="46">
        <v>100</v>
      </c>
      <c r="F486" s="47">
        <v>0</v>
      </c>
    </row>
    <row r="487" spans="2:6" x14ac:dyDescent="0.2">
      <c r="B487" s="77"/>
      <c r="C487" s="39" t="s">
        <v>69</v>
      </c>
      <c r="D487" s="45">
        <v>189</v>
      </c>
      <c r="E487" s="46">
        <v>100</v>
      </c>
      <c r="F487" s="47">
        <v>0</v>
      </c>
    </row>
    <row r="488" spans="2:6" x14ac:dyDescent="0.2">
      <c r="B488" s="77"/>
      <c r="C488" s="39" t="s">
        <v>70</v>
      </c>
      <c r="D488" s="45">
        <v>914</v>
      </c>
      <c r="E488" s="46">
        <v>100</v>
      </c>
      <c r="F488" s="47">
        <v>0</v>
      </c>
    </row>
    <row r="489" spans="2:6" ht="21.6" x14ac:dyDescent="0.2">
      <c r="B489" s="77"/>
      <c r="C489" s="39" t="s">
        <v>63</v>
      </c>
      <c r="D489" s="45">
        <v>193</v>
      </c>
      <c r="E489" s="46">
        <v>100</v>
      </c>
      <c r="F489" s="47">
        <v>0</v>
      </c>
    </row>
    <row r="490" spans="2:6" x14ac:dyDescent="0.2">
      <c r="B490" s="77"/>
      <c r="C490" s="39" t="s">
        <v>64</v>
      </c>
      <c r="D490" s="45">
        <v>203</v>
      </c>
      <c r="E490" s="46">
        <v>100</v>
      </c>
      <c r="F490" s="47">
        <v>0</v>
      </c>
    </row>
    <row r="491" spans="2:6" x14ac:dyDescent="0.2">
      <c r="B491" s="77"/>
      <c r="C491" s="39" t="s">
        <v>65</v>
      </c>
      <c r="D491" s="45">
        <v>263</v>
      </c>
      <c r="E491" s="46">
        <v>100</v>
      </c>
      <c r="F491" s="47">
        <v>0</v>
      </c>
    </row>
    <row r="492" spans="2:6" x14ac:dyDescent="0.2">
      <c r="B492" s="77"/>
      <c r="C492" s="39" t="s">
        <v>66</v>
      </c>
      <c r="D492" s="45">
        <v>194</v>
      </c>
      <c r="E492" s="46">
        <v>100</v>
      </c>
      <c r="F492" s="47">
        <v>0</v>
      </c>
    </row>
    <row r="493" spans="2:6" x14ac:dyDescent="0.2">
      <c r="B493" s="77"/>
      <c r="C493" s="39" t="s">
        <v>67</v>
      </c>
      <c r="D493" s="45">
        <v>61</v>
      </c>
      <c r="E493" s="46">
        <v>100</v>
      </c>
      <c r="F493" s="47">
        <v>0</v>
      </c>
    </row>
    <row r="494" spans="2:6" x14ac:dyDescent="0.2">
      <c r="B494" s="77"/>
      <c r="C494" s="39" t="s">
        <v>68</v>
      </c>
      <c r="D494" s="45">
        <v>416</v>
      </c>
      <c r="E494" s="46">
        <v>100</v>
      </c>
      <c r="F494" s="47">
        <v>0</v>
      </c>
    </row>
    <row r="495" spans="2:6" x14ac:dyDescent="0.2">
      <c r="B495" s="77"/>
      <c r="C495" s="40" t="s">
        <v>69</v>
      </c>
      <c r="D495" s="48">
        <v>498</v>
      </c>
      <c r="E495" s="49">
        <v>100</v>
      </c>
      <c r="F495" s="50">
        <v>0</v>
      </c>
    </row>
    <row r="497" spans="1:25" x14ac:dyDescent="0.2">
      <c r="A497" s="26" t="s">
        <v>25</v>
      </c>
      <c r="B497" t="s">
        <v>35</v>
      </c>
      <c r="C497" t="s">
        <v>35</v>
      </c>
    </row>
    <row r="498" spans="1:25" x14ac:dyDescent="0.2">
      <c r="B498" s="75" t="s">
        <v>81</v>
      </c>
      <c r="C498" s="76"/>
      <c r="D498" s="76"/>
      <c r="E498" s="76"/>
      <c r="F498" s="76"/>
      <c r="G498" s="76"/>
      <c r="H498" s="76"/>
      <c r="I498" s="76"/>
      <c r="J498" s="76"/>
      <c r="K498" s="76"/>
      <c r="L498" s="76"/>
      <c r="M498" s="76"/>
      <c r="N498" s="76"/>
      <c r="O498" s="76"/>
      <c r="P498" s="76"/>
      <c r="Q498" s="76"/>
      <c r="R498" s="76"/>
      <c r="S498" s="76"/>
      <c r="T498" s="76"/>
      <c r="U498" s="76"/>
      <c r="V498" s="76"/>
      <c r="W498" s="76"/>
      <c r="X498" s="76"/>
      <c r="Y498" s="76"/>
    </row>
    <row r="499" spans="1:25" s="32" customFormat="1" ht="47.25" customHeight="1" x14ac:dyDescent="0.15">
      <c r="A499" s="31"/>
      <c r="D499" s="33" t="s">
        <v>378</v>
      </c>
      <c r="E499" s="36" t="s">
        <v>458</v>
      </c>
      <c r="F499" s="55" t="s">
        <v>459</v>
      </c>
      <c r="G499" s="55" t="s">
        <v>460</v>
      </c>
      <c r="H499" s="55" t="s">
        <v>461</v>
      </c>
      <c r="I499" s="55" t="s">
        <v>462</v>
      </c>
      <c r="J499" s="55" t="s">
        <v>463</v>
      </c>
      <c r="K499" s="55" t="s">
        <v>464</v>
      </c>
      <c r="L499" s="55" t="s">
        <v>465</v>
      </c>
      <c r="M499" s="55" t="s">
        <v>466</v>
      </c>
      <c r="N499" s="55" t="s">
        <v>467</v>
      </c>
      <c r="O499" s="37" t="s">
        <v>468</v>
      </c>
      <c r="P499" s="35" t="s">
        <v>381</v>
      </c>
    </row>
    <row r="500" spans="1:25" x14ac:dyDescent="0.2">
      <c r="B500" s="5"/>
      <c r="C500" s="41" t="s">
        <v>38</v>
      </c>
      <c r="D500" s="42">
        <v>2000</v>
      </c>
      <c r="E500" s="43">
        <v>65.7</v>
      </c>
      <c r="F500" s="43">
        <v>17.600000000000001</v>
      </c>
      <c r="G500" s="43">
        <v>6.5</v>
      </c>
      <c r="H500" s="43">
        <v>5.7</v>
      </c>
      <c r="I500" s="43">
        <v>4.3</v>
      </c>
      <c r="J500" s="43">
        <v>0.4</v>
      </c>
      <c r="K500" s="43">
        <v>0</v>
      </c>
      <c r="L500" s="43">
        <v>0</v>
      </c>
      <c r="M500" s="43">
        <v>0</v>
      </c>
      <c r="N500" s="43">
        <v>0</v>
      </c>
      <c r="O500" s="44">
        <v>0</v>
      </c>
    </row>
    <row r="501" spans="1:25" x14ac:dyDescent="0.2">
      <c r="B501" s="77" t="s">
        <v>37</v>
      </c>
      <c r="C501" s="39" t="s">
        <v>39</v>
      </c>
      <c r="D501" s="45">
        <v>111</v>
      </c>
      <c r="E501" s="46">
        <v>86.5</v>
      </c>
      <c r="F501" s="46">
        <v>4.5</v>
      </c>
      <c r="G501" s="46">
        <v>3.6</v>
      </c>
      <c r="H501" s="46">
        <v>3.6</v>
      </c>
      <c r="I501" s="46">
        <v>1.8</v>
      </c>
      <c r="J501" s="46">
        <v>0</v>
      </c>
      <c r="K501" s="46">
        <v>0</v>
      </c>
      <c r="L501" s="46">
        <v>0</v>
      </c>
      <c r="M501" s="46">
        <v>0</v>
      </c>
      <c r="N501" s="46">
        <v>0</v>
      </c>
      <c r="O501" s="47">
        <v>0</v>
      </c>
    </row>
    <row r="502" spans="1:25" x14ac:dyDescent="0.2">
      <c r="B502" s="77"/>
      <c r="C502" s="39" t="s">
        <v>40</v>
      </c>
      <c r="D502" s="45">
        <v>450</v>
      </c>
      <c r="E502" s="46">
        <v>77.099999999999994</v>
      </c>
      <c r="F502" s="46">
        <v>10.199999999999999</v>
      </c>
      <c r="G502" s="46">
        <v>1.1000000000000001</v>
      </c>
      <c r="H502" s="46">
        <v>5.6</v>
      </c>
      <c r="I502" s="46">
        <v>5.8</v>
      </c>
      <c r="J502" s="46">
        <v>0.2</v>
      </c>
      <c r="K502" s="46">
        <v>0</v>
      </c>
      <c r="L502" s="46">
        <v>0</v>
      </c>
      <c r="M502" s="46">
        <v>0</v>
      </c>
      <c r="N502" s="46">
        <v>0</v>
      </c>
      <c r="O502" s="47">
        <v>0</v>
      </c>
    </row>
    <row r="503" spans="1:25" ht="21.6" x14ac:dyDescent="0.2">
      <c r="B503" s="77"/>
      <c r="C503" s="39" t="s">
        <v>41</v>
      </c>
      <c r="D503" s="45">
        <v>30</v>
      </c>
      <c r="E503" s="46">
        <v>60</v>
      </c>
      <c r="F503" s="46">
        <v>13.3</v>
      </c>
      <c r="G503" s="46">
        <v>3.3</v>
      </c>
      <c r="H503" s="46">
        <v>6.7</v>
      </c>
      <c r="I503" s="46">
        <v>16.7</v>
      </c>
      <c r="J503" s="46">
        <v>0</v>
      </c>
      <c r="K503" s="46">
        <v>0</v>
      </c>
      <c r="L503" s="46">
        <v>0</v>
      </c>
      <c r="M503" s="46">
        <v>0</v>
      </c>
      <c r="N503" s="46">
        <v>0</v>
      </c>
      <c r="O503" s="47">
        <v>0</v>
      </c>
    </row>
    <row r="504" spans="1:25" ht="21.6" x14ac:dyDescent="0.2">
      <c r="B504" s="77"/>
      <c r="C504" s="39" t="s">
        <v>42</v>
      </c>
      <c r="D504" s="45">
        <v>336</v>
      </c>
      <c r="E504" s="46">
        <v>77.7</v>
      </c>
      <c r="F504" s="46">
        <v>6.3</v>
      </c>
      <c r="G504" s="46">
        <v>3.3</v>
      </c>
      <c r="H504" s="46">
        <v>8</v>
      </c>
      <c r="I504" s="46">
        <v>4.8</v>
      </c>
      <c r="J504" s="46">
        <v>0</v>
      </c>
      <c r="K504" s="46">
        <v>0</v>
      </c>
      <c r="L504" s="46">
        <v>0</v>
      </c>
      <c r="M504" s="46">
        <v>0</v>
      </c>
      <c r="N504" s="46">
        <v>0</v>
      </c>
      <c r="O504" s="47">
        <v>0</v>
      </c>
    </row>
    <row r="505" spans="1:25" ht="21.6" x14ac:dyDescent="0.2">
      <c r="B505" s="77"/>
      <c r="C505" s="39" t="s">
        <v>43</v>
      </c>
      <c r="D505" s="45">
        <v>327</v>
      </c>
      <c r="E505" s="46">
        <v>45.3</v>
      </c>
      <c r="F505" s="46">
        <v>36.700000000000003</v>
      </c>
      <c r="G505" s="46">
        <v>12.8</v>
      </c>
      <c r="H505" s="46">
        <v>3.7</v>
      </c>
      <c r="I505" s="46">
        <v>1.2</v>
      </c>
      <c r="J505" s="46">
        <v>0.3</v>
      </c>
      <c r="K505" s="46">
        <v>0</v>
      </c>
      <c r="L505" s="46">
        <v>0</v>
      </c>
      <c r="M505" s="46">
        <v>0</v>
      </c>
      <c r="N505" s="46">
        <v>0</v>
      </c>
      <c r="O505" s="47">
        <v>0</v>
      </c>
    </row>
    <row r="506" spans="1:25" ht="21.6" x14ac:dyDescent="0.2">
      <c r="B506" s="77"/>
      <c r="C506" s="39" t="s">
        <v>44</v>
      </c>
      <c r="D506" s="45">
        <v>181</v>
      </c>
      <c r="E506" s="46">
        <v>77.900000000000006</v>
      </c>
      <c r="F506" s="46">
        <v>7.2</v>
      </c>
      <c r="G506" s="46">
        <v>3.3</v>
      </c>
      <c r="H506" s="46">
        <v>6.1</v>
      </c>
      <c r="I506" s="46">
        <v>5</v>
      </c>
      <c r="J506" s="46">
        <v>0.6</v>
      </c>
      <c r="K506" s="46">
        <v>0</v>
      </c>
      <c r="L506" s="46">
        <v>0</v>
      </c>
      <c r="M506" s="46">
        <v>0</v>
      </c>
      <c r="N506" s="46">
        <v>0</v>
      </c>
      <c r="O506" s="47">
        <v>0</v>
      </c>
    </row>
    <row r="507" spans="1:25" ht="21.6" x14ac:dyDescent="0.2">
      <c r="B507" s="77"/>
      <c r="C507" s="39" t="s">
        <v>45</v>
      </c>
      <c r="D507" s="45">
        <v>565</v>
      </c>
      <c r="E507" s="46">
        <v>53.5</v>
      </c>
      <c r="F507" s="46">
        <v>25.3</v>
      </c>
      <c r="G507" s="46">
        <v>10.6</v>
      </c>
      <c r="H507" s="46">
        <v>5.7</v>
      </c>
      <c r="I507" s="46">
        <v>4.2</v>
      </c>
      <c r="J507" s="46">
        <v>0.7</v>
      </c>
      <c r="K507" s="46">
        <v>0</v>
      </c>
      <c r="L507" s="46">
        <v>0</v>
      </c>
      <c r="M507" s="46">
        <v>0</v>
      </c>
      <c r="N507" s="46">
        <v>0</v>
      </c>
      <c r="O507" s="47">
        <v>0</v>
      </c>
    </row>
    <row r="508" spans="1:25" ht="21.6" x14ac:dyDescent="0.2">
      <c r="B508" s="77"/>
      <c r="C508" s="39" t="s">
        <v>46</v>
      </c>
      <c r="D508" s="45">
        <v>473</v>
      </c>
      <c r="E508" s="46">
        <v>47.8</v>
      </c>
      <c r="F508" s="46">
        <v>24.5</v>
      </c>
      <c r="G508" s="46">
        <v>10.1</v>
      </c>
      <c r="H508" s="46">
        <v>8.9</v>
      </c>
      <c r="I508" s="46">
        <v>8.5</v>
      </c>
      <c r="J508" s="46">
        <v>0.2</v>
      </c>
      <c r="K508" s="46">
        <v>0</v>
      </c>
      <c r="L508" s="46">
        <v>0</v>
      </c>
      <c r="M508" s="46">
        <v>0</v>
      </c>
      <c r="N508" s="46">
        <v>0</v>
      </c>
      <c r="O508" s="47">
        <v>0</v>
      </c>
    </row>
    <row r="509" spans="1:25" ht="21.6" x14ac:dyDescent="0.2">
      <c r="B509" s="77"/>
      <c r="C509" s="39" t="s">
        <v>47</v>
      </c>
      <c r="D509" s="45">
        <v>441</v>
      </c>
      <c r="E509" s="46">
        <v>69.400000000000006</v>
      </c>
      <c r="F509" s="46">
        <v>17.2</v>
      </c>
      <c r="G509" s="46">
        <v>5</v>
      </c>
      <c r="H509" s="46">
        <v>4.0999999999999996</v>
      </c>
      <c r="I509" s="46">
        <v>4.0999999999999996</v>
      </c>
      <c r="J509" s="46">
        <v>0.2</v>
      </c>
      <c r="K509" s="46">
        <v>0</v>
      </c>
      <c r="L509" s="46">
        <v>0</v>
      </c>
      <c r="M509" s="46">
        <v>0</v>
      </c>
      <c r="N509" s="46">
        <v>0</v>
      </c>
      <c r="O509" s="47">
        <v>0</v>
      </c>
    </row>
    <row r="510" spans="1:25" ht="21.6" x14ac:dyDescent="0.2">
      <c r="B510" s="77"/>
      <c r="C510" s="39" t="s">
        <v>48</v>
      </c>
      <c r="D510" s="45">
        <v>305</v>
      </c>
      <c r="E510" s="46">
        <v>77.400000000000006</v>
      </c>
      <c r="F510" s="46">
        <v>12.1</v>
      </c>
      <c r="G510" s="46">
        <v>3.6</v>
      </c>
      <c r="H510" s="46">
        <v>4.3</v>
      </c>
      <c r="I510" s="46">
        <v>2</v>
      </c>
      <c r="J510" s="46">
        <v>0.7</v>
      </c>
      <c r="K510" s="46">
        <v>0</v>
      </c>
      <c r="L510" s="46">
        <v>0</v>
      </c>
      <c r="M510" s="46">
        <v>0</v>
      </c>
      <c r="N510" s="46">
        <v>0</v>
      </c>
      <c r="O510" s="47">
        <v>0</v>
      </c>
    </row>
    <row r="511" spans="1:25" ht="21.6" x14ac:dyDescent="0.2">
      <c r="B511" s="77"/>
      <c r="C511" s="39" t="s">
        <v>49</v>
      </c>
      <c r="D511" s="45">
        <v>223</v>
      </c>
      <c r="E511" s="46">
        <v>77.099999999999994</v>
      </c>
      <c r="F511" s="46">
        <v>11.7</v>
      </c>
      <c r="G511" s="46">
        <v>2.7</v>
      </c>
      <c r="H511" s="46">
        <v>6.3</v>
      </c>
      <c r="I511" s="46">
        <v>1.3</v>
      </c>
      <c r="J511" s="46">
        <v>0.9</v>
      </c>
      <c r="K511" s="46">
        <v>0</v>
      </c>
      <c r="L511" s="46">
        <v>0</v>
      </c>
      <c r="M511" s="46">
        <v>0</v>
      </c>
      <c r="N511" s="46">
        <v>0</v>
      </c>
      <c r="O511" s="47">
        <v>0</v>
      </c>
    </row>
    <row r="512" spans="1:25" ht="21.6" x14ac:dyDescent="0.2">
      <c r="B512" s="77"/>
      <c r="C512" s="39" t="s">
        <v>50</v>
      </c>
      <c r="D512" s="45">
        <v>123</v>
      </c>
      <c r="E512" s="46">
        <v>83.7</v>
      </c>
      <c r="F512" s="46">
        <v>11.4</v>
      </c>
      <c r="G512" s="46">
        <v>0</v>
      </c>
      <c r="H512" s="46">
        <v>4.0999999999999996</v>
      </c>
      <c r="I512" s="46">
        <v>0.8</v>
      </c>
      <c r="J512" s="46">
        <v>0</v>
      </c>
      <c r="K512" s="46">
        <v>0</v>
      </c>
      <c r="L512" s="46">
        <v>0</v>
      </c>
      <c r="M512" s="46">
        <v>0</v>
      </c>
      <c r="N512" s="46">
        <v>0</v>
      </c>
      <c r="O512" s="47">
        <v>0</v>
      </c>
    </row>
    <row r="513" spans="1:25" ht="21.6" x14ac:dyDescent="0.2">
      <c r="B513" s="77"/>
      <c r="C513" s="39" t="s">
        <v>51</v>
      </c>
      <c r="D513" s="45">
        <v>124</v>
      </c>
      <c r="E513" s="46">
        <v>81.5</v>
      </c>
      <c r="F513" s="46">
        <v>9.6999999999999993</v>
      </c>
      <c r="G513" s="46">
        <v>5.6</v>
      </c>
      <c r="H513" s="46">
        <v>1.6</v>
      </c>
      <c r="I513" s="46">
        <v>1.6</v>
      </c>
      <c r="J513" s="46">
        <v>0</v>
      </c>
      <c r="K513" s="46">
        <v>0</v>
      </c>
      <c r="L513" s="46">
        <v>0</v>
      </c>
      <c r="M513" s="46">
        <v>0</v>
      </c>
      <c r="N513" s="46">
        <v>0</v>
      </c>
      <c r="O513" s="47">
        <v>0</v>
      </c>
    </row>
    <row r="514" spans="1:25" ht="21.6" x14ac:dyDescent="0.2">
      <c r="B514" s="77"/>
      <c r="C514" s="39" t="s">
        <v>52</v>
      </c>
      <c r="D514" s="45">
        <v>312</v>
      </c>
      <c r="E514" s="46">
        <v>64.099999999999994</v>
      </c>
      <c r="F514" s="46">
        <v>24.4</v>
      </c>
      <c r="G514" s="46">
        <v>8.6999999999999993</v>
      </c>
      <c r="H514" s="46">
        <v>2.2000000000000002</v>
      </c>
      <c r="I514" s="46">
        <v>0.3</v>
      </c>
      <c r="J514" s="46">
        <v>0.3</v>
      </c>
      <c r="K514" s="46">
        <v>0</v>
      </c>
      <c r="L514" s="46">
        <v>0</v>
      </c>
      <c r="M514" s="46">
        <v>0</v>
      </c>
      <c r="N514" s="46">
        <v>0</v>
      </c>
      <c r="O514" s="47">
        <v>0</v>
      </c>
    </row>
    <row r="515" spans="1:25" x14ac:dyDescent="0.2">
      <c r="B515" s="77"/>
      <c r="C515" s="39" t="s">
        <v>53</v>
      </c>
      <c r="D515" s="45">
        <v>269</v>
      </c>
      <c r="E515" s="46">
        <v>61</v>
      </c>
      <c r="F515" s="46">
        <v>23.4</v>
      </c>
      <c r="G515" s="46">
        <v>7.4</v>
      </c>
      <c r="H515" s="46">
        <v>3</v>
      </c>
      <c r="I515" s="46">
        <v>4.5</v>
      </c>
      <c r="J515" s="46">
        <v>0.7</v>
      </c>
      <c r="K515" s="46">
        <v>0</v>
      </c>
      <c r="L515" s="46">
        <v>0</v>
      </c>
      <c r="M515" s="46">
        <v>0</v>
      </c>
      <c r="N515" s="46">
        <v>0</v>
      </c>
      <c r="O515" s="47">
        <v>0</v>
      </c>
    </row>
    <row r="516" spans="1:25" ht="21.6" x14ac:dyDescent="0.2">
      <c r="B516" s="77"/>
      <c r="C516" s="39" t="s">
        <v>54</v>
      </c>
      <c r="D516" s="45">
        <v>511</v>
      </c>
      <c r="E516" s="46">
        <v>76.3</v>
      </c>
      <c r="F516" s="46">
        <v>10.199999999999999</v>
      </c>
      <c r="G516" s="46">
        <v>3.1</v>
      </c>
      <c r="H516" s="46">
        <v>6.1</v>
      </c>
      <c r="I516" s="46">
        <v>3.9</v>
      </c>
      <c r="J516" s="46">
        <v>0.4</v>
      </c>
      <c r="K516" s="46">
        <v>0</v>
      </c>
      <c r="L516" s="46">
        <v>0</v>
      </c>
      <c r="M516" s="46">
        <v>0</v>
      </c>
      <c r="N516" s="46">
        <v>0</v>
      </c>
      <c r="O516" s="47">
        <v>0</v>
      </c>
    </row>
    <row r="517" spans="1:25" ht="21.6" x14ac:dyDescent="0.2">
      <c r="B517" s="77"/>
      <c r="C517" s="39" t="s">
        <v>55</v>
      </c>
      <c r="D517" s="45">
        <v>615</v>
      </c>
      <c r="E517" s="46">
        <v>76.900000000000006</v>
      </c>
      <c r="F517" s="46">
        <v>9.4</v>
      </c>
      <c r="G517" s="46">
        <v>2.4</v>
      </c>
      <c r="H517" s="46">
        <v>7</v>
      </c>
      <c r="I517" s="46">
        <v>4.0999999999999996</v>
      </c>
      <c r="J517" s="46">
        <v>0.2</v>
      </c>
      <c r="K517" s="46">
        <v>0</v>
      </c>
      <c r="L517" s="46">
        <v>0</v>
      </c>
      <c r="M517" s="46">
        <v>0</v>
      </c>
      <c r="N517" s="46">
        <v>0</v>
      </c>
      <c r="O517" s="47">
        <v>0</v>
      </c>
    </row>
    <row r="518" spans="1:25" ht="21.6" x14ac:dyDescent="0.2">
      <c r="B518" s="77"/>
      <c r="C518" s="39" t="s">
        <v>56</v>
      </c>
      <c r="D518" s="45">
        <v>800</v>
      </c>
      <c r="E518" s="46">
        <v>77.3</v>
      </c>
      <c r="F518" s="46">
        <v>11.6</v>
      </c>
      <c r="G518" s="46">
        <v>2.5</v>
      </c>
      <c r="H518" s="46">
        <v>5.5</v>
      </c>
      <c r="I518" s="46">
        <v>2.9</v>
      </c>
      <c r="J518" s="46">
        <v>0.3</v>
      </c>
      <c r="K518" s="46">
        <v>0</v>
      </c>
      <c r="L518" s="46">
        <v>0</v>
      </c>
      <c r="M518" s="46">
        <v>0</v>
      </c>
      <c r="N518" s="46">
        <v>0</v>
      </c>
      <c r="O518" s="47">
        <v>0</v>
      </c>
    </row>
    <row r="519" spans="1:25" x14ac:dyDescent="0.2">
      <c r="B519" s="77"/>
      <c r="C519" s="40" t="s">
        <v>57</v>
      </c>
      <c r="D519" s="48">
        <v>798</v>
      </c>
      <c r="E519" s="49">
        <v>71.2</v>
      </c>
      <c r="F519" s="49">
        <v>16</v>
      </c>
      <c r="G519" s="49">
        <v>4.3</v>
      </c>
      <c r="H519" s="49">
        <v>5.4</v>
      </c>
      <c r="I519" s="49">
        <v>2.5</v>
      </c>
      <c r="J519" s="49">
        <v>0.6</v>
      </c>
      <c r="K519" s="49">
        <v>0</v>
      </c>
      <c r="L519" s="49">
        <v>0</v>
      </c>
      <c r="M519" s="49">
        <v>0</v>
      </c>
      <c r="N519" s="49">
        <v>0</v>
      </c>
      <c r="O519" s="50">
        <v>0</v>
      </c>
    </row>
    <row r="520" spans="1:25" x14ac:dyDescent="0.2">
      <c r="B520" s="7" t="s">
        <v>71</v>
      </c>
      <c r="C520" s="4" t="s">
        <v>82</v>
      </c>
    </row>
    <row r="521" spans="1:25" x14ac:dyDescent="0.2">
      <c r="B521" s="4"/>
      <c r="C521" s="4" t="s">
        <v>73</v>
      </c>
    </row>
    <row r="523" spans="1:25" x14ac:dyDescent="0.2">
      <c r="C523" t="s">
        <v>35</v>
      </c>
    </row>
    <row r="524" spans="1:25" x14ac:dyDescent="0.2">
      <c r="B524" s="75" t="s">
        <v>265</v>
      </c>
      <c r="C524" s="76"/>
      <c r="D524" s="76"/>
      <c r="E524" s="76"/>
      <c r="F524" s="76"/>
      <c r="G524" s="76"/>
      <c r="H524" s="76"/>
      <c r="I524" s="76"/>
      <c r="J524" s="76"/>
      <c r="K524" s="76"/>
      <c r="L524" s="76"/>
      <c r="M524" s="76"/>
      <c r="N524" s="76"/>
      <c r="O524" s="76"/>
      <c r="P524" s="76"/>
      <c r="Q524" s="76"/>
      <c r="R524" s="76"/>
      <c r="S524" s="76"/>
      <c r="T524" s="76"/>
      <c r="U524" s="76"/>
      <c r="V524" s="76"/>
      <c r="W524" s="76"/>
      <c r="X524" s="76"/>
      <c r="Y524" s="76"/>
    </row>
    <row r="525" spans="1:25" s="32" customFormat="1" ht="47.25" customHeight="1" x14ac:dyDescent="0.15">
      <c r="A525" s="31"/>
      <c r="D525" s="33" t="s">
        <v>378</v>
      </c>
      <c r="E525" s="36" t="s">
        <v>458</v>
      </c>
      <c r="F525" s="55" t="s">
        <v>459</v>
      </c>
      <c r="G525" s="55" t="s">
        <v>460</v>
      </c>
      <c r="H525" s="55" t="s">
        <v>461</v>
      </c>
      <c r="I525" s="55" t="s">
        <v>462</v>
      </c>
      <c r="J525" s="55" t="s">
        <v>463</v>
      </c>
      <c r="K525" s="55" t="s">
        <v>464</v>
      </c>
      <c r="L525" s="55" t="s">
        <v>465</v>
      </c>
      <c r="M525" s="55" t="s">
        <v>466</v>
      </c>
      <c r="N525" s="55" t="s">
        <v>467</v>
      </c>
      <c r="O525" s="37" t="s">
        <v>468</v>
      </c>
      <c r="P525" s="35" t="s">
        <v>381</v>
      </c>
    </row>
    <row r="526" spans="1:25" ht="21.6" x14ac:dyDescent="0.2">
      <c r="B526" s="77" t="s">
        <v>37</v>
      </c>
      <c r="C526" s="38" t="s">
        <v>58</v>
      </c>
      <c r="D526" s="51">
        <v>609</v>
      </c>
      <c r="E526" s="52">
        <v>80.3</v>
      </c>
      <c r="F526" s="52">
        <v>10.8</v>
      </c>
      <c r="G526" s="52">
        <v>2.5</v>
      </c>
      <c r="H526" s="52">
        <v>3.3</v>
      </c>
      <c r="I526" s="52">
        <v>2.8</v>
      </c>
      <c r="J526" s="52">
        <v>0.3</v>
      </c>
      <c r="K526" s="52">
        <v>0</v>
      </c>
      <c r="L526" s="52">
        <v>0</v>
      </c>
      <c r="M526" s="52">
        <v>0</v>
      </c>
      <c r="N526" s="52">
        <v>0</v>
      </c>
      <c r="O526" s="53">
        <v>0</v>
      </c>
    </row>
    <row r="527" spans="1:25" ht="21.6" x14ac:dyDescent="0.2">
      <c r="B527" s="77"/>
      <c r="C527" s="39" t="s">
        <v>59</v>
      </c>
      <c r="D527" s="45">
        <v>1391</v>
      </c>
      <c r="E527" s="46">
        <v>59.2</v>
      </c>
      <c r="F527" s="46">
        <v>20.6</v>
      </c>
      <c r="G527" s="46">
        <v>8.1999999999999993</v>
      </c>
      <c r="H527" s="46">
        <v>6.7</v>
      </c>
      <c r="I527" s="46">
        <v>5</v>
      </c>
      <c r="J527" s="46">
        <v>0.4</v>
      </c>
      <c r="K527" s="46">
        <v>0</v>
      </c>
      <c r="L527" s="46">
        <v>0</v>
      </c>
      <c r="M527" s="46">
        <v>0</v>
      </c>
      <c r="N527" s="46">
        <v>0</v>
      </c>
      <c r="O527" s="47">
        <v>0</v>
      </c>
    </row>
    <row r="528" spans="1:25" x14ac:dyDescent="0.2">
      <c r="B528" s="77"/>
      <c r="C528" s="39" t="s">
        <v>60</v>
      </c>
      <c r="D528" s="45">
        <v>1325</v>
      </c>
      <c r="E528" s="46">
        <v>66.599999999999994</v>
      </c>
      <c r="F528" s="46">
        <v>15.5</v>
      </c>
      <c r="G528" s="46">
        <v>6.9</v>
      </c>
      <c r="H528" s="46">
        <v>6.2</v>
      </c>
      <c r="I528" s="46">
        <v>4.5</v>
      </c>
      <c r="J528" s="46">
        <v>0.3</v>
      </c>
      <c r="K528" s="46">
        <v>0</v>
      </c>
      <c r="L528" s="46">
        <v>0</v>
      </c>
      <c r="M528" s="46">
        <v>0</v>
      </c>
      <c r="N528" s="46">
        <v>0</v>
      </c>
      <c r="O528" s="47">
        <v>0</v>
      </c>
    </row>
    <row r="529" spans="2:15" x14ac:dyDescent="0.2">
      <c r="B529" s="77"/>
      <c r="C529" s="39" t="s">
        <v>61</v>
      </c>
      <c r="D529" s="45">
        <v>675</v>
      </c>
      <c r="E529" s="46">
        <v>63.9</v>
      </c>
      <c r="F529" s="46">
        <v>21.8</v>
      </c>
      <c r="G529" s="46">
        <v>5.5</v>
      </c>
      <c r="H529" s="46">
        <v>4.5999999999999996</v>
      </c>
      <c r="I529" s="46">
        <v>3.9</v>
      </c>
      <c r="J529" s="46">
        <v>0.4</v>
      </c>
      <c r="K529" s="46">
        <v>0</v>
      </c>
      <c r="L529" s="46">
        <v>0</v>
      </c>
      <c r="M529" s="46">
        <v>0</v>
      </c>
      <c r="N529" s="46">
        <v>0</v>
      </c>
      <c r="O529" s="47">
        <v>0</v>
      </c>
    </row>
    <row r="530" spans="2:15" x14ac:dyDescent="0.2">
      <c r="B530" s="77"/>
      <c r="C530" s="39" t="s">
        <v>62</v>
      </c>
      <c r="D530" s="45">
        <v>1086</v>
      </c>
      <c r="E530" s="46">
        <v>82.6</v>
      </c>
      <c r="F530" s="46">
        <v>3.9</v>
      </c>
      <c r="G530" s="46">
        <v>6.1</v>
      </c>
      <c r="H530" s="46">
        <v>5.0999999999999996</v>
      </c>
      <c r="I530" s="46">
        <v>2</v>
      </c>
      <c r="J530" s="46">
        <v>0.4</v>
      </c>
      <c r="K530" s="46">
        <v>0</v>
      </c>
      <c r="L530" s="46">
        <v>0</v>
      </c>
      <c r="M530" s="46">
        <v>0</v>
      </c>
      <c r="N530" s="46">
        <v>0</v>
      </c>
      <c r="O530" s="47">
        <v>0</v>
      </c>
    </row>
    <row r="531" spans="2:15" ht="21.6" x14ac:dyDescent="0.2">
      <c r="B531" s="77"/>
      <c r="C531" s="39" t="s">
        <v>63</v>
      </c>
      <c r="D531" s="45">
        <v>203</v>
      </c>
      <c r="E531" s="46">
        <v>70.400000000000006</v>
      </c>
      <c r="F531" s="46">
        <v>5.9</v>
      </c>
      <c r="G531" s="46">
        <v>15.3</v>
      </c>
      <c r="H531" s="46">
        <v>4.9000000000000004</v>
      </c>
      <c r="I531" s="46">
        <v>3</v>
      </c>
      <c r="J531" s="46">
        <v>0.5</v>
      </c>
      <c r="K531" s="46">
        <v>0</v>
      </c>
      <c r="L531" s="46">
        <v>0</v>
      </c>
      <c r="M531" s="46">
        <v>0</v>
      </c>
      <c r="N531" s="46">
        <v>0</v>
      </c>
      <c r="O531" s="47">
        <v>0</v>
      </c>
    </row>
    <row r="532" spans="2:15" x14ac:dyDescent="0.2">
      <c r="B532" s="77"/>
      <c r="C532" s="39" t="s">
        <v>64</v>
      </c>
      <c r="D532" s="45">
        <v>263</v>
      </c>
      <c r="E532" s="46">
        <v>88.2</v>
      </c>
      <c r="F532" s="46">
        <v>2.2999999999999998</v>
      </c>
      <c r="G532" s="46">
        <v>6.1</v>
      </c>
      <c r="H532" s="46">
        <v>2.7</v>
      </c>
      <c r="I532" s="46">
        <v>0.8</v>
      </c>
      <c r="J532" s="46">
        <v>0</v>
      </c>
      <c r="K532" s="46">
        <v>0</v>
      </c>
      <c r="L532" s="46">
        <v>0</v>
      </c>
      <c r="M532" s="46">
        <v>0</v>
      </c>
      <c r="N532" s="46">
        <v>0</v>
      </c>
      <c r="O532" s="47">
        <v>0</v>
      </c>
    </row>
    <row r="533" spans="2:15" x14ac:dyDescent="0.2">
      <c r="B533" s="77"/>
      <c r="C533" s="39" t="s">
        <v>65</v>
      </c>
      <c r="D533" s="45">
        <v>312</v>
      </c>
      <c r="E533" s="46">
        <v>90.1</v>
      </c>
      <c r="F533" s="46">
        <v>3.2</v>
      </c>
      <c r="G533" s="46">
        <v>3.5</v>
      </c>
      <c r="H533" s="46">
        <v>2.2000000000000002</v>
      </c>
      <c r="I533" s="46">
        <v>1</v>
      </c>
      <c r="J533" s="46">
        <v>0</v>
      </c>
      <c r="K533" s="46">
        <v>0</v>
      </c>
      <c r="L533" s="46">
        <v>0</v>
      </c>
      <c r="M533" s="46">
        <v>0</v>
      </c>
      <c r="N533" s="46">
        <v>0</v>
      </c>
      <c r="O533" s="47">
        <v>0</v>
      </c>
    </row>
    <row r="534" spans="2:15" x14ac:dyDescent="0.2">
      <c r="B534" s="77"/>
      <c r="C534" s="39" t="s">
        <v>66</v>
      </c>
      <c r="D534" s="45">
        <v>230</v>
      </c>
      <c r="E534" s="46">
        <v>89.1</v>
      </c>
      <c r="F534" s="46">
        <v>1.3</v>
      </c>
      <c r="G534" s="46">
        <v>2.6</v>
      </c>
      <c r="H534" s="46">
        <v>3</v>
      </c>
      <c r="I534" s="46">
        <v>3.5</v>
      </c>
      <c r="J534" s="46">
        <v>0.4</v>
      </c>
      <c r="K534" s="46">
        <v>0</v>
      </c>
      <c r="L534" s="46">
        <v>0</v>
      </c>
      <c r="M534" s="46">
        <v>0</v>
      </c>
      <c r="N534" s="46">
        <v>0</v>
      </c>
      <c r="O534" s="47">
        <v>0</v>
      </c>
    </row>
    <row r="535" spans="2:15" x14ac:dyDescent="0.2">
      <c r="B535" s="77"/>
      <c r="C535" s="39" t="s">
        <v>67</v>
      </c>
      <c r="D535" s="45">
        <v>78</v>
      </c>
      <c r="E535" s="46">
        <v>46.2</v>
      </c>
      <c r="F535" s="46">
        <v>14.1</v>
      </c>
      <c r="G535" s="46">
        <v>2.6</v>
      </c>
      <c r="H535" s="46">
        <v>30.8</v>
      </c>
      <c r="I535" s="46">
        <v>3.8</v>
      </c>
      <c r="J535" s="46">
        <v>2.6</v>
      </c>
      <c r="K535" s="46">
        <v>0</v>
      </c>
      <c r="L535" s="46">
        <v>0</v>
      </c>
      <c r="M535" s="46">
        <v>0</v>
      </c>
      <c r="N535" s="46">
        <v>0</v>
      </c>
      <c r="O535" s="47">
        <v>0</v>
      </c>
    </row>
    <row r="536" spans="2:15" x14ac:dyDescent="0.2">
      <c r="B536" s="77"/>
      <c r="C536" s="39" t="s">
        <v>68</v>
      </c>
      <c r="D536" s="45">
        <v>897</v>
      </c>
      <c r="E536" s="46">
        <v>100</v>
      </c>
      <c r="F536" s="46">
        <v>0</v>
      </c>
      <c r="G536" s="46">
        <v>0</v>
      </c>
      <c r="H536" s="46">
        <v>0</v>
      </c>
      <c r="I536" s="46">
        <v>0</v>
      </c>
      <c r="J536" s="46">
        <v>0</v>
      </c>
      <c r="K536" s="46">
        <v>0</v>
      </c>
      <c r="L536" s="46">
        <v>0</v>
      </c>
      <c r="M536" s="46">
        <v>0</v>
      </c>
      <c r="N536" s="46">
        <v>0</v>
      </c>
      <c r="O536" s="47">
        <v>0</v>
      </c>
    </row>
    <row r="537" spans="2:15" x14ac:dyDescent="0.2">
      <c r="B537" s="77"/>
      <c r="C537" s="39" t="s">
        <v>69</v>
      </c>
      <c r="D537" s="45">
        <v>189</v>
      </c>
      <c r="E537" s="46">
        <v>0</v>
      </c>
      <c r="F537" s="46">
        <v>22.2</v>
      </c>
      <c r="G537" s="46">
        <v>34.9</v>
      </c>
      <c r="H537" s="46">
        <v>29.1</v>
      </c>
      <c r="I537" s="46">
        <v>11.6</v>
      </c>
      <c r="J537" s="46">
        <v>2.1</v>
      </c>
      <c r="K537" s="46">
        <v>0</v>
      </c>
      <c r="L537" s="46">
        <v>0</v>
      </c>
      <c r="M537" s="46">
        <v>0</v>
      </c>
      <c r="N537" s="46">
        <v>0</v>
      </c>
      <c r="O537" s="47">
        <v>0</v>
      </c>
    </row>
    <row r="538" spans="2:15" x14ac:dyDescent="0.2">
      <c r="B538" s="77"/>
      <c r="C538" s="39" t="s">
        <v>70</v>
      </c>
      <c r="D538" s="45">
        <v>914</v>
      </c>
      <c r="E538" s="46">
        <v>45.5</v>
      </c>
      <c r="F538" s="46">
        <v>33.9</v>
      </c>
      <c r="G538" s="46">
        <v>6.9</v>
      </c>
      <c r="H538" s="46">
        <v>6.3</v>
      </c>
      <c r="I538" s="46">
        <v>7</v>
      </c>
      <c r="J538" s="46">
        <v>0.3</v>
      </c>
      <c r="K538" s="46">
        <v>0</v>
      </c>
      <c r="L538" s="46">
        <v>0</v>
      </c>
      <c r="M538" s="46">
        <v>0</v>
      </c>
      <c r="N538" s="46">
        <v>0</v>
      </c>
      <c r="O538" s="47">
        <v>0</v>
      </c>
    </row>
    <row r="539" spans="2:15" ht="21.6" x14ac:dyDescent="0.2">
      <c r="B539" s="77"/>
      <c r="C539" s="39" t="s">
        <v>63</v>
      </c>
      <c r="D539" s="45">
        <v>193</v>
      </c>
      <c r="E539" s="46">
        <v>61.1</v>
      </c>
      <c r="F539" s="46">
        <v>13.5</v>
      </c>
      <c r="G539" s="46">
        <v>13.5</v>
      </c>
      <c r="H539" s="46">
        <v>5.2</v>
      </c>
      <c r="I539" s="46">
        <v>6.7</v>
      </c>
      <c r="J539" s="46">
        <v>0</v>
      </c>
      <c r="K539" s="46">
        <v>0</v>
      </c>
      <c r="L539" s="46">
        <v>0</v>
      </c>
      <c r="M539" s="46">
        <v>0</v>
      </c>
      <c r="N539" s="46">
        <v>0</v>
      </c>
      <c r="O539" s="47">
        <v>0</v>
      </c>
    </row>
    <row r="540" spans="2:15" x14ac:dyDescent="0.2">
      <c r="B540" s="77"/>
      <c r="C540" s="39" t="s">
        <v>64</v>
      </c>
      <c r="D540" s="45">
        <v>203</v>
      </c>
      <c r="E540" s="46">
        <v>55.2</v>
      </c>
      <c r="F540" s="46">
        <v>27.6</v>
      </c>
      <c r="G540" s="46">
        <v>5.9</v>
      </c>
      <c r="H540" s="46">
        <v>5.4</v>
      </c>
      <c r="I540" s="46">
        <v>5.4</v>
      </c>
      <c r="J540" s="46">
        <v>0.5</v>
      </c>
      <c r="K540" s="46">
        <v>0</v>
      </c>
      <c r="L540" s="46">
        <v>0</v>
      </c>
      <c r="M540" s="46">
        <v>0</v>
      </c>
      <c r="N540" s="46">
        <v>0</v>
      </c>
      <c r="O540" s="47">
        <v>0</v>
      </c>
    </row>
    <row r="541" spans="2:15" x14ac:dyDescent="0.2">
      <c r="B541" s="77"/>
      <c r="C541" s="39" t="s">
        <v>65</v>
      </c>
      <c r="D541" s="45">
        <v>263</v>
      </c>
      <c r="E541" s="46">
        <v>39.5</v>
      </c>
      <c r="F541" s="46">
        <v>40.299999999999997</v>
      </c>
      <c r="G541" s="46">
        <v>4.2</v>
      </c>
      <c r="H541" s="46">
        <v>6.8</v>
      </c>
      <c r="I541" s="46">
        <v>9.1</v>
      </c>
      <c r="J541" s="46">
        <v>0</v>
      </c>
      <c r="K541" s="46">
        <v>0</v>
      </c>
      <c r="L541" s="46">
        <v>0</v>
      </c>
      <c r="M541" s="46">
        <v>0</v>
      </c>
      <c r="N541" s="46">
        <v>0</v>
      </c>
      <c r="O541" s="47">
        <v>0</v>
      </c>
    </row>
    <row r="542" spans="2:15" x14ac:dyDescent="0.2">
      <c r="B542" s="77"/>
      <c r="C542" s="39" t="s">
        <v>66</v>
      </c>
      <c r="D542" s="45">
        <v>194</v>
      </c>
      <c r="E542" s="46">
        <v>36.1</v>
      </c>
      <c r="F542" s="46">
        <v>46.4</v>
      </c>
      <c r="G542" s="46">
        <v>4.0999999999999996</v>
      </c>
      <c r="H542" s="46">
        <v>5.7</v>
      </c>
      <c r="I542" s="46">
        <v>7.2</v>
      </c>
      <c r="J542" s="46">
        <v>0.5</v>
      </c>
      <c r="K542" s="46">
        <v>0</v>
      </c>
      <c r="L542" s="46">
        <v>0</v>
      </c>
      <c r="M542" s="46">
        <v>0</v>
      </c>
      <c r="N542" s="46">
        <v>0</v>
      </c>
      <c r="O542" s="47">
        <v>0</v>
      </c>
    </row>
    <row r="543" spans="2:15" x14ac:dyDescent="0.2">
      <c r="B543" s="77"/>
      <c r="C543" s="39" t="s">
        <v>67</v>
      </c>
      <c r="D543" s="45">
        <v>61</v>
      </c>
      <c r="E543" s="46">
        <v>19.7</v>
      </c>
      <c r="F543" s="46">
        <v>52.5</v>
      </c>
      <c r="G543" s="46">
        <v>9.8000000000000007</v>
      </c>
      <c r="H543" s="46">
        <v>13.1</v>
      </c>
      <c r="I543" s="46">
        <v>3.3</v>
      </c>
      <c r="J543" s="46">
        <v>1.6</v>
      </c>
      <c r="K543" s="46">
        <v>0</v>
      </c>
      <c r="L543" s="46">
        <v>0</v>
      </c>
      <c r="M543" s="46">
        <v>0</v>
      </c>
      <c r="N543" s="46">
        <v>0</v>
      </c>
      <c r="O543" s="47">
        <v>0</v>
      </c>
    </row>
    <row r="544" spans="2:15" x14ac:dyDescent="0.2">
      <c r="B544" s="77"/>
      <c r="C544" s="39" t="s">
        <v>68</v>
      </c>
      <c r="D544" s="45">
        <v>416</v>
      </c>
      <c r="E544" s="46">
        <v>100</v>
      </c>
      <c r="F544" s="46">
        <v>0</v>
      </c>
      <c r="G544" s="46">
        <v>0</v>
      </c>
      <c r="H544" s="46">
        <v>0</v>
      </c>
      <c r="I544" s="46">
        <v>0</v>
      </c>
      <c r="J544" s="46">
        <v>0</v>
      </c>
      <c r="K544" s="46">
        <v>0</v>
      </c>
      <c r="L544" s="46">
        <v>0</v>
      </c>
      <c r="M544" s="46">
        <v>0</v>
      </c>
      <c r="N544" s="46">
        <v>0</v>
      </c>
      <c r="O544" s="47">
        <v>0</v>
      </c>
    </row>
    <row r="545" spans="1:25" x14ac:dyDescent="0.2">
      <c r="B545" s="77"/>
      <c r="C545" s="40" t="s">
        <v>69</v>
      </c>
      <c r="D545" s="48">
        <v>498</v>
      </c>
      <c r="E545" s="49">
        <v>0</v>
      </c>
      <c r="F545" s="49">
        <v>62.2</v>
      </c>
      <c r="G545" s="49">
        <v>12.7</v>
      </c>
      <c r="H545" s="49">
        <v>11.6</v>
      </c>
      <c r="I545" s="49">
        <v>12.9</v>
      </c>
      <c r="J545" s="49">
        <v>0.6</v>
      </c>
      <c r="K545" s="49">
        <v>0</v>
      </c>
      <c r="L545" s="49">
        <v>0</v>
      </c>
      <c r="M545" s="49">
        <v>0</v>
      </c>
      <c r="N545" s="49">
        <v>0</v>
      </c>
      <c r="O545" s="50">
        <v>0</v>
      </c>
    </row>
    <row r="546" spans="1:25" x14ac:dyDescent="0.2">
      <c r="B546" s="7" t="s">
        <v>71</v>
      </c>
      <c r="C546" s="4" t="s">
        <v>82</v>
      </c>
    </row>
    <row r="547" spans="1:25" x14ac:dyDescent="0.2">
      <c r="B547" s="4"/>
      <c r="C547" s="4" t="s">
        <v>73</v>
      </c>
    </row>
    <row r="549" spans="1:25" x14ac:dyDescent="0.2">
      <c r="A549" s="26" t="s">
        <v>25</v>
      </c>
      <c r="B549" t="s">
        <v>35</v>
      </c>
      <c r="C549" t="s">
        <v>35</v>
      </c>
    </row>
    <row r="550" spans="1:25" x14ac:dyDescent="0.2">
      <c r="B550" s="75" t="s">
        <v>83</v>
      </c>
      <c r="C550" s="76"/>
      <c r="D550" s="76"/>
      <c r="E550" s="76"/>
      <c r="F550" s="76"/>
      <c r="G550" s="76"/>
      <c r="H550" s="76"/>
      <c r="I550" s="76"/>
      <c r="J550" s="76"/>
      <c r="K550" s="76"/>
      <c r="L550" s="76"/>
      <c r="M550" s="76"/>
      <c r="N550" s="76"/>
      <c r="O550" s="76"/>
      <c r="P550" s="76"/>
      <c r="Q550" s="76"/>
      <c r="R550" s="76"/>
      <c r="S550" s="76"/>
      <c r="T550" s="76"/>
      <c r="U550" s="76"/>
      <c r="V550" s="76"/>
      <c r="W550" s="76"/>
      <c r="X550" s="76"/>
      <c r="Y550" s="76"/>
    </row>
    <row r="551" spans="1:25" s="32" customFormat="1" ht="36.450000000000003" customHeight="1" x14ac:dyDescent="0.15">
      <c r="A551" s="31"/>
      <c r="D551" s="33" t="s">
        <v>378</v>
      </c>
      <c r="E551" s="36" t="s">
        <v>469</v>
      </c>
      <c r="F551" s="37" t="s">
        <v>470</v>
      </c>
      <c r="G551" s="35" t="s">
        <v>381</v>
      </c>
    </row>
    <row r="552" spans="1:25" x14ac:dyDescent="0.2">
      <c r="B552" s="5"/>
      <c r="C552" s="41" t="s">
        <v>38</v>
      </c>
      <c r="D552" s="42">
        <v>2000</v>
      </c>
      <c r="E552" s="43">
        <v>65.7</v>
      </c>
      <c r="F552" s="44">
        <v>34.4</v>
      </c>
    </row>
    <row r="553" spans="1:25" x14ac:dyDescent="0.2">
      <c r="B553" s="77" t="s">
        <v>37</v>
      </c>
      <c r="C553" s="39" t="s">
        <v>39</v>
      </c>
      <c r="D553" s="45">
        <v>111</v>
      </c>
      <c r="E553" s="46">
        <v>86.5</v>
      </c>
      <c r="F553" s="47">
        <v>13.5</v>
      </c>
    </row>
    <row r="554" spans="1:25" x14ac:dyDescent="0.2">
      <c r="B554" s="77"/>
      <c r="C554" s="39" t="s">
        <v>40</v>
      </c>
      <c r="D554" s="45">
        <v>450</v>
      </c>
      <c r="E554" s="46">
        <v>77.099999999999994</v>
      </c>
      <c r="F554" s="47">
        <v>22.9</v>
      </c>
    </row>
    <row r="555" spans="1:25" ht="21.6" x14ac:dyDescent="0.2">
      <c r="B555" s="77"/>
      <c r="C555" s="39" t="s">
        <v>41</v>
      </c>
      <c r="D555" s="45">
        <v>30</v>
      </c>
      <c r="E555" s="46">
        <v>60</v>
      </c>
      <c r="F555" s="47">
        <v>40</v>
      </c>
    </row>
    <row r="556" spans="1:25" ht="21.6" x14ac:dyDescent="0.2">
      <c r="B556" s="77"/>
      <c r="C556" s="39" t="s">
        <v>42</v>
      </c>
      <c r="D556" s="45">
        <v>336</v>
      </c>
      <c r="E556" s="46">
        <v>77.7</v>
      </c>
      <c r="F556" s="47">
        <v>22.3</v>
      </c>
    </row>
    <row r="557" spans="1:25" ht="21.6" x14ac:dyDescent="0.2">
      <c r="B557" s="77"/>
      <c r="C557" s="39" t="s">
        <v>43</v>
      </c>
      <c r="D557" s="45">
        <v>327</v>
      </c>
      <c r="E557" s="46">
        <v>45.3</v>
      </c>
      <c r="F557" s="47">
        <v>54.7</v>
      </c>
    </row>
    <row r="558" spans="1:25" ht="21.6" x14ac:dyDescent="0.2">
      <c r="B558" s="77"/>
      <c r="C558" s="39" t="s">
        <v>44</v>
      </c>
      <c r="D558" s="45">
        <v>181</v>
      </c>
      <c r="E558" s="46">
        <v>77.900000000000006</v>
      </c>
      <c r="F558" s="47">
        <v>22.1</v>
      </c>
    </row>
    <row r="559" spans="1:25" ht="21.6" x14ac:dyDescent="0.2">
      <c r="B559" s="77"/>
      <c r="C559" s="39" t="s">
        <v>45</v>
      </c>
      <c r="D559" s="45">
        <v>565</v>
      </c>
      <c r="E559" s="46">
        <v>53.5</v>
      </c>
      <c r="F559" s="47">
        <v>46.5</v>
      </c>
    </row>
    <row r="560" spans="1:25" ht="21.6" x14ac:dyDescent="0.2">
      <c r="B560" s="77"/>
      <c r="C560" s="39" t="s">
        <v>46</v>
      </c>
      <c r="D560" s="45">
        <v>473</v>
      </c>
      <c r="E560" s="46">
        <v>47.8</v>
      </c>
      <c r="F560" s="47">
        <v>52.2</v>
      </c>
    </row>
    <row r="561" spans="1:25" ht="21.6" x14ac:dyDescent="0.2">
      <c r="B561" s="77"/>
      <c r="C561" s="39" t="s">
        <v>47</v>
      </c>
      <c r="D561" s="45">
        <v>441</v>
      </c>
      <c r="E561" s="46">
        <v>69.400000000000006</v>
      </c>
      <c r="F561" s="47">
        <v>30.6</v>
      </c>
    </row>
    <row r="562" spans="1:25" ht="21.6" x14ac:dyDescent="0.2">
      <c r="B562" s="77"/>
      <c r="C562" s="39" t="s">
        <v>48</v>
      </c>
      <c r="D562" s="45">
        <v>305</v>
      </c>
      <c r="E562" s="46">
        <v>77.400000000000006</v>
      </c>
      <c r="F562" s="47">
        <v>22.6</v>
      </c>
    </row>
    <row r="563" spans="1:25" ht="21.6" x14ac:dyDescent="0.2">
      <c r="B563" s="77"/>
      <c r="C563" s="39" t="s">
        <v>49</v>
      </c>
      <c r="D563" s="45">
        <v>223</v>
      </c>
      <c r="E563" s="46">
        <v>77.099999999999994</v>
      </c>
      <c r="F563" s="47">
        <v>22.9</v>
      </c>
    </row>
    <row r="564" spans="1:25" ht="21.6" x14ac:dyDescent="0.2">
      <c r="B564" s="77"/>
      <c r="C564" s="39" t="s">
        <v>50</v>
      </c>
      <c r="D564" s="45">
        <v>123</v>
      </c>
      <c r="E564" s="46">
        <v>83.7</v>
      </c>
      <c r="F564" s="47">
        <v>16.3</v>
      </c>
    </row>
    <row r="565" spans="1:25" ht="21.6" x14ac:dyDescent="0.2">
      <c r="B565" s="77"/>
      <c r="C565" s="39" t="s">
        <v>51</v>
      </c>
      <c r="D565" s="45">
        <v>124</v>
      </c>
      <c r="E565" s="46">
        <v>81.5</v>
      </c>
      <c r="F565" s="47">
        <v>18.5</v>
      </c>
    </row>
    <row r="566" spans="1:25" ht="21.6" x14ac:dyDescent="0.2">
      <c r="B566" s="77"/>
      <c r="C566" s="39" t="s">
        <v>52</v>
      </c>
      <c r="D566" s="45">
        <v>312</v>
      </c>
      <c r="E566" s="46">
        <v>64.099999999999994</v>
      </c>
      <c r="F566" s="47">
        <v>35.9</v>
      </c>
    </row>
    <row r="567" spans="1:25" x14ac:dyDescent="0.2">
      <c r="B567" s="77"/>
      <c r="C567" s="39" t="s">
        <v>53</v>
      </c>
      <c r="D567" s="45">
        <v>269</v>
      </c>
      <c r="E567" s="46">
        <v>61</v>
      </c>
      <c r="F567" s="47">
        <v>39</v>
      </c>
    </row>
    <row r="568" spans="1:25" ht="21.6" x14ac:dyDescent="0.2">
      <c r="B568" s="77"/>
      <c r="C568" s="39" t="s">
        <v>54</v>
      </c>
      <c r="D568" s="45">
        <v>511</v>
      </c>
      <c r="E568" s="46">
        <v>76.3</v>
      </c>
      <c r="F568" s="47">
        <v>23.7</v>
      </c>
    </row>
    <row r="569" spans="1:25" ht="21.6" x14ac:dyDescent="0.2">
      <c r="B569" s="77"/>
      <c r="C569" s="39" t="s">
        <v>55</v>
      </c>
      <c r="D569" s="45">
        <v>615</v>
      </c>
      <c r="E569" s="46">
        <v>76.900000000000006</v>
      </c>
      <c r="F569" s="47">
        <v>23.1</v>
      </c>
    </row>
    <row r="570" spans="1:25" ht="21.6" x14ac:dyDescent="0.2">
      <c r="B570" s="77"/>
      <c r="C570" s="39" t="s">
        <v>56</v>
      </c>
      <c r="D570" s="45">
        <v>800</v>
      </c>
      <c r="E570" s="46">
        <v>77.3</v>
      </c>
      <c r="F570" s="47">
        <v>22.8</v>
      </c>
    </row>
    <row r="571" spans="1:25" x14ac:dyDescent="0.2">
      <c r="B571" s="77"/>
      <c r="C571" s="40" t="s">
        <v>57</v>
      </c>
      <c r="D571" s="48">
        <v>798</v>
      </c>
      <c r="E571" s="49">
        <v>71.2</v>
      </c>
      <c r="F571" s="50">
        <v>28.8</v>
      </c>
    </row>
    <row r="573" spans="1:25" x14ac:dyDescent="0.2">
      <c r="C573" t="s">
        <v>35</v>
      </c>
    </row>
    <row r="574" spans="1:25" x14ac:dyDescent="0.2">
      <c r="B574" s="75" t="s">
        <v>266</v>
      </c>
      <c r="C574" s="76"/>
      <c r="D574" s="76"/>
      <c r="E574" s="76"/>
      <c r="F574" s="76"/>
      <c r="G574" s="76"/>
      <c r="H574" s="76"/>
      <c r="I574" s="76"/>
      <c r="J574" s="76"/>
      <c r="K574" s="76"/>
      <c r="L574" s="76"/>
      <c r="M574" s="76"/>
      <c r="N574" s="76"/>
      <c r="O574" s="76"/>
      <c r="P574" s="76"/>
      <c r="Q574" s="76"/>
      <c r="R574" s="76"/>
      <c r="S574" s="76"/>
      <c r="T574" s="76"/>
      <c r="U574" s="76"/>
      <c r="V574" s="76"/>
      <c r="W574" s="76"/>
      <c r="X574" s="76"/>
      <c r="Y574" s="76"/>
    </row>
    <row r="575" spans="1:25" s="32" customFormat="1" ht="36.450000000000003" customHeight="1" x14ac:dyDescent="0.15">
      <c r="A575" s="31"/>
      <c r="D575" s="33" t="s">
        <v>378</v>
      </c>
      <c r="E575" s="36" t="s">
        <v>469</v>
      </c>
      <c r="F575" s="37" t="s">
        <v>470</v>
      </c>
      <c r="G575" s="35" t="s">
        <v>381</v>
      </c>
    </row>
    <row r="576" spans="1:25" ht="21.6" x14ac:dyDescent="0.2">
      <c r="B576" s="77" t="s">
        <v>37</v>
      </c>
      <c r="C576" s="38" t="s">
        <v>58</v>
      </c>
      <c r="D576" s="51">
        <v>609</v>
      </c>
      <c r="E576" s="52">
        <v>80.3</v>
      </c>
      <c r="F576" s="53">
        <v>19.7</v>
      </c>
    </row>
    <row r="577" spans="2:6" ht="21.6" x14ac:dyDescent="0.2">
      <c r="B577" s="77"/>
      <c r="C577" s="39" t="s">
        <v>59</v>
      </c>
      <c r="D577" s="45">
        <v>1391</v>
      </c>
      <c r="E577" s="46">
        <v>59.2</v>
      </c>
      <c r="F577" s="47">
        <v>40.799999999999997</v>
      </c>
    </row>
    <row r="578" spans="2:6" x14ac:dyDescent="0.2">
      <c r="B578" s="77"/>
      <c r="C578" s="39" t="s">
        <v>60</v>
      </c>
      <c r="D578" s="45">
        <v>1325</v>
      </c>
      <c r="E578" s="46">
        <v>66.599999999999994</v>
      </c>
      <c r="F578" s="47">
        <v>33.4</v>
      </c>
    </row>
    <row r="579" spans="2:6" x14ac:dyDescent="0.2">
      <c r="B579" s="77"/>
      <c r="C579" s="39" t="s">
        <v>61</v>
      </c>
      <c r="D579" s="45">
        <v>675</v>
      </c>
      <c r="E579" s="46">
        <v>63.9</v>
      </c>
      <c r="F579" s="47">
        <v>36.1</v>
      </c>
    </row>
    <row r="580" spans="2:6" x14ac:dyDescent="0.2">
      <c r="B580" s="77"/>
      <c r="C580" s="39" t="s">
        <v>62</v>
      </c>
      <c r="D580" s="45">
        <v>1086</v>
      </c>
      <c r="E580" s="46">
        <v>82.6</v>
      </c>
      <c r="F580" s="47">
        <v>17.399999999999999</v>
      </c>
    </row>
    <row r="581" spans="2:6" ht="21.6" x14ac:dyDescent="0.2">
      <c r="B581" s="77"/>
      <c r="C581" s="39" t="s">
        <v>63</v>
      </c>
      <c r="D581" s="45">
        <v>203</v>
      </c>
      <c r="E581" s="46">
        <v>70.400000000000006</v>
      </c>
      <c r="F581" s="47">
        <v>29.6</v>
      </c>
    </row>
    <row r="582" spans="2:6" x14ac:dyDescent="0.2">
      <c r="B582" s="77"/>
      <c r="C582" s="39" t="s">
        <v>64</v>
      </c>
      <c r="D582" s="45">
        <v>263</v>
      </c>
      <c r="E582" s="46">
        <v>88.2</v>
      </c>
      <c r="F582" s="47">
        <v>11.8</v>
      </c>
    </row>
    <row r="583" spans="2:6" x14ac:dyDescent="0.2">
      <c r="B583" s="77"/>
      <c r="C583" s="39" t="s">
        <v>65</v>
      </c>
      <c r="D583" s="45">
        <v>312</v>
      </c>
      <c r="E583" s="46">
        <v>90.1</v>
      </c>
      <c r="F583" s="47">
        <v>9.9</v>
      </c>
    </row>
    <row r="584" spans="2:6" x14ac:dyDescent="0.2">
      <c r="B584" s="77"/>
      <c r="C584" s="39" t="s">
        <v>66</v>
      </c>
      <c r="D584" s="45">
        <v>230</v>
      </c>
      <c r="E584" s="46">
        <v>89.1</v>
      </c>
      <c r="F584" s="47">
        <v>10.9</v>
      </c>
    </row>
    <row r="585" spans="2:6" x14ac:dyDescent="0.2">
      <c r="B585" s="77"/>
      <c r="C585" s="39" t="s">
        <v>67</v>
      </c>
      <c r="D585" s="45">
        <v>78</v>
      </c>
      <c r="E585" s="46">
        <v>46.2</v>
      </c>
      <c r="F585" s="47">
        <v>53.8</v>
      </c>
    </row>
    <row r="586" spans="2:6" x14ac:dyDescent="0.2">
      <c r="B586" s="77"/>
      <c r="C586" s="39" t="s">
        <v>68</v>
      </c>
      <c r="D586" s="45">
        <v>897</v>
      </c>
      <c r="E586" s="46">
        <v>100</v>
      </c>
      <c r="F586" s="47">
        <v>0</v>
      </c>
    </row>
    <row r="587" spans="2:6" x14ac:dyDescent="0.2">
      <c r="B587" s="77"/>
      <c r="C587" s="39" t="s">
        <v>69</v>
      </c>
      <c r="D587" s="45">
        <v>189</v>
      </c>
      <c r="E587" s="46">
        <v>0</v>
      </c>
      <c r="F587" s="47">
        <v>100</v>
      </c>
    </row>
    <row r="588" spans="2:6" x14ac:dyDescent="0.2">
      <c r="B588" s="77"/>
      <c r="C588" s="39" t="s">
        <v>70</v>
      </c>
      <c r="D588" s="45">
        <v>914</v>
      </c>
      <c r="E588" s="46">
        <v>45.5</v>
      </c>
      <c r="F588" s="47">
        <v>54.5</v>
      </c>
    </row>
    <row r="589" spans="2:6" ht="21.6" x14ac:dyDescent="0.2">
      <c r="B589" s="77"/>
      <c r="C589" s="39" t="s">
        <v>63</v>
      </c>
      <c r="D589" s="45">
        <v>193</v>
      </c>
      <c r="E589" s="46">
        <v>61.1</v>
      </c>
      <c r="F589" s="47">
        <v>38.9</v>
      </c>
    </row>
    <row r="590" spans="2:6" x14ac:dyDescent="0.2">
      <c r="B590" s="77"/>
      <c r="C590" s="39" t="s">
        <v>64</v>
      </c>
      <c r="D590" s="45">
        <v>203</v>
      </c>
      <c r="E590" s="46">
        <v>55.2</v>
      </c>
      <c r="F590" s="47">
        <v>44.8</v>
      </c>
    </row>
    <row r="591" spans="2:6" x14ac:dyDescent="0.2">
      <c r="B591" s="77"/>
      <c r="C591" s="39" t="s">
        <v>65</v>
      </c>
      <c r="D591" s="45">
        <v>263</v>
      </c>
      <c r="E591" s="46">
        <v>39.5</v>
      </c>
      <c r="F591" s="47">
        <v>60.5</v>
      </c>
    </row>
    <row r="592" spans="2:6" x14ac:dyDescent="0.2">
      <c r="B592" s="77"/>
      <c r="C592" s="39" t="s">
        <v>66</v>
      </c>
      <c r="D592" s="45">
        <v>194</v>
      </c>
      <c r="E592" s="46">
        <v>36.1</v>
      </c>
      <c r="F592" s="47">
        <v>63.9</v>
      </c>
    </row>
    <row r="593" spans="1:25" x14ac:dyDescent="0.2">
      <c r="B593" s="77"/>
      <c r="C593" s="39" t="s">
        <v>67</v>
      </c>
      <c r="D593" s="45">
        <v>61</v>
      </c>
      <c r="E593" s="46">
        <v>19.7</v>
      </c>
      <c r="F593" s="47">
        <v>80.3</v>
      </c>
    </row>
    <row r="594" spans="1:25" x14ac:dyDescent="0.2">
      <c r="B594" s="77"/>
      <c r="C594" s="39" t="s">
        <v>68</v>
      </c>
      <c r="D594" s="45">
        <v>416</v>
      </c>
      <c r="E594" s="46">
        <v>100</v>
      </c>
      <c r="F594" s="47">
        <v>0</v>
      </c>
    </row>
    <row r="595" spans="1:25" x14ac:dyDescent="0.2">
      <c r="B595" s="77"/>
      <c r="C595" s="40" t="s">
        <v>69</v>
      </c>
      <c r="D595" s="48">
        <v>498</v>
      </c>
      <c r="E595" s="49">
        <v>0</v>
      </c>
      <c r="F595" s="50">
        <v>100</v>
      </c>
    </row>
    <row r="597" spans="1:25" x14ac:dyDescent="0.2">
      <c r="A597" s="26" t="s">
        <v>25</v>
      </c>
      <c r="B597" t="s">
        <v>35</v>
      </c>
      <c r="C597" t="s">
        <v>35</v>
      </c>
    </row>
    <row r="598" spans="1:25" x14ac:dyDescent="0.2">
      <c r="B598" s="75" t="s">
        <v>84</v>
      </c>
      <c r="C598" s="76"/>
      <c r="D598" s="76"/>
      <c r="E598" s="76"/>
      <c r="F598" s="76"/>
      <c r="G598" s="76"/>
      <c r="H598" s="76"/>
      <c r="I598" s="76"/>
      <c r="J598" s="76"/>
      <c r="K598" s="76"/>
      <c r="L598" s="76"/>
      <c r="M598" s="76"/>
      <c r="N598" s="76"/>
      <c r="O598" s="76"/>
      <c r="P598" s="76"/>
      <c r="Q598" s="76"/>
      <c r="R598" s="76"/>
      <c r="S598" s="76"/>
      <c r="T598" s="76"/>
      <c r="U598" s="76"/>
      <c r="V598" s="76"/>
      <c r="W598" s="76"/>
      <c r="X598" s="76"/>
      <c r="Y598" s="76"/>
    </row>
    <row r="599" spans="1:25" s="32" customFormat="1" ht="47.25" customHeight="1" x14ac:dyDescent="0.15">
      <c r="A599" s="31"/>
      <c r="D599" s="33" t="s">
        <v>378</v>
      </c>
      <c r="E599" s="36" t="s">
        <v>469</v>
      </c>
      <c r="F599" s="55" t="s">
        <v>471</v>
      </c>
      <c r="G599" s="55" t="s">
        <v>472</v>
      </c>
      <c r="H599" s="37" t="s">
        <v>462</v>
      </c>
      <c r="I599" s="35" t="s">
        <v>381</v>
      </c>
    </row>
    <row r="600" spans="1:25" x14ac:dyDescent="0.2">
      <c r="B600" s="5"/>
      <c r="C600" s="41" t="s">
        <v>38</v>
      </c>
      <c r="D600" s="42">
        <v>2000</v>
      </c>
      <c r="E600" s="43">
        <v>65.7</v>
      </c>
      <c r="F600" s="43">
        <v>24.1</v>
      </c>
      <c r="G600" s="43">
        <v>6</v>
      </c>
      <c r="H600" s="44">
        <v>4.3</v>
      </c>
    </row>
    <row r="601" spans="1:25" x14ac:dyDescent="0.2">
      <c r="B601" s="77" t="s">
        <v>37</v>
      </c>
      <c r="C601" s="39" t="s">
        <v>39</v>
      </c>
      <c r="D601" s="45">
        <v>111</v>
      </c>
      <c r="E601" s="46">
        <v>86.5</v>
      </c>
      <c r="F601" s="46">
        <v>8.1</v>
      </c>
      <c r="G601" s="46">
        <v>3.6</v>
      </c>
      <c r="H601" s="47">
        <v>1.8</v>
      </c>
    </row>
    <row r="602" spans="1:25" x14ac:dyDescent="0.2">
      <c r="B602" s="77"/>
      <c r="C602" s="39" t="s">
        <v>40</v>
      </c>
      <c r="D602" s="45">
        <v>450</v>
      </c>
      <c r="E602" s="46">
        <v>77.099999999999994</v>
      </c>
      <c r="F602" s="46">
        <v>11.3</v>
      </c>
      <c r="G602" s="46">
        <v>5.8</v>
      </c>
      <c r="H602" s="47">
        <v>5.8</v>
      </c>
    </row>
    <row r="603" spans="1:25" ht="21.6" x14ac:dyDescent="0.2">
      <c r="B603" s="77"/>
      <c r="C603" s="39" t="s">
        <v>41</v>
      </c>
      <c r="D603" s="45">
        <v>30</v>
      </c>
      <c r="E603" s="46">
        <v>60</v>
      </c>
      <c r="F603" s="46">
        <v>16.7</v>
      </c>
      <c r="G603" s="46">
        <v>6.7</v>
      </c>
      <c r="H603" s="47">
        <v>16.7</v>
      </c>
    </row>
    <row r="604" spans="1:25" ht="21.6" x14ac:dyDescent="0.2">
      <c r="B604" s="77"/>
      <c r="C604" s="39" t="s">
        <v>42</v>
      </c>
      <c r="D604" s="45">
        <v>336</v>
      </c>
      <c r="E604" s="46">
        <v>77.7</v>
      </c>
      <c r="F604" s="46">
        <v>9.5</v>
      </c>
      <c r="G604" s="46">
        <v>8</v>
      </c>
      <c r="H604" s="47">
        <v>4.8</v>
      </c>
    </row>
    <row r="605" spans="1:25" ht="21.6" x14ac:dyDescent="0.2">
      <c r="B605" s="77"/>
      <c r="C605" s="39" t="s">
        <v>43</v>
      </c>
      <c r="D605" s="45">
        <v>327</v>
      </c>
      <c r="E605" s="46">
        <v>45.3</v>
      </c>
      <c r="F605" s="46">
        <v>49.5</v>
      </c>
      <c r="G605" s="46">
        <v>4</v>
      </c>
      <c r="H605" s="47">
        <v>1.2</v>
      </c>
    </row>
    <row r="606" spans="1:25" ht="21.6" x14ac:dyDescent="0.2">
      <c r="B606" s="77"/>
      <c r="C606" s="39" t="s">
        <v>44</v>
      </c>
      <c r="D606" s="45">
        <v>181</v>
      </c>
      <c r="E606" s="46">
        <v>77.900000000000006</v>
      </c>
      <c r="F606" s="46">
        <v>10.5</v>
      </c>
      <c r="G606" s="46">
        <v>6.6</v>
      </c>
      <c r="H606" s="47">
        <v>5</v>
      </c>
    </row>
    <row r="607" spans="1:25" ht="21.6" x14ac:dyDescent="0.2">
      <c r="B607" s="77"/>
      <c r="C607" s="39" t="s">
        <v>45</v>
      </c>
      <c r="D607" s="45">
        <v>565</v>
      </c>
      <c r="E607" s="46">
        <v>53.5</v>
      </c>
      <c r="F607" s="46">
        <v>35.9</v>
      </c>
      <c r="G607" s="46">
        <v>6.4</v>
      </c>
      <c r="H607" s="47">
        <v>4.2</v>
      </c>
    </row>
    <row r="608" spans="1:25" ht="21.6" x14ac:dyDescent="0.2">
      <c r="B608" s="77"/>
      <c r="C608" s="39" t="s">
        <v>46</v>
      </c>
      <c r="D608" s="45">
        <v>473</v>
      </c>
      <c r="E608" s="46">
        <v>47.8</v>
      </c>
      <c r="F608" s="46">
        <v>34.700000000000003</v>
      </c>
      <c r="G608" s="46">
        <v>9.1</v>
      </c>
      <c r="H608" s="47">
        <v>8.5</v>
      </c>
    </row>
    <row r="609" spans="1:25" ht="21.6" x14ac:dyDescent="0.2">
      <c r="B609" s="77"/>
      <c r="C609" s="39" t="s">
        <v>47</v>
      </c>
      <c r="D609" s="45">
        <v>441</v>
      </c>
      <c r="E609" s="46">
        <v>69.400000000000006</v>
      </c>
      <c r="F609" s="46">
        <v>22.2</v>
      </c>
      <c r="G609" s="46">
        <v>4.3</v>
      </c>
      <c r="H609" s="47">
        <v>4.0999999999999996</v>
      </c>
    </row>
    <row r="610" spans="1:25" ht="21.6" x14ac:dyDescent="0.2">
      <c r="B610" s="77"/>
      <c r="C610" s="39" t="s">
        <v>48</v>
      </c>
      <c r="D610" s="45">
        <v>305</v>
      </c>
      <c r="E610" s="46">
        <v>77.400000000000006</v>
      </c>
      <c r="F610" s="46">
        <v>15.7</v>
      </c>
      <c r="G610" s="46">
        <v>4.9000000000000004</v>
      </c>
      <c r="H610" s="47">
        <v>2</v>
      </c>
    </row>
    <row r="611" spans="1:25" ht="21.6" x14ac:dyDescent="0.2">
      <c r="B611" s="77"/>
      <c r="C611" s="39" t="s">
        <v>49</v>
      </c>
      <c r="D611" s="45">
        <v>223</v>
      </c>
      <c r="E611" s="46">
        <v>77.099999999999994</v>
      </c>
      <c r="F611" s="46">
        <v>14.3</v>
      </c>
      <c r="G611" s="46">
        <v>7.2</v>
      </c>
      <c r="H611" s="47">
        <v>1.3</v>
      </c>
    </row>
    <row r="612" spans="1:25" ht="21.6" x14ac:dyDescent="0.2">
      <c r="B612" s="77"/>
      <c r="C612" s="39" t="s">
        <v>50</v>
      </c>
      <c r="D612" s="45">
        <v>123</v>
      </c>
      <c r="E612" s="46">
        <v>83.7</v>
      </c>
      <c r="F612" s="46">
        <v>11.4</v>
      </c>
      <c r="G612" s="46">
        <v>4.0999999999999996</v>
      </c>
      <c r="H612" s="47">
        <v>0.8</v>
      </c>
    </row>
    <row r="613" spans="1:25" ht="21.6" x14ac:dyDescent="0.2">
      <c r="B613" s="77"/>
      <c r="C613" s="39" t="s">
        <v>51</v>
      </c>
      <c r="D613" s="45">
        <v>124</v>
      </c>
      <c r="E613" s="46">
        <v>81.5</v>
      </c>
      <c r="F613" s="46">
        <v>15.3</v>
      </c>
      <c r="G613" s="46">
        <v>1.6</v>
      </c>
      <c r="H613" s="47">
        <v>1.6</v>
      </c>
    </row>
    <row r="614" spans="1:25" ht="21.6" x14ac:dyDescent="0.2">
      <c r="B614" s="77"/>
      <c r="C614" s="39" t="s">
        <v>52</v>
      </c>
      <c r="D614" s="45">
        <v>312</v>
      </c>
      <c r="E614" s="46">
        <v>64.099999999999994</v>
      </c>
      <c r="F614" s="46">
        <v>33</v>
      </c>
      <c r="G614" s="46">
        <v>2.6</v>
      </c>
      <c r="H614" s="47">
        <v>0.3</v>
      </c>
    </row>
    <row r="615" spans="1:25" x14ac:dyDescent="0.2">
      <c r="B615" s="77"/>
      <c r="C615" s="39" t="s">
        <v>53</v>
      </c>
      <c r="D615" s="45">
        <v>269</v>
      </c>
      <c r="E615" s="46">
        <v>61</v>
      </c>
      <c r="F615" s="46">
        <v>30.9</v>
      </c>
      <c r="G615" s="46">
        <v>3.7</v>
      </c>
      <c r="H615" s="47">
        <v>4.5</v>
      </c>
    </row>
    <row r="616" spans="1:25" ht="21.6" x14ac:dyDescent="0.2">
      <c r="B616" s="77"/>
      <c r="C616" s="39" t="s">
        <v>54</v>
      </c>
      <c r="D616" s="45">
        <v>511</v>
      </c>
      <c r="E616" s="46">
        <v>76.3</v>
      </c>
      <c r="F616" s="46">
        <v>13.3</v>
      </c>
      <c r="G616" s="46">
        <v>6.5</v>
      </c>
      <c r="H616" s="47">
        <v>3.9</v>
      </c>
    </row>
    <row r="617" spans="1:25" ht="21.6" x14ac:dyDescent="0.2">
      <c r="B617" s="77"/>
      <c r="C617" s="39" t="s">
        <v>55</v>
      </c>
      <c r="D617" s="45">
        <v>615</v>
      </c>
      <c r="E617" s="46">
        <v>76.900000000000006</v>
      </c>
      <c r="F617" s="46">
        <v>11.9</v>
      </c>
      <c r="G617" s="46">
        <v>7.2</v>
      </c>
      <c r="H617" s="47">
        <v>4.0999999999999996</v>
      </c>
    </row>
    <row r="618" spans="1:25" ht="21.6" x14ac:dyDescent="0.2">
      <c r="B618" s="77"/>
      <c r="C618" s="39" t="s">
        <v>56</v>
      </c>
      <c r="D618" s="45">
        <v>800</v>
      </c>
      <c r="E618" s="46">
        <v>77.3</v>
      </c>
      <c r="F618" s="46">
        <v>14.1</v>
      </c>
      <c r="G618" s="46">
        <v>5.8</v>
      </c>
      <c r="H618" s="47">
        <v>2.9</v>
      </c>
    </row>
    <row r="619" spans="1:25" x14ac:dyDescent="0.2">
      <c r="B619" s="77"/>
      <c r="C619" s="40" t="s">
        <v>57</v>
      </c>
      <c r="D619" s="48">
        <v>798</v>
      </c>
      <c r="E619" s="49">
        <v>71.2</v>
      </c>
      <c r="F619" s="49">
        <v>20.3</v>
      </c>
      <c r="G619" s="49">
        <v>6</v>
      </c>
      <c r="H619" s="50">
        <v>2.5</v>
      </c>
    </row>
    <row r="621" spans="1:25" x14ac:dyDescent="0.2">
      <c r="C621" t="s">
        <v>35</v>
      </c>
    </row>
    <row r="622" spans="1:25" x14ac:dyDescent="0.2">
      <c r="B622" s="75" t="s">
        <v>267</v>
      </c>
      <c r="C622" s="76"/>
      <c r="D622" s="76"/>
      <c r="E622" s="76"/>
      <c r="F622" s="76"/>
      <c r="G622" s="76"/>
      <c r="H622" s="76"/>
      <c r="I622" s="76"/>
      <c r="J622" s="76"/>
      <c r="K622" s="76"/>
      <c r="L622" s="76"/>
      <c r="M622" s="76"/>
      <c r="N622" s="76"/>
      <c r="O622" s="76"/>
      <c r="P622" s="76"/>
      <c r="Q622" s="76"/>
      <c r="R622" s="76"/>
      <c r="S622" s="76"/>
      <c r="T622" s="76"/>
      <c r="U622" s="76"/>
      <c r="V622" s="76"/>
      <c r="W622" s="76"/>
      <c r="X622" s="76"/>
      <c r="Y622" s="76"/>
    </row>
    <row r="623" spans="1:25" s="32" customFormat="1" ht="47.25" customHeight="1" x14ac:dyDescent="0.15">
      <c r="A623" s="31"/>
      <c r="D623" s="33" t="s">
        <v>378</v>
      </c>
      <c r="E623" s="36" t="s">
        <v>469</v>
      </c>
      <c r="F623" s="55" t="s">
        <v>471</v>
      </c>
      <c r="G623" s="55" t="s">
        <v>472</v>
      </c>
      <c r="H623" s="37" t="s">
        <v>462</v>
      </c>
      <c r="I623" s="35" t="s">
        <v>381</v>
      </c>
    </row>
    <row r="624" spans="1:25" ht="21.6" x14ac:dyDescent="0.2">
      <c r="B624" s="77" t="s">
        <v>37</v>
      </c>
      <c r="C624" s="38" t="s">
        <v>58</v>
      </c>
      <c r="D624" s="51">
        <v>609</v>
      </c>
      <c r="E624" s="52">
        <v>80.3</v>
      </c>
      <c r="F624" s="52">
        <v>13.3</v>
      </c>
      <c r="G624" s="52">
        <v>3.6</v>
      </c>
      <c r="H624" s="53">
        <v>2.8</v>
      </c>
    </row>
    <row r="625" spans="2:8" ht="21.6" x14ac:dyDescent="0.2">
      <c r="B625" s="77"/>
      <c r="C625" s="39" t="s">
        <v>59</v>
      </c>
      <c r="D625" s="45">
        <v>1391</v>
      </c>
      <c r="E625" s="46">
        <v>59.2</v>
      </c>
      <c r="F625" s="46">
        <v>28.8</v>
      </c>
      <c r="G625" s="46">
        <v>7</v>
      </c>
      <c r="H625" s="47">
        <v>5</v>
      </c>
    </row>
    <row r="626" spans="2:8" x14ac:dyDescent="0.2">
      <c r="B626" s="77"/>
      <c r="C626" s="39" t="s">
        <v>60</v>
      </c>
      <c r="D626" s="45">
        <v>1325</v>
      </c>
      <c r="E626" s="46">
        <v>66.599999999999994</v>
      </c>
      <c r="F626" s="46">
        <v>22.4</v>
      </c>
      <c r="G626" s="46">
        <v>6.5</v>
      </c>
      <c r="H626" s="47">
        <v>4.5</v>
      </c>
    </row>
    <row r="627" spans="2:8" x14ac:dyDescent="0.2">
      <c r="B627" s="77"/>
      <c r="C627" s="39" t="s">
        <v>61</v>
      </c>
      <c r="D627" s="45">
        <v>675</v>
      </c>
      <c r="E627" s="46">
        <v>63.9</v>
      </c>
      <c r="F627" s="46">
        <v>27.3</v>
      </c>
      <c r="G627" s="46">
        <v>5</v>
      </c>
      <c r="H627" s="47">
        <v>3.9</v>
      </c>
    </row>
    <row r="628" spans="2:8" x14ac:dyDescent="0.2">
      <c r="B628" s="77"/>
      <c r="C628" s="39" t="s">
        <v>62</v>
      </c>
      <c r="D628" s="45">
        <v>1086</v>
      </c>
      <c r="E628" s="46">
        <v>82.6</v>
      </c>
      <c r="F628" s="46">
        <v>9.9</v>
      </c>
      <c r="G628" s="46">
        <v>5.4</v>
      </c>
      <c r="H628" s="47">
        <v>2</v>
      </c>
    </row>
    <row r="629" spans="2:8" ht="21.6" x14ac:dyDescent="0.2">
      <c r="B629" s="77"/>
      <c r="C629" s="39" t="s">
        <v>63</v>
      </c>
      <c r="D629" s="45">
        <v>203</v>
      </c>
      <c r="E629" s="46">
        <v>70.400000000000006</v>
      </c>
      <c r="F629" s="46">
        <v>21.2</v>
      </c>
      <c r="G629" s="46">
        <v>5.4</v>
      </c>
      <c r="H629" s="47">
        <v>3</v>
      </c>
    </row>
    <row r="630" spans="2:8" x14ac:dyDescent="0.2">
      <c r="B630" s="77"/>
      <c r="C630" s="39" t="s">
        <v>64</v>
      </c>
      <c r="D630" s="45">
        <v>263</v>
      </c>
      <c r="E630" s="46">
        <v>88.2</v>
      </c>
      <c r="F630" s="46">
        <v>8.4</v>
      </c>
      <c r="G630" s="46">
        <v>2.7</v>
      </c>
      <c r="H630" s="47">
        <v>0.8</v>
      </c>
    </row>
    <row r="631" spans="2:8" x14ac:dyDescent="0.2">
      <c r="B631" s="77"/>
      <c r="C631" s="39" t="s">
        <v>65</v>
      </c>
      <c r="D631" s="45">
        <v>312</v>
      </c>
      <c r="E631" s="46">
        <v>90.1</v>
      </c>
      <c r="F631" s="46">
        <v>6.7</v>
      </c>
      <c r="G631" s="46">
        <v>2.2000000000000002</v>
      </c>
      <c r="H631" s="47">
        <v>1</v>
      </c>
    </row>
    <row r="632" spans="2:8" x14ac:dyDescent="0.2">
      <c r="B632" s="77"/>
      <c r="C632" s="39" t="s">
        <v>66</v>
      </c>
      <c r="D632" s="45">
        <v>230</v>
      </c>
      <c r="E632" s="46">
        <v>89.1</v>
      </c>
      <c r="F632" s="46">
        <v>3.9</v>
      </c>
      <c r="G632" s="46">
        <v>3.5</v>
      </c>
      <c r="H632" s="47">
        <v>3.5</v>
      </c>
    </row>
    <row r="633" spans="2:8" x14ac:dyDescent="0.2">
      <c r="B633" s="77"/>
      <c r="C633" s="39" t="s">
        <v>67</v>
      </c>
      <c r="D633" s="45">
        <v>78</v>
      </c>
      <c r="E633" s="46">
        <v>46.2</v>
      </c>
      <c r="F633" s="46">
        <v>16.7</v>
      </c>
      <c r="G633" s="46">
        <v>33.299999999999997</v>
      </c>
      <c r="H633" s="47">
        <v>3.8</v>
      </c>
    </row>
    <row r="634" spans="2:8" x14ac:dyDescent="0.2">
      <c r="B634" s="77"/>
      <c r="C634" s="39" t="s">
        <v>68</v>
      </c>
      <c r="D634" s="45">
        <v>897</v>
      </c>
      <c r="E634" s="46">
        <v>100</v>
      </c>
      <c r="F634" s="46">
        <v>0</v>
      </c>
      <c r="G634" s="46">
        <v>0</v>
      </c>
      <c r="H634" s="47">
        <v>0</v>
      </c>
    </row>
    <row r="635" spans="2:8" x14ac:dyDescent="0.2">
      <c r="B635" s="77"/>
      <c r="C635" s="39" t="s">
        <v>69</v>
      </c>
      <c r="D635" s="45">
        <v>189</v>
      </c>
      <c r="E635" s="46">
        <v>0</v>
      </c>
      <c r="F635" s="46">
        <v>57.1</v>
      </c>
      <c r="G635" s="46">
        <v>31.2</v>
      </c>
      <c r="H635" s="47">
        <v>11.6</v>
      </c>
    </row>
    <row r="636" spans="2:8" x14ac:dyDescent="0.2">
      <c r="B636" s="77"/>
      <c r="C636" s="39" t="s">
        <v>70</v>
      </c>
      <c r="D636" s="45">
        <v>914</v>
      </c>
      <c r="E636" s="46">
        <v>45.5</v>
      </c>
      <c r="F636" s="46">
        <v>40.799999999999997</v>
      </c>
      <c r="G636" s="46">
        <v>6.7</v>
      </c>
      <c r="H636" s="47">
        <v>7</v>
      </c>
    </row>
    <row r="637" spans="2:8" ht="21.6" x14ac:dyDescent="0.2">
      <c r="B637" s="77"/>
      <c r="C637" s="39" t="s">
        <v>63</v>
      </c>
      <c r="D637" s="45">
        <v>193</v>
      </c>
      <c r="E637" s="46">
        <v>61.1</v>
      </c>
      <c r="F637" s="46">
        <v>26.9</v>
      </c>
      <c r="G637" s="46">
        <v>5.2</v>
      </c>
      <c r="H637" s="47">
        <v>6.7</v>
      </c>
    </row>
    <row r="638" spans="2:8" x14ac:dyDescent="0.2">
      <c r="B638" s="77"/>
      <c r="C638" s="39" t="s">
        <v>64</v>
      </c>
      <c r="D638" s="45">
        <v>203</v>
      </c>
      <c r="E638" s="46">
        <v>55.2</v>
      </c>
      <c r="F638" s="46">
        <v>33.5</v>
      </c>
      <c r="G638" s="46">
        <v>5.9</v>
      </c>
      <c r="H638" s="47">
        <v>5.4</v>
      </c>
    </row>
    <row r="639" spans="2:8" x14ac:dyDescent="0.2">
      <c r="B639" s="77"/>
      <c r="C639" s="39" t="s">
        <v>65</v>
      </c>
      <c r="D639" s="45">
        <v>263</v>
      </c>
      <c r="E639" s="46">
        <v>39.5</v>
      </c>
      <c r="F639" s="46">
        <v>44.5</v>
      </c>
      <c r="G639" s="46">
        <v>6.8</v>
      </c>
      <c r="H639" s="47">
        <v>9.1</v>
      </c>
    </row>
    <row r="640" spans="2:8" x14ac:dyDescent="0.2">
      <c r="B640" s="77"/>
      <c r="C640" s="39" t="s">
        <v>66</v>
      </c>
      <c r="D640" s="45">
        <v>194</v>
      </c>
      <c r="E640" s="46">
        <v>36.1</v>
      </c>
      <c r="F640" s="46">
        <v>50.5</v>
      </c>
      <c r="G640" s="46">
        <v>6.2</v>
      </c>
      <c r="H640" s="47">
        <v>7.2</v>
      </c>
    </row>
    <row r="641" spans="1:25" x14ac:dyDescent="0.2">
      <c r="B641" s="77"/>
      <c r="C641" s="39" t="s">
        <v>67</v>
      </c>
      <c r="D641" s="45">
        <v>61</v>
      </c>
      <c r="E641" s="46">
        <v>19.7</v>
      </c>
      <c r="F641" s="46">
        <v>62.3</v>
      </c>
      <c r="G641" s="46">
        <v>14.8</v>
      </c>
      <c r="H641" s="47">
        <v>3.3</v>
      </c>
    </row>
    <row r="642" spans="1:25" x14ac:dyDescent="0.2">
      <c r="B642" s="77"/>
      <c r="C642" s="39" t="s">
        <v>68</v>
      </c>
      <c r="D642" s="45">
        <v>416</v>
      </c>
      <c r="E642" s="46">
        <v>100</v>
      </c>
      <c r="F642" s="46">
        <v>0</v>
      </c>
      <c r="G642" s="46">
        <v>0</v>
      </c>
      <c r="H642" s="47">
        <v>0</v>
      </c>
    </row>
    <row r="643" spans="1:25" x14ac:dyDescent="0.2">
      <c r="B643" s="77"/>
      <c r="C643" s="40" t="s">
        <v>69</v>
      </c>
      <c r="D643" s="48">
        <v>498</v>
      </c>
      <c r="E643" s="49">
        <v>0</v>
      </c>
      <c r="F643" s="49">
        <v>74.900000000000006</v>
      </c>
      <c r="G643" s="49">
        <v>12.2</v>
      </c>
      <c r="H643" s="50">
        <v>12.9</v>
      </c>
    </row>
    <row r="645" spans="1:25" x14ac:dyDescent="0.2">
      <c r="A645" s="26" t="s">
        <v>25</v>
      </c>
      <c r="B645" t="s">
        <v>35</v>
      </c>
      <c r="C645" t="s">
        <v>35</v>
      </c>
    </row>
    <row r="646" spans="1:25" x14ac:dyDescent="0.2">
      <c r="B646" s="75" t="s">
        <v>85</v>
      </c>
      <c r="C646" s="76"/>
      <c r="D646" s="76"/>
      <c r="E646" s="76"/>
      <c r="F646" s="76"/>
      <c r="G646" s="76"/>
      <c r="H646" s="76"/>
      <c r="I646" s="76"/>
      <c r="J646" s="76"/>
      <c r="K646" s="76"/>
      <c r="L646" s="76"/>
      <c r="M646" s="76"/>
      <c r="N646" s="76"/>
      <c r="O646" s="76"/>
      <c r="P646" s="76"/>
      <c r="Q646" s="76"/>
      <c r="R646" s="76"/>
      <c r="S646" s="76"/>
      <c r="T646" s="76"/>
      <c r="U646" s="76"/>
      <c r="V646" s="76"/>
      <c r="W646" s="76"/>
      <c r="X646" s="76"/>
      <c r="Y646" s="76"/>
    </row>
    <row r="647" spans="1:25" s="32" customFormat="1" ht="79.650000000000006" customHeight="1" x14ac:dyDescent="0.15">
      <c r="A647" s="31"/>
      <c r="D647" s="33" t="s">
        <v>378</v>
      </c>
      <c r="E647" s="36" t="s">
        <v>473</v>
      </c>
      <c r="F647" s="55" t="s">
        <v>474</v>
      </c>
      <c r="G647" s="55" t="s">
        <v>475</v>
      </c>
      <c r="H647" s="55" t="s">
        <v>476</v>
      </c>
      <c r="I647" s="55" t="s">
        <v>477</v>
      </c>
      <c r="J647" s="55" t="s">
        <v>478</v>
      </c>
      <c r="K647" s="55" t="s">
        <v>479</v>
      </c>
      <c r="L647" s="37" t="s">
        <v>480</v>
      </c>
      <c r="M647" s="35" t="s">
        <v>381</v>
      </c>
    </row>
    <row r="648" spans="1:25" x14ac:dyDescent="0.2">
      <c r="B648" s="5"/>
      <c r="C648" s="41" t="s">
        <v>38</v>
      </c>
      <c r="D648" s="42">
        <v>2000</v>
      </c>
      <c r="E648" s="43">
        <v>57.4</v>
      </c>
      <c r="F648" s="43">
        <v>0.5</v>
      </c>
      <c r="G648" s="43">
        <v>6.9</v>
      </c>
      <c r="H648" s="43">
        <v>6.1</v>
      </c>
      <c r="I648" s="43">
        <v>5</v>
      </c>
      <c r="J648" s="43">
        <v>3.3</v>
      </c>
      <c r="K648" s="43">
        <v>16.899999999999999</v>
      </c>
      <c r="L648" s="44">
        <v>4.0999999999999996</v>
      </c>
    </row>
    <row r="649" spans="1:25" x14ac:dyDescent="0.2">
      <c r="B649" s="77" t="s">
        <v>37</v>
      </c>
      <c r="C649" s="39" t="s">
        <v>39</v>
      </c>
      <c r="D649" s="45">
        <v>111</v>
      </c>
      <c r="E649" s="46">
        <v>64.900000000000006</v>
      </c>
      <c r="F649" s="46">
        <v>0</v>
      </c>
      <c r="G649" s="46">
        <v>4.5</v>
      </c>
      <c r="H649" s="46">
        <v>2.7</v>
      </c>
      <c r="I649" s="46">
        <v>1.8</v>
      </c>
      <c r="J649" s="46">
        <v>1.8</v>
      </c>
      <c r="K649" s="46">
        <v>21.6</v>
      </c>
      <c r="L649" s="47">
        <v>2.7</v>
      </c>
    </row>
    <row r="650" spans="1:25" x14ac:dyDescent="0.2">
      <c r="B650" s="77"/>
      <c r="C650" s="39" t="s">
        <v>40</v>
      </c>
      <c r="D650" s="45">
        <v>450</v>
      </c>
      <c r="E650" s="46">
        <v>63.1</v>
      </c>
      <c r="F650" s="46">
        <v>0</v>
      </c>
      <c r="G650" s="46">
        <v>6.4</v>
      </c>
      <c r="H650" s="46">
        <v>4.7</v>
      </c>
      <c r="I650" s="46">
        <v>1.8</v>
      </c>
      <c r="J650" s="46">
        <v>2.2000000000000002</v>
      </c>
      <c r="K650" s="46">
        <v>18.399999999999999</v>
      </c>
      <c r="L650" s="47">
        <v>3.3</v>
      </c>
    </row>
    <row r="651" spans="1:25" ht="21.6" x14ac:dyDescent="0.2">
      <c r="B651" s="77"/>
      <c r="C651" s="39" t="s">
        <v>41</v>
      </c>
      <c r="D651" s="45">
        <v>30</v>
      </c>
      <c r="E651" s="46">
        <v>36.700000000000003</v>
      </c>
      <c r="F651" s="46">
        <v>0</v>
      </c>
      <c r="G651" s="46">
        <v>10</v>
      </c>
      <c r="H651" s="46">
        <v>3.3</v>
      </c>
      <c r="I651" s="46">
        <v>3.3</v>
      </c>
      <c r="J651" s="46">
        <v>6.7</v>
      </c>
      <c r="K651" s="46">
        <v>33.299999999999997</v>
      </c>
      <c r="L651" s="47">
        <v>6.7</v>
      </c>
    </row>
    <row r="652" spans="1:25" ht="21.6" x14ac:dyDescent="0.2">
      <c r="B652" s="77"/>
      <c r="C652" s="39" t="s">
        <v>42</v>
      </c>
      <c r="D652" s="45">
        <v>336</v>
      </c>
      <c r="E652" s="46">
        <v>65.2</v>
      </c>
      <c r="F652" s="46">
        <v>0.6</v>
      </c>
      <c r="G652" s="46">
        <v>6</v>
      </c>
      <c r="H652" s="46">
        <v>3</v>
      </c>
      <c r="I652" s="46">
        <v>4.2</v>
      </c>
      <c r="J652" s="46">
        <v>2.4</v>
      </c>
      <c r="K652" s="46">
        <v>15.5</v>
      </c>
      <c r="L652" s="47">
        <v>3.3</v>
      </c>
    </row>
    <row r="653" spans="1:25" ht="21.6" x14ac:dyDescent="0.2">
      <c r="B653" s="77"/>
      <c r="C653" s="39" t="s">
        <v>43</v>
      </c>
      <c r="D653" s="45">
        <v>327</v>
      </c>
      <c r="E653" s="46">
        <v>48.3</v>
      </c>
      <c r="F653" s="46">
        <v>0.6</v>
      </c>
      <c r="G653" s="46">
        <v>7.6</v>
      </c>
      <c r="H653" s="46">
        <v>9.5</v>
      </c>
      <c r="I653" s="46">
        <v>8.9</v>
      </c>
      <c r="J653" s="46">
        <v>2.4</v>
      </c>
      <c r="K653" s="46">
        <v>18.3</v>
      </c>
      <c r="L653" s="47">
        <v>4.3</v>
      </c>
    </row>
    <row r="654" spans="1:25" ht="21.6" x14ac:dyDescent="0.2">
      <c r="B654" s="77"/>
      <c r="C654" s="39" t="s">
        <v>44</v>
      </c>
      <c r="D654" s="45">
        <v>181</v>
      </c>
      <c r="E654" s="46">
        <v>59.7</v>
      </c>
      <c r="F654" s="46">
        <v>0</v>
      </c>
      <c r="G654" s="46">
        <v>5</v>
      </c>
      <c r="H654" s="46">
        <v>3.9</v>
      </c>
      <c r="I654" s="46">
        <v>2.8</v>
      </c>
      <c r="J654" s="46">
        <v>5</v>
      </c>
      <c r="K654" s="46">
        <v>21.5</v>
      </c>
      <c r="L654" s="47">
        <v>2.2000000000000002</v>
      </c>
    </row>
    <row r="655" spans="1:25" ht="21.6" x14ac:dyDescent="0.2">
      <c r="B655" s="77"/>
      <c r="C655" s="39" t="s">
        <v>45</v>
      </c>
      <c r="D655" s="45">
        <v>565</v>
      </c>
      <c r="E655" s="46">
        <v>52.4</v>
      </c>
      <c r="F655" s="46">
        <v>1.1000000000000001</v>
      </c>
      <c r="G655" s="46">
        <v>8.1</v>
      </c>
      <c r="H655" s="46">
        <v>8.5</v>
      </c>
      <c r="I655" s="46">
        <v>7.3</v>
      </c>
      <c r="J655" s="46">
        <v>4.8</v>
      </c>
      <c r="K655" s="46">
        <v>12.2</v>
      </c>
      <c r="L655" s="47">
        <v>5.7</v>
      </c>
    </row>
    <row r="656" spans="1:25" ht="21.6" x14ac:dyDescent="0.2">
      <c r="B656" s="77"/>
      <c r="C656" s="39" t="s">
        <v>46</v>
      </c>
      <c r="D656" s="45">
        <v>473</v>
      </c>
      <c r="E656" s="46">
        <v>50.7</v>
      </c>
      <c r="F656" s="46">
        <v>0.8</v>
      </c>
      <c r="G656" s="46">
        <v>11.8</v>
      </c>
      <c r="H656" s="46">
        <v>8</v>
      </c>
      <c r="I656" s="46">
        <v>7.8</v>
      </c>
      <c r="J656" s="46">
        <v>3.8</v>
      </c>
      <c r="K656" s="46">
        <v>11.6</v>
      </c>
      <c r="L656" s="47">
        <v>5.3</v>
      </c>
    </row>
    <row r="657" spans="2:25" ht="21.6" x14ac:dyDescent="0.2">
      <c r="B657" s="77"/>
      <c r="C657" s="39" t="s">
        <v>47</v>
      </c>
      <c r="D657" s="45">
        <v>441</v>
      </c>
      <c r="E657" s="46">
        <v>60.3</v>
      </c>
      <c r="F657" s="46">
        <v>0</v>
      </c>
      <c r="G657" s="46">
        <v>7.7</v>
      </c>
      <c r="H657" s="46">
        <v>4.5</v>
      </c>
      <c r="I657" s="46">
        <v>5.2</v>
      </c>
      <c r="J657" s="46">
        <v>2.2999999999999998</v>
      </c>
      <c r="K657" s="46">
        <v>17.2</v>
      </c>
      <c r="L657" s="47">
        <v>2.7</v>
      </c>
    </row>
    <row r="658" spans="2:25" ht="21.6" x14ac:dyDescent="0.2">
      <c r="B658" s="77"/>
      <c r="C658" s="39" t="s">
        <v>48</v>
      </c>
      <c r="D658" s="45">
        <v>305</v>
      </c>
      <c r="E658" s="46">
        <v>58</v>
      </c>
      <c r="F658" s="46">
        <v>0.7</v>
      </c>
      <c r="G658" s="46">
        <v>3.9</v>
      </c>
      <c r="H658" s="46">
        <v>6.6</v>
      </c>
      <c r="I658" s="46">
        <v>2.2999999999999998</v>
      </c>
      <c r="J658" s="46">
        <v>4.9000000000000004</v>
      </c>
      <c r="K658" s="46">
        <v>21.6</v>
      </c>
      <c r="L658" s="47">
        <v>2</v>
      </c>
    </row>
    <row r="659" spans="2:25" ht="21.6" x14ac:dyDescent="0.2">
      <c r="B659" s="77"/>
      <c r="C659" s="39" t="s">
        <v>49</v>
      </c>
      <c r="D659" s="45">
        <v>223</v>
      </c>
      <c r="E659" s="46">
        <v>57</v>
      </c>
      <c r="F659" s="46">
        <v>0</v>
      </c>
      <c r="G659" s="46">
        <v>3.1</v>
      </c>
      <c r="H659" s="46">
        <v>7.2</v>
      </c>
      <c r="I659" s="46">
        <v>4.5</v>
      </c>
      <c r="J659" s="46">
        <v>3.6</v>
      </c>
      <c r="K659" s="46">
        <v>23.3</v>
      </c>
      <c r="L659" s="47">
        <v>1.3</v>
      </c>
    </row>
    <row r="660" spans="2:25" ht="21.6" x14ac:dyDescent="0.2">
      <c r="B660" s="77"/>
      <c r="C660" s="39" t="s">
        <v>50</v>
      </c>
      <c r="D660" s="45">
        <v>123</v>
      </c>
      <c r="E660" s="46">
        <v>63.4</v>
      </c>
      <c r="F660" s="46">
        <v>0</v>
      </c>
      <c r="G660" s="46">
        <v>4.0999999999999996</v>
      </c>
      <c r="H660" s="46">
        <v>7.3</v>
      </c>
      <c r="I660" s="46">
        <v>1.6</v>
      </c>
      <c r="J660" s="46">
        <v>2.4</v>
      </c>
      <c r="K660" s="46">
        <v>20.3</v>
      </c>
      <c r="L660" s="47">
        <v>0.8</v>
      </c>
    </row>
    <row r="661" spans="2:25" ht="21.6" x14ac:dyDescent="0.2">
      <c r="B661" s="77"/>
      <c r="C661" s="39" t="s">
        <v>51</v>
      </c>
      <c r="D661" s="45">
        <v>124</v>
      </c>
      <c r="E661" s="46">
        <v>63.7</v>
      </c>
      <c r="F661" s="46">
        <v>0</v>
      </c>
      <c r="G661" s="46">
        <v>4</v>
      </c>
      <c r="H661" s="46">
        <v>2.4</v>
      </c>
      <c r="I661" s="46">
        <v>2.4</v>
      </c>
      <c r="J661" s="46">
        <v>2.4</v>
      </c>
      <c r="K661" s="46">
        <v>23.4</v>
      </c>
      <c r="L661" s="47">
        <v>1.6</v>
      </c>
    </row>
    <row r="662" spans="2:25" ht="21.6" x14ac:dyDescent="0.2">
      <c r="B662" s="77"/>
      <c r="C662" s="39" t="s">
        <v>52</v>
      </c>
      <c r="D662" s="45">
        <v>312</v>
      </c>
      <c r="E662" s="46">
        <v>61.9</v>
      </c>
      <c r="F662" s="46">
        <v>0.3</v>
      </c>
      <c r="G662" s="46">
        <v>2.6</v>
      </c>
      <c r="H662" s="46">
        <v>1.6</v>
      </c>
      <c r="I662" s="46">
        <v>5.4</v>
      </c>
      <c r="J662" s="46">
        <v>2.2000000000000002</v>
      </c>
      <c r="K662" s="46">
        <v>22.1</v>
      </c>
      <c r="L662" s="47">
        <v>3.8</v>
      </c>
    </row>
    <row r="663" spans="2:25" x14ac:dyDescent="0.2">
      <c r="B663" s="77"/>
      <c r="C663" s="39" t="s">
        <v>53</v>
      </c>
      <c r="D663" s="45">
        <v>269</v>
      </c>
      <c r="E663" s="46">
        <v>58.4</v>
      </c>
      <c r="F663" s="46">
        <v>0.7</v>
      </c>
      <c r="G663" s="46">
        <v>7.4</v>
      </c>
      <c r="H663" s="46">
        <v>5.6</v>
      </c>
      <c r="I663" s="46">
        <v>4.8</v>
      </c>
      <c r="J663" s="46">
        <v>4.0999999999999996</v>
      </c>
      <c r="K663" s="46">
        <v>16.399999999999999</v>
      </c>
      <c r="L663" s="47">
        <v>2.6</v>
      </c>
    </row>
    <row r="664" spans="2:25" ht="21.6" x14ac:dyDescent="0.2">
      <c r="B664" s="77"/>
      <c r="C664" s="39" t="s">
        <v>54</v>
      </c>
      <c r="D664" s="45">
        <v>511</v>
      </c>
      <c r="E664" s="46">
        <v>59.5</v>
      </c>
      <c r="F664" s="46">
        <v>0.2</v>
      </c>
      <c r="G664" s="46">
        <v>7</v>
      </c>
      <c r="H664" s="46">
        <v>6.5</v>
      </c>
      <c r="I664" s="46">
        <v>5.7</v>
      </c>
      <c r="J664" s="46">
        <v>2.7</v>
      </c>
      <c r="K664" s="46">
        <v>15.1</v>
      </c>
      <c r="L664" s="47">
        <v>3.3</v>
      </c>
    </row>
    <row r="665" spans="2:25" ht="21.6" x14ac:dyDescent="0.2">
      <c r="B665" s="77"/>
      <c r="C665" s="39" t="s">
        <v>55</v>
      </c>
      <c r="D665" s="45">
        <v>615</v>
      </c>
      <c r="E665" s="46">
        <v>59.7</v>
      </c>
      <c r="F665" s="46">
        <v>0.7</v>
      </c>
      <c r="G665" s="46">
        <v>5.7</v>
      </c>
      <c r="H665" s="46">
        <v>5.4</v>
      </c>
      <c r="I665" s="46">
        <v>3.9</v>
      </c>
      <c r="J665" s="46">
        <v>3.4</v>
      </c>
      <c r="K665" s="46">
        <v>20.2</v>
      </c>
      <c r="L665" s="47">
        <v>1.1000000000000001</v>
      </c>
    </row>
    <row r="666" spans="2:25" ht="21.6" x14ac:dyDescent="0.2">
      <c r="B666" s="77"/>
      <c r="C666" s="39" t="s">
        <v>56</v>
      </c>
      <c r="D666" s="45">
        <v>800</v>
      </c>
      <c r="E666" s="46">
        <v>59.6</v>
      </c>
      <c r="F666" s="46">
        <v>0.3</v>
      </c>
      <c r="G666" s="46">
        <v>5.4</v>
      </c>
      <c r="H666" s="46">
        <v>4.8</v>
      </c>
      <c r="I666" s="46">
        <v>4.8</v>
      </c>
      <c r="J666" s="46">
        <v>3.8</v>
      </c>
      <c r="K666" s="46">
        <v>20.100000000000001</v>
      </c>
      <c r="L666" s="47">
        <v>1.4</v>
      </c>
    </row>
    <row r="667" spans="2:25" x14ac:dyDescent="0.2">
      <c r="B667" s="77"/>
      <c r="C667" s="40" t="s">
        <v>57</v>
      </c>
      <c r="D667" s="48">
        <v>798</v>
      </c>
      <c r="E667" s="49">
        <v>62.7</v>
      </c>
      <c r="F667" s="49">
        <v>0.3</v>
      </c>
      <c r="G667" s="49">
        <v>5.0999999999999996</v>
      </c>
      <c r="H667" s="49">
        <v>4.9000000000000004</v>
      </c>
      <c r="I667" s="49">
        <v>4.3</v>
      </c>
      <c r="J667" s="49">
        <v>2.2999999999999998</v>
      </c>
      <c r="K667" s="49">
        <v>18.399999999999999</v>
      </c>
      <c r="L667" s="50">
        <v>2.1</v>
      </c>
    </row>
    <row r="668" spans="2:25" x14ac:dyDescent="0.2">
      <c r="B668" s="7" t="s">
        <v>71</v>
      </c>
      <c r="C668" s="4" t="s">
        <v>86</v>
      </c>
    </row>
    <row r="669" spans="2:25" x14ac:dyDescent="0.2">
      <c r="B669" s="4"/>
      <c r="C669" s="4" t="s">
        <v>73</v>
      </c>
    </row>
    <row r="671" spans="2:25" x14ac:dyDescent="0.2">
      <c r="C671" t="s">
        <v>35</v>
      </c>
    </row>
    <row r="672" spans="2:25" x14ac:dyDescent="0.2">
      <c r="B672" s="75" t="s">
        <v>268</v>
      </c>
      <c r="C672" s="76"/>
      <c r="D672" s="76"/>
      <c r="E672" s="76"/>
      <c r="F672" s="76"/>
      <c r="G672" s="76"/>
      <c r="H672" s="76"/>
      <c r="I672" s="76"/>
      <c r="J672" s="76"/>
      <c r="K672" s="76"/>
      <c r="L672" s="76"/>
      <c r="M672" s="76"/>
      <c r="N672" s="76"/>
      <c r="O672" s="76"/>
      <c r="P672" s="76"/>
      <c r="Q672" s="76"/>
      <c r="R672" s="76"/>
      <c r="S672" s="76"/>
      <c r="T672" s="76"/>
      <c r="U672" s="76"/>
      <c r="V672" s="76"/>
      <c r="W672" s="76"/>
      <c r="X672" s="76"/>
      <c r="Y672" s="76"/>
    </row>
    <row r="673" spans="1:13" s="32" customFormat="1" ht="79.650000000000006" customHeight="1" x14ac:dyDescent="0.15">
      <c r="A673" s="31"/>
      <c r="D673" s="33" t="s">
        <v>378</v>
      </c>
      <c r="E673" s="36" t="s">
        <v>473</v>
      </c>
      <c r="F673" s="55" t="s">
        <v>474</v>
      </c>
      <c r="G673" s="55" t="s">
        <v>475</v>
      </c>
      <c r="H673" s="55" t="s">
        <v>476</v>
      </c>
      <c r="I673" s="55" t="s">
        <v>477</v>
      </c>
      <c r="J673" s="55" t="s">
        <v>478</v>
      </c>
      <c r="K673" s="55" t="s">
        <v>479</v>
      </c>
      <c r="L673" s="37" t="s">
        <v>480</v>
      </c>
      <c r="M673" s="35" t="s">
        <v>381</v>
      </c>
    </row>
    <row r="674" spans="1:13" ht="21.6" x14ac:dyDescent="0.2">
      <c r="B674" s="77" t="s">
        <v>37</v>
      </c>
      <c r="C674" s="38" t="s">
        <v>58</v>
      </c>
      <c r="D674" s="51">
        <v>609</v>
      </c>
      <c r="E674" s="52">
        <v>60.6</v>
      </c>
      <c r="F674" s="52">
        <v>0.2</v>
      </c>
      <c r="G674" s="52">
        <v>5.0999999999999996</v>
      </c>
      <c r="H674" s="52">
        <v>4.0999999999999996</v>
      </c>
      <c r="I674" s="52">
        <v>5.0999999999999996</v>
      </c>
      <c r="J674" s="52">
        <v>3.8</v>
      </c>
      <c r="K674" s="52">
        <v>20</v>
      </c>
      <c r="L674" s="53">
        <v>1.1000000000000001</v>
      </c>
    </row>
    <row r="675" spans="1:13" ht="21.6" x14ac:dyDescent="0.2">
      <c r="B675" s="77"/>
      <c r="C675" s="39" t="s">
        <v>59</v>
      </c>
      <c r="D675" s="45">
        <v>1391</v>
      </c>
      <c r="E675" s="46">
        <v>56</v>
      </c>
      <c r="F675" s="46">
        <v>0.6</v>
      </c>
      <c r="G675" s="46">
        <v>7.6</v>
      </c>
      <c r="H675" s="46">
        <v>6.9</v>
      </c>
      <c r="I675" s="46">
        <v>5</v>
      </c>
      <c r="J675" s="46">
        <v>3.1</v>
      </c>
      <c r="K675" s="46">
        <v>15.5</v>
      </c>
      <c r="L675" s="47">
        <v>5.3</v>
      </c>
    </row>
    <row r="676" spans="1:13" x14ac:dyDescent="0.2">
      <c r="B676" s="77"/>
      <c r="C676" s="39" t="s">
        <v>60</v>
      </c>
      <c r="D676" s="45">
        <v>1325</v>
      </c>
      <c r="E676" s="46">
        <v>57.9</v>
      </c>
      <c r="F676" s="46">
        <v>0.5</v>
      </c>
      <c r="G676" s="46">
        <v>6.9</v>
      </c>
      <c r="H676" s="46">
        <v>5.8</v>
      </c>
      <c r="I676" s="46">
        <v>5</v>
      </c>
      <c r="J676" s="46">
        <v>3.4</v>
      </c>
      <c r="K676" s="46">
        <v>16.7</v>
      </c>
      <c r="L676" s="47">
        <v>3.8</v>
      </c>
    </row>
    <row r="677" spans="1:13" x14ac:dyDescent="0.2">
      <c r="B677" s="77"/>
      <c r="C677" s="39" t="s">
        <v>61</v>
      </c>
      <c r="D677" s="45">
        <v>675</v>
      </c>
      <c r="E677" s="46">
        <v>56.4</v>
      </c>
      <c r="F677" s="46">
        <v>0.4</v>
      </c>
      <c r="G677" s="46">
        <v>6.7</v>
      </c>
      <c r="H677" s="46">
        <v>6.5</v>
      </c>
      <c r="I677" s="46">
        <v>5</v>
      </c>
      <c r="J677" s="46">
        <v>3.1</v>
      </c>
      <c r="K677" s="46">
        <v>17.2</v>
      </c>
      <c r="L677" s="47">
        <v>4.5999999999999996</v>
      </c>
    </row>
    <row r="678" spans="1:13" x14ac:dyDescent="0.2">
      <c r="B678" s="77"/>
      <c r="C678" s="39" t="s">
        <v>62</v>
      </c>
      <c r="D678" s="45">
        <v>1086</v>
      </c>
      <c r="E678" s="46">
        <v>62.5</v>
      </c>
      <c r="F678" s="46">
        <v>0.2</v>
      </c>
      <c r="G678" s="46">
        <v>4.4000000000000004</v>
      </c>
      <c r="H678" s="46">
        <v>4.5</v>
      </c>
      <c r="I678" s="46">
        <v>3.7</v>
      </c>
      <c r="J678" s="46">
        <v>3</v>
      </c>
      <c r="K678" s="46">
        <v>17.899999999999999</v>
      </c>
      <c r="L678" s="47">
        <v>3.8</v>
      </c>
    </row>
    <row r="679" spans="1:13" ht="21.6" x14ac:dyDescent="0.2">
      <c r="B679" s="77"/>
      <c r="C679" s="39" t="s">
        <v>63</v>
      </c>
      <c r="D679" s="45">
        <v>203</v>
      </c>
      <c r="E679" s="46">
        <v>59.1</v>
      </c>
      <c r="F679" s="46">
        <v>0.5</v>
      </c>
      <c r="G679" s="46">
        <v>8.4</v>
      </c>
      <c r="H679" s="46">
        <v>5.4</v>
      </c>
      <c r="I679" s="46">
        <v>6.4</v>
      </c>
      <c r="J679" s="46">
        <v>4.9000000000000004</v>
      </c>
      <c r="K679" s="46">
        <v>8.9</v>
      </c>
      <c r="L679" s="47">
        <v>6.4</v>
      </c>
    </row>
    <row r="680" spans="1:13" x14ac:dyDescent="0.2">
      <c r="B680" s="77"/>
      <c r="C680" s="39" t="s">
        <v>64</v>
      </c>
      <c r="D680" s="45">
        <v>263</v>
      </c>
      <c r="E680" s="46">
        <v>64.599999999999994</v>
      </c>
      <c r="F680" s="46">
        <v>0.4</v>
      </c>
      <c r="G680" s="46">
        <v>3.8</v>
      </c>
      <c r="H680" s="46">
        <v>2.7</v>
      </c>
      <c r="I680" s="46">
        <v>3.8</v>
      </c>
      <c r="J680" s="46">
        <v>2.7</v>
      </c>
      <c r="K680" s="46">
        <v>19</v>
      </c>
      <c r="L680" s="47">
        <v>3</v>
      </c>
    </row>
    <row r="681" spans="1:13" x14ac:dyDescent="0.2">
      <c r="B681" s="77"/>
      <c r="C681" s="39" t="s">
        <v>65</v>
      </c>
      <c r="D681" s="45">
        <v>312</v>
      </c>
      <c r="E681" s="46">
        <v>65.099999999999994</v>
      </c>
      <c r="F681" s="46">
        <v>0</v>
      </c>
      <c r="G681" s="46">
        <v>1.9</v>
      </c>
      <c r="H681" s="46">
        <v>2.2000000000000002</v>
      </c>
      <c r="I681" s="46">
        <v>2.6</v>
      </c>
      <c r="J681" s="46">
        <v>1.9</v>
      </c>
      <c r="K681" s="46">
        <v>22.1</v>
      </c>
      <c r="L681" s="47">
        <v>4.2</v>
      </c>
    </row>
    <row r="682" spans="1:13" x14ac:dyDescent="0.2">
      <c r="B682" s="77"/>
      <c r="C682" s="39" t="s">
        <v>66</v>
      </c>
      <c r="D682" s="45">
        <v>230</v>
      </c>
      <c r="E682" s="46">
        <v>69.599999999999994</v>
      </c>
      <c r="F682" s="46">
        <v>0</v>
      </c>
      <c r="G682" s="46">
        <v>3.5</v>
      </c>
      <c r="H682" s="46">
        <v>2.6</v>
      </c>
      <c r="I682" s="46">
        <v>0.9</v>
      </c>
      <c r="J682" s="46">
        <v>1.3</v>
      </c>
      <c r="K682" s="46">
        <v>20</v>
      </c>
      <c r="L682" s="47">
        <v>2.2000000000000002</v>
      </c>
    </row>
    <row r="683" spans="1:13" x14ac:dyDescent="0.2">
      <c r="B683" s="77"/>
      <c r="C683" s="39" t="s">
        <v>67</v>
      </c>
      <c r="D683" s="45">
        <v>78</v>
      </c>
      <c r="E683" s="46">
        <v>33.299999999999997</v>
      </c>
      <c r="F683" s="46">
        <v>0</v>
      </c>
      <c r="G683" s="46">
        <v>9</v>
      </c>
      <c r="H683" s="46">
        <v>23.1</v>
      </c>
      <c r="I683" s="46">
        <v>9</v>
      </c>
      <c r="J683" s="46">
        <v>9</v>
      </c>
      <c r="K683" s="46">
        <v>14.1</v>
      </c>
      <c r="L683" s="47">
        <v>2.6</v>
      </c>
    </row>
    <row r="684" spans="1:13" x14ac:dyDescent="0.2">
      <c r="B684" s="77"/>
      <c r="C684" s="39" t="s">
        <v>68</v>
      </c>
      <c r="D684" s="45">
        <v>897</v>
      </c>
      <c r="E684" s="46">
        <v>69.2</v>
      </c>
      <c r="F684" s="46">
        <v>0.1</v>
      </c>
      <c r="G684" s="46">
        <v>1.4</v>
      </c>
      <c r="H684" s="46">
        <v>1.7</v>
      </c>
      <c r="I684" s="46">
        <v>2.6</v>
      </c>
      <c r="J684" s="46">
        <v>2.5</v>
      </c>
      <c r="K684" s="46">
        <v>20</v>
      </c>
      <c r="L684" s="47">
        <v>2.6</v>
      </c>
    </row>
    <row r="685" spans="1:13" x14ac:dyDescent="0.2">
      <c r="B685" s="77"/>
      <c r="C685" s="39" t="s">
        <v>69</v>
      </c>
      <c r="D685" s="45">
        <v>189</v>
      </c>
      <c r="E685" s="46">
        <v>30.7</v>
      </c>
      <c r="F685" s="46">
        <v>0.5</v>
      </c>
      <c r="G685" s="46">
        <v>18.5</v>
      </c>
      <c r="H685" s="46">
        <v>18</v>
      </c>
      <c r="I685" s="46">
        <v>9</v>
      </c>
      <c r="J685" s="46">
        <v>5.8</v>
      </c>
      <c r="K685" s="46">
        <v>7.9</v>
      </c>
      <c r="L685" s="47">
        <v>9.5</v>
      </c>
    </row>
    <row r="686" spans="1:13" x14ac:dyDescent="0.2">
      <c r="B686" s="77"/>
      <c r="C686" s="39" t="s">
        <v>70</v>
      </c>
      <c r="D686" s="45">
        <v>914</v>
      </c>
      <c r="E686" s="46">
        <v>51.3</v>
      </c>
      <c r="F686" s="46">
        <v>0.9</v>
      </c>
      <c r="G686" s="46">
        <v>9.6999999999999993</v>
      </c>
      <c r="H686" s="46">
        <v>7.9</v>
      </c>
      <c r="I686" s="46">
        <v>6.6</v>
      </c>
      <c r="J686" s="46">
        <v>3.6</v>
      </c>
      <c r="K686" s="46">
        <v>15.6</v>
      </c>
      <c r="L686" s="47">
        <v>4.4000000000000004</v>
      </c>
    </row>
    <row r="687" spans="1:13" ht="21.6" x14ac:dyDescent="0.2">
      <c r="B687" s="77"/>
      <c r="C687" s="39" t="s">
        <v>63</v>
      </c>
      <c r="D687" s="45">
        <v>193</v>
      </c>
      <c r="E687" s="46">
        <v>56</v>
      </c>
      <c r="F687" s="46">
        <v>1.6</v>
      </c>
      <c r="G687" s="46">
        <v>10.9</v>
      </c>
      <c r="H687" s="46">
        <v>6.2</v>
      </c>
      <c r="I687" s="46">
        <v>9.3000000000000007</v>
      </c>
      <c r="J687" s="46">
        <v>5.2</v>
      </c>
      <c r="K687" s="46">
        <v>3.6</v>
      </c>
      <c r="L687" s="47">
        <v>7.3</v>
      </c>
    </row>
    <row r="688" spans="1:13" x14ac:dyDescent="0.2">
      <c r="B688" s="77"/>
      <c r="C688" s="39" t="s">
        <v>64</v>
      </c>
      <c r="D688" s="45">
        <v>203</v>
      </c>
      <c r="E688" s="46">
        <v>52.7</v>
      </c>
      <c r="F688" s="46">
        <v>0.5</v>
      </c>
      <c r="G688" s="46">
        <v>8.9</v>
      </c>
      <c r="H688" s="46">
        <v>8.4</v>
      </c>
      <c r="I688" s="46">
        <v>5.4</v>
      </c>
      <c r="J688" s="46">
        <v>3.9</v>
      </c>
      <c r="K688" s="46">
        <v>18.2</v>
      </c>
      <c r="L688" s="47">
        <v>2</v>
      </c>
    </row>
    <row r="689" spans="1:25" x14ac:dyDescent="0.2">
      <c r="B689" s="77"/>
      <c r="C689" s="39" t="s">
        <v>65</v>
      </c>
      <c r="D689" s="45">
        <v>263</v>
      </c>
      <c r="E689" s="46">
        <v>48.7</v>
      </c>
      <c r="F689" s="46">
        <v>0.4</v>
      </c>
      <c r="G689" s="46">
        <v>13.7</v>
      </c>
      <c r="H689" s="46">
        <v>7.6</v>
      </c>
      <c r="I689" s="46">
        <v>4.5999999999999996</v>
      </c>
      <c r="J689" s="46">
        <v>3.4</v>
      </c>
      <c r="K689" s="46">
        <v>17.100000000000001</v>
      </c>
      <c r="L689" s="47">
        <v>4.5999999999999996</v>
      </c>
    </row>
    <row r="690" spans="1:25" x14ac:dyDescent="0.2">
      <c r="B690" s="77"/>
      <c r="C690" s="39" t="s">
        <v>66</v>
      </c>
      <c r="D690" s="45">
        <v>194</v>
      </c>
      <c r="E690" s="46">
        <v>54.6</v>
      </c>
      <c r="F690" s="46">
        <v>1</v>
      </c>
      <c r="G690" s="46">
        <v>4.5999999999999996</v>
      </c>
      <c r="H690" s="46">
        <v>7.7</v>
      </c>
      <c r="I690" s="46">
        <v>6.7</v>
      </c>
      <c r="J690" s="46">
        <v>3.1</v>
      </c>
      <c r="K690" s="46">
        <v>19.100000000000001</v>
      </c>
      <c r="L690" s="47">
        <v>3.1</v>
      </c>
    </row>
    <row r="691" spans="1:25" x14ac:dyDescent="0.2">
      <c r="B691" s="77"/>
      <c r="C691" s="39" t="s">
        <v>67</v>
      </c>
      <c r="D691" s="45">
        <v>61</v>
      </c>
      <c r="E691" s="46">
        <v>32.799999999999997</v>
      </c>
      <c r="F691" s="46">
        <v>1.6</v>
      </c>
      <c r="G691" s="46">
        <v>8.1999999999999993</v>
      </c>
      <c r="H691" s="46">
        <v>13.1</v>
      </c>
      <c r="I691" s="46">
        <v>9.8000000000000007</v>
      </c>
      <c r="J691" s="46">
        <v>0</v>
      </c>
      <c r="K691" s="46">
        <v>27.9</v>
      </c>
      <c r="L691" s="47">
        <v>6.6</v>
      </c>
    </row>
    <row r="692" spans="1:25" x14ac:dyDescent="0.2">
      <c r="B692" s="77"/>
      <c r="C692" s="39" t="s">
        <v>68</v>
      </c>
      <c r="D692" s="45">
        <v>416</v>
      </c>
      <c r="E692" s="46">
        <v>68.8</v>
      </c>
      <c r="F692" s="46">
        <v>0.5</v>
      </c>
      <c r="G692" s="46">
        <v>1.2</v>
      </c>
      <c r="H692" s="46">
        <v>2.2000000000000002</v>
      </c>
      <c r="I692" s="46">
        <v>3.4</v>
      </c>
      <c r="J692" s="46">
        <v>2.6</v>
      </c>
      <c r="K692" s="46">
        <v>19.5</v>
      </c>
      <c r="L692" s="47">
        <v>1.9</v>
      </c>
    </row>
    <row r="693" spans="1:25" x14ac:dyDescent="0.2">
      <c r="B693" s="77"/>
      <c r="C693" s="40" t="s">
        <v>69</v>
      </c>
      <c r="D693" s="48">
        <v>498</v>
      </c>
      <c r="E693" s="49">
        <v>36.700000000000003</v>
      </c>
      <c r="F693" s="49">
        <v>1.2</v>
      </c>
      <c r="G693" s="49">
        <v>16.899999999999999</v>
      </c>
      <c r="H693" s="49">
        <v>12.7</v>
      </c>
      <c r="I693" s="49">
        <v>9.1999999999999993</v>
      </c>
      <c r="J693" s="49">
        <v>4.4000000000000004</v>
      </c>
      <c r="K693" s="49">
        <v>12.4</v>
      </c>
      <c r="L693" s="50">
        <v>6.4</v>
      </c>
    </row>
    <row r="694" spans="1:25" x14ac:dyDescent="0.2">
      <c r="B694" s="7" t="s">
        <v>71</v>
      </c>
      <c r="C694" s="4" t="s">
        <v>86</v>
      </c>
    </row>
    <row r="695" spans="1:25" x14ac:dyDescent="0.2">
      <c r="B695" s="4"/>
      <c r="C695" s="4" t="s">
        <v>73</v>
      </c>
    </row>
    <row r="697" spans="1:25" x14ac:dyDescent="0.2">
      <c r="A697" s="26" t="s">
        <v>25</v>
      </c>
      <c r="B697" t="s">
        <v>35</v>
      </c>
      <c r="C697" t="s">
        <v>35</v>
      </c>
    </row>
    <row r="698" spans="1:25" x14ac:dyDescent="0.2">
      <c r="B698" s="75" t="s">
        <v>87</v>
      </c>
      <c r="C698" s="76"/>
      <c r="D698" s="76"/>
      <c r="E698" s="76"/>
      <c r="F698" s="76"/>
      <c r="G698" s="76"/>
      <c r="H698" s="76"/>
      <c r="I698" s="76"/>
      <c r="J698" s="76"/>
      <c r="K698" s="76"/>
      <c r="L698" s="76"/>
      <c r="M698" s="76"/>
      <c r="N698" s="76"/>
      <c r="O698" s="76"/>
      <c r="P698" s="76"/>
      <c r="Q698" s="76"/>
      <c r="R698" s="76"/>
      <c r="S698" s="76"/>
      <c r="T698" s="76"/>
      <c r="U698" s="76"/>
      <c r="V698" s="76"/>
      <c r="W698" s="76"/>
      <c r="X698" s="76"/>
      <c r="Y698" s="76"/>
    </row>
    <row r="699" spans="1:25" s="32" customFormat="1" ht="79.650000000000006" customHeight="1" x14ac:dyDescent="0.15">
      <c r="A699" s="31"/>
      <c r="D699" s="33" t="s">
        <v>378</v>
      </c>
      <c r="E699" s="36" t="s">
        <v>473</v>
      </c>
      <c r="F699" s="55" t="s">
        <v>474</v>
      </c>
      <c r="G699" s="55" t="s">
        <v>481</v>
      </c>
      <c r="H699" s="55" t="s">
        <v>482</v>
      </c>
      <c r="I699" s="55" t="s">
        <v>479</v>
      </c>
      <c r="J699" s="37" t="s">
        <v>480</v>
      </c>
      <c r="K699" s="35" t="s">
        <v>381</v>
      </c>
    </row>
    <row r="700" spans="1:25" x14ac:dyDescent="0.2">
      <c r="B700" s="5"/>
      <c r="C700" s="41" t="s">
        <v>38</v>
      </c>
      <c r="D700" s="42">
        <v>2000</v>
      </c>
      <c r="E700" s="43">
        <v>57.4</v>
      </c>
      <c r="F700" s="43">
        <v>0.5</v>
      </c>
      <c r="G700" s="43">
        <v>12.9</v>
      </c>
      <c r="H700" s="43">
        <v>8.3000000000000007</v>
      </c>
      <c r="I700" s="43">
        <v>16.899999999999999</v>
      </c>
      <c r="J700" s="44">
        <v>4.0999999999999996</v>
      </c>
    </row>
    <row r="701" spans="1:25" x14ac:dyDescent="0.2">
      <c r="B701" s="77" t="s">
        <v>37</v>
      </c>
      <c r="C701" s="39" t="s">
        <v>39</v>
      </c>
      <c r="D701" s="45">
        <v>111</v>
      </c>
      <c r="E701" s="46">
        <v>64.900000000000006</v>
      </c>
      <c r="F701" s="46">
        <v>0</v>
      </c>
      <c r="G701" s="46">
        <v>7.2</v>
      </c>
      <c r="H701" s="46">
        <v>3.6</v>
      </c>
      <c r="I701" s="46">
        <v>21.6</v>
      </c>
      <c r="J701" s="47">
        <v>2.7</v>
      </c>
    </row>
    <row r="702" spans="1:25" x14ac:dyDescent="0.2">
      <c r="B702" s="77"/>
      <c r="C702" s="39" t="s">
        <v>40</v>
      </c>
      <c r="D702" s="45">
        <v>450</v>
      </c>
      <c r="E702" s="46">
        <v>63.1</v>
      </c>
      <c r="F702" s="46">
        <v>0</v>
      </c>
      <c r="G702" s="46">
        <v>11.1</v>
      </c>
      <c r="H702" s="46">
        <v>4</v>
      </c>
      <c r="I702" s="46">
        <v>18.399999999999999</v>
      </c>
      <c r="J702" s="47">
        <v>3.3</v>
      </c>
    </row>
    <row r="703" spans="1:25" ht="21.6" x14ac:dyDescent="0.2">
      <c r="B703" s="77"/>
      <c r="C703" s="39" t="s">
        <v>41</v>
      </c>
      <c r="D703" s="45">
        <v>30</v>
      </c>
      <c r="E703" s="46">
        <v>36.700000000000003</v>
      </c>
      <c r="F703" s="46">
        <v>0</v>
      </c>
      <c r="G703" s="46">
        <v>13.3</v>
      </c>
      <c r="H703" s="46">
        <v>10</v>
      </c>
      <c r="I703" s="46">
        <v>33.299999999999997</v>
      </c>
      <c r="J703" s="47">
        <v>6.7</v>
      </c>
    </row>
    <row r="704" spans="1:25" ht="21.6" x14ac:dyDescent="0.2">
      <c r="B704" s="77"/>
      <c r="C704" s="39" t="s">
        <v>42</v>
      </c>
      <c r="D704" s="45">
        <v>336</v>
      </c>
      <c r="E704" s="46">
        <v>65.2</v>
      </c>
      <c r="F704" s="46">
        <v>0.6</v>
      </c>
      <c r="G704" s="46">
        <v>8.9</v>
      </c>
      <c r="H704" s="46">
        <v>6.5</v>
      </c>
      <c r="I704" s="46">
        <v>15.5</v>
      </c>
      <c r="J704" s="47">
        <v>3.3</v>
      </c>
    </row>
    <row r="705" spans="2:10" ht="21.6" x14ac:dyDescent="0.2">
      <c r="B705" s="77"/>
      <c r="C705" s="39" t="s">
        <v>43</v>
      </c>
      <c r="D705" s="45">
        <v>327</v>
      </c>
      <c r="E705" s="46">
        <v>48.3</v>
      </c>
      <c r="F705" s="46">
        <v>0.6</v>
      </c>
      <c r="G705" s="46">
        <v>17.100000000000001</v>
      </c>
      <c r="H705" s="46">
        <v>11.3</v>
      </c>
      <c r="I705" s="46">
        <v>18.3</v>
      </c>
      <c r="J705" s="47">
        <v>4.3</v>
      </c>
    </row>
    <row r="706" spans="2:10" ht="21.6" x14ac:dyDescent="0.2">
      <c r="B706" s="77"/>
      <c r="C706" s="39" t="s">
        <v>44</v>
      </c>
      <c r="D706" s="45">
        <v>181</v>
      </c>
      <c r="E706" s="46">
        <v>59.7</v>
      </c>
      <c r="F706" s="46">
        <v>0</v>
      </c>
      <c r="G706" s="46">
        <v>8.8000000000000007</v>
      </c>
      <c r="H706" s="46">
        <v>7.7</v>
      </c>
      <c r="I706" s="46">
        <v>21.5</v>
      </c>
      <c r="J706" s="47">
        <v>2.2000000000000002</v>
      </c>
    </row>
    <row r="707" spans="2:10" ht="21.6" x14ac:dyDescent="0.2">
      <c r="B707" s="77"/>
      <c r="C707" s="39" t="s">
        <v>45</v>
      </c>
      <c r="D707" s="45">
        <v>565</v>
      </c>
      <c r="E707" s="46">
        <v>52.4</v>
      </c>
      <c r="F707" s="46">
        <v>1.1000000000000001</v>
      </c>
      <c r="G707" s="46">
        <v>16.600000000000001</v>
      </c>
      <c r="H707" s="46">
        <v>12</v>
      </c>
      <c r="I707" s="46">
        <v>12.2</v>
      </c>
      <c r="J707" s="47">
        <v>5.7</v>
      </c>
    </row>
    <row r="708" spans="2:10" ht="21.6" x14ac:dyDescent="0.2">
      <c r="B708" s="77"/>
      <c r="C708" s="39" t="s">
        <v>46</v>
      </c>
      <c r="D708" s="45">
        <v>473</v>
      </c>
      <c r="E708" s="46">
        <v>50.7</v>
      </c>
      <c r="F708" s="46">
        <v>0.8</v>
      </c>
      <c r="G708" s="46">
        <v>19.899999999999999</v>
      </c>
      <c r="H708" s="46">
        <v>11.6</v>
      </c>
      <c r="I708" s="46">
        <v>11.6</v>
      </c>
      <c r="J708" s="47">
        <v>5.3</v>
      </c>
    </row>
    <row r="709" spans="2:10" ht="21.6" x14ac:dyDescent="0.2">
      <c r="B709" s="77"/>
      <c r="C709" s="39" t="s">
        <v>47</v>
      </c>
      <c r="D709" s="45">
        <v>441</v>
      </c>
      <c r="E709" s="46">
        <v>60.3</v>
      </c>
      <c r="F709" s="46">
        <v>0</v>
      </c>
      <c r="G709" s="46">
        <v>12.2</v>
      </c>
      <c r="H709" s="46">
        <v>7.5</v>
      </c>
      <c r="I709" s="46">
        <v>17.2</v>
      </c>
      <c r="J709" s="47">
        <v>2.7</v>
      </c>
    </row>
    <row r="710" spans="2:10" ht="21.6" x14ac:dyDescent="0.2">
      <c r="B710" s="77"/>
      <c r="C710" s="39" t="s">
        <v>48</v>
      </c>
      <c r="D710" s="45">
        <v>305</v>
      </c>
      <c r="E710" s="46">
        <v>58</v>
      </c>
      <c r="F710" s="46">
        <v>0.7</v>
      </c>
      <c r="G710" s="46">
        <v>10.5</v>
      </c>
      <c r="H710" s="46">
        <v>7.2</v>
      </c>
      <c r="I710" s="46">
        <v>21.6</v>
      </c>
      <c r="J710" s="47">
        <v>2</v>
      </c>
    </row>
    <row r="711" spans="2:10" ht="21.6" x14ac:dyDescent="0.2">
      <c r="B711" s="77"/>
      <c r="C711" s="39" t="s">
        <v>49</v>
      </c>
      <c r="D711" s="45">
        <v>223</v>
      </c>
      <c r="E711" s="46">
        <v>57</v>
      </c>
      <c r="F711" s="46">
        <v>0</v>
      </c>
      <c r="G711" s="46">
        <v>10.3</v>
      </c>
      <c r="H711" s="46">
        <v>8.1</v>
      </c>
      <c r="I711" s="46">
        <v>23.3</v>
      </c>
      <c r="J711" s="47">
        <v>1.3</v>
      </c>
    </row>
    <row r="712" spans="2:10" ht="21.6" x14ac:dyDescent="0.2">
      <c r="B712" s="77"/>
      <c r="C712" s="39" t="s">
        <v>50</v>
      </c>
      <c r="D712" s="45">
        <v>123</v>
      </c>
      <c r="E712" s="46">
        <v>63.4</v>
      </c>
      <c r="F712" s="46">
        <v>0</v>
      </c>
      <c r="G712" s="46">
        <v>11.4</v>
      </c>
      <c r="H712" s="46">
        <v>4.0999999999999996</v>
      </c>
      <c r="I712" s="46">
        <v>20.3</v>
      </c>
      <c r="J712" s="47">
        <v>0.8</v>
      </c>
    </row>
    <row r="713" spans="2:10" ht="21.6" x14ac:dyDescent="0.2">
      <c r="B713" s="77"/>
      <c r="C713" s="39" t="s">
        <v>51</v>
      </c>
      <c r="D713" s="45">
        <v>124</v>
      </c>
      <c r="E713" s="46">
        <v>63.7</v>
      </c>
      <c r="F713" s="46">
        <v>0</v>
      </c>
      <c r="G713" s="46">
        <v>6.5</v>
      </c>
      <c r="H713" s="46">
        <v>4.8</v>
      </c>
      <c r="I713" s="46">
        <v>23.4</v>
      </c>
      <c r="J713" s="47">
        <v>1.6</v>
      </c>
    </row>
    <row r="714" spans="2:10" ht="21.6" x14ac:dyDescent="0.2">
      <c r="B714" s="77"/>
      <c r="C714" s="39" t="s">
        <v>52</v>
      </c>
      <c r="D714" s="45">
        <v>312</v>
      </c>
      <c r="E714" s="46">
        <v>61.9</v>
      </c>
      <c r="F714" s="46">
        <v>0.3</v>
      </c>
      <c r="G714" s="46">
        <v>4.2</v>
      </c>
      <c r="H714" s="46">
        <v>7.7</v>
      </c>
      <c r="I714" s="46">
        <v>22.1</v>
      </c>
      <c r="J714" s="47">
        <v>3.8</v>
      </c>
    </row>
    <row r="715" spans="2:10" x14ac:dyDescent="0.2">
      <c r="B715" s="77"/>
      <c r="C715" s="39" t="s">
        <v>53</v>
      </c>
      <c r="D715" s="45">
        <v>269</v>
      </c>
      <c r="E715" s="46">
        <v>58.4</v>
      </c>
      <c r="F715" s="46">
        <v>0.7</v>
      </c>
      <c r="G715" s="46">
        <v>13</v>
      </c>
      <c r="H715" s="46">
        <v>8.9</v>
      </c>
      <c r="I715" s="46">
        <v>16.399999999999999</v>
      </c>
      <c r="J715" s="47">
        <v>2.6</v>
      </c>
    </row>
    <row r="716" spans="2:10" ht="21.6" x14ac:dyDescent="0.2">
      <c r="B716" s="77"/>
      <c r="C716" s="39" t="s">
        <v>54</v>
      </c>
      <c r="D716" s="45">
        <v>511</v>
      </c>
      <c r="E716" s="46">
        <v>59.5</v>
      </c>
      <c r="F716" s="46">
        <v>0.2</v>
      </c>
      <c r="G716" s="46">
        <v>13.5</v>
      </c>
      <c r="H716" s="46">
        <v>8.4</v>
      </c>
      <c r="I716" s="46">
        <v>15.1</v>
      </c>
      <c r="J716" s="47">
        <v>3.3</v>
      </c>
    </row>
    <row r="717" spans="2:10" ht="21.6" x14ac:dyDescent="0.2">
      <c r="B717" s="77"/>
      <c r="C717" s="39" t="s">
        <v>55</v>
      </c>
      <c r="D717" s="45">
        <v>615</v>
      </c>
      <c r="E717" s="46">
        <v>59.7</v>
      </c>
      <c r="F717" s="46">
        <v>0.7</v>
      </c>
      <c r="G717" s="46">
        <v>11.1</v>
      </c>
      <c r="H717" s="46">
        <v>7.3</v>
      </c>
      <c r="I717" s="46">
        <v>20.2</v>
      </c>
      <c r="J717" s="47">
        <v>1.1000000000000001</v>
      </c>
    </row>
    <row r="718" spans="2:10" ht="21.6" x14ac:dyDescent="0.2">
      <c r="B718" s="77"/>
      <c r="C718" s="39" t="s">
        <v>56</v>
      </c>
      <c r="D718" s="45">
        <v>800</v>
      </c>
      <c r="E718" s="46">
        <v>59.6</v>
      </c>
      <c r="F718" s="46">
        <v>0.3</v>
      </c>
      <c r="G718" s="46">
        <v>10.1</v>
      </c>
      <c r="H718" s="46">
        <v>8.5</v>
      </c>
      <c r="I718" s="46">
        <v>20.100000000000001</v>
      </c>
      <c r="J718" s="47">
        <v>1.4</v>
      </c>
    </row>
    <row r="719" spans="2:10" x14ac:dyDescent="0.2">
      <c r="B719" s="77"/>
      <c r="C719" s="40" t="s">
        <v>57</v>
      </c>
      <c r="D719" s="48">
        <v>798</v>
      </c>
      <c r="E719" s="49">
        <v>62.7</v>
      </c>
      <c r="F719" s="49">
        <v>0.3</v>
      </c>
      <c r="G719" s="49">
        <v>10</v>
      </c>
      <c r="H719" s="49">
        <v>6.5</v>
      </c>
      <c r="I719" s="49">
        <v>18.399999999999999</v>
      </c>
      <c r="J719" s="50">
        <v>2.1</v>
      </c>
    </row>
    <row r="721" spans="1:25" x14ac:dyDescent="0.2">
      <c r="C721" t="s">
        <v>35</v>
      </c>
    </row>
    <row r="722" spans="1:25" x14ac:dyDescent="0.2">
      <c r="B722" s="75" t="s">
        <v>269</v>
      </c>
      <c r="C722" s="76"/>
      <c r="D722" s="76"/>
      <c r="E722" s="76"/>
      <c r="F722" s="76"/>
      <c r="G722" s="76"/>
      <c r="H722" s="76"/>
      <c r="I722" s="76"/>
      <c r="J722" s="76"/>
      <c r="K722" s="76"/>
      <c r="L722" s="76"/>
      <c r="M722" s="76"/>
      <c r="N722" s="76"/>
      <c r="O722" s="76"/>
      <c r="P722" s="76"/>
      <c r="Q722" s="76"/>
      <c r="R722" s="76"/>
      <c r="S722" s="76"/>
      <c r="T722" s="76"/>
      <c r="U722" s="76"/>
      <c r="V722" s="76"/>
      <c r="W722" s="76"/>
      <c r="X722" s="76"/>
      <c r="Y722" s="76"/>
    </row>
    <row r="723" spans="1:25" s="32" customFormat="1" ht="79.650000000000006" customHeight="1" x14ac:dyDescent="0.15">
      <c r="A723" s="31"/>
      <c r="D723" s="33" t="s">
        <v>378</v>
      </c>
      <c r="E723" s="36" t="s">
        <v>473</v>
      </c>
      <c r="F723" s="55" t="s">
        <v>474</v>
      </c>
      <c r="G723" s="55" t="s">
        <v>481</v>
      </c>
      <c r="H723" s="55" t="s">
        <v>482</v>
      </c>
      <c r="I723" s="55" t="s">
        <v>479</v>
      </c>
      <c r="J723" s="37" t="s">
        <v>480</v>
      </c>
      <c r="K723" s="35" t="s">
        <v>381</v>
      </c>
    </row>
    <row r="724" spans="1:25" ht="21.6" x14ac:dyDescent="0.2">
      <c r="B724" s="77" t="s">
        <v>37</v>
      </c>
      <c r="C724" s="38" t="s">
        <v>58</v>
      </c>
      <c r="D724" s="51">
        <v>609</v>
      </c>
      <c r="E724" s="52">
        <v>60.6</v>
      </c>
      <c r="F724" s="52">
        <v>0.2</v>
      </c>
      <c r="G724" s="52">
        <v>9.1999999999999993</v>
      </c>
      <c r="H724" s="52">
        <v>8.9</v>
      </c>
      <c r="I724" s="52">
        <v>20</v>
      </c>
      <c r="J724" s="53">
        <v>1.1000000000000001</v>
      </c>
    </row>
    <row r="725" spans="1:25" ht="21.6" x14ac:dyDescent="0.2">
      <c r="B725" s="77"/>
      <c r="C725" s="39" t="s">
        <v>59</v>
      </c>
      <c r="D725" s="45">
        <v>1391</v>
      </c>
      <c r="E725" s="46">
        <v>56</v>
      </c>
      <c r="F725" s="46">
        <v>0.6</v>
      </c>
      <c r="G725" s="46">
        <v>14.5</v>
      </c>
      <c r="H725" s="46">
        <v>8.1</v>
      </c>
      <c r="I725" s="46">
        <v>15.5</v>
      </c>
      <c r="J725" s="47">
        <v>5.3</v>
      </c>
    </row>
    <row r="726" spans="1:25" x14ac:dyDescent="0.2">
      <c r="B726" s="77"/>
      <c r="C726" s="39" t="s">
        <v>60</v>
      </c>
      <c r="D726" s="45">
        <v>1325</v>
      </c>
      <c r="E726" s="46">
        <v>57.9</v>
      </c>
      <c r="F726" s="46">
        <v>0.5</v>
      </c>
      <c r="G726" s="46">
        <v>12.8</v>
      </c>
      <c r="H726" s="46">
        <v>8.4</v>
      </c>
      <c r="I726" s="46">
        <v>16.7</v>
      </c>
      <c r="J726" s="47">
        <v>3.8</v>
      </c>
    </row>
    <row r="727" spans="1:25" x14ac:dyDescent="0.2">
      <c r="B727" s="77"/>
      <c r="C727" s="39" t="s">
        <v>61</v>
      </c>
      <c r="D727" s="45">
        <v>675</v>
      </c>
      <c r="E727" s="46">
        <v>56.4</v>
      </c>
      <c r="F727" s="46">
        <v>0.4</v>
      </c>
      <c r="G727" s="46">
        <v>13.2</v>
      </c>
      <c r="H727" s="46">
        <v>8.1</v>
      </c>
      <c r="I727" s="46">
        <v>17.2</v>
      </c>
      <c r="J727" s="47">
        <v>4.5999999999999996</v>
      </c>
    </row>
    <row r="728" spans="1:25" x14ac:dyDescent="0.2">
      <c r="B728" s="77"/>
      <c r="C728" s="39" t="s">
        <v>62</v>
      </c>
      <c r="D728" s="45">
        <v>1086</v>
      </c>
      <c r="E728" s="46">
        <v>62.5</v>
      </c>
      <c r="F728" s="46">
        <v>0.2</v>
      </c>
      <c r="G728" s="46">
        <v>8.9</v>
      </c>
      <c r="H728" s="46">
        <v>6.7</v>
      </c>
      <c r="I728" s="46">
        <v>17.899999999999999</v>
      </c>
      <c r="J728" s="47">
        <v>3.8</v>
      </c>
    </row>
    <row r="729" spans="1:25" ht="21.6" x14ac:dyDescent="0.2">
      <c r="B729" s="77"/>
      <c r="C729" s="39" t="s">
        <v>63</v>
      </c>
      <c r="D729" s="45">
        <v>203</v>
      </c>
      <c r="E729" s="46">
        <v>59.1</v>
      </c>
      <c r="F729" s="46">
        <v>0.5</v>
      </c>
      <c r="G729" s="46">
        <v>13.8</v>
      </c>
      <c r="H729" s="46">
        <v>11.3</v>
      </c>
      <c r="I729" s="46">
        <v>8.9</v>
      </c>
      <c r="J729" s="47">
        <v>6.4</v>
      </c>
    </row>
    <row r="730" spans="1:25" x14ac:dyDescent="0.2">
      <c r="B730" s="77"/>
      <c r="C730" s="39" t="s">
        <v>64</v>
      </c>
      <c r="D730" s="45">
        <v>263</v>
      </c>
      <c r="E730" s="46">
        <v>64.599999999999994</v>
      </c>
      <c r="F730" s="46">
        <v>0.4</v>
      </c>
      <c r="G730" s="46">
        <v>6.5</v>
      </c>
      <c r="H730" s="46">
        <v>6.5</v>
      </c>
      <c r="I730" s="46">
        <v>19</v>
      </c>
      <c r="J730" s="47">
        <v>3</v>
      </c>
    </row>
    <row r="731" spans="1:25" x14ac:dyDescent="0.2">
      <c r="B731" s="77"/>
      <c r="C731" s="39" t="s">
        <v>65</v>
      </c>
      <c r="D731" s="45">
        <v>312</v>
      </c>
      <c r="E731" s="46">
        <v>65.099999999999994</v>
      </c>
      <c r="F731" s="46">
        <v>0</v>
      </c>
      <c r="G731" s="46">
        <v>4.2</v>
      </c>
      <c r="H731" s="46">
        <v>4.5</v>
      </c>
      <c r="I731" s="46">
        <v>22.1</v>
      </c>
      <c r="J731" s="47">
        <v>4.2</v>
      </c>
    </row>
    <row r="732" spans="1:25" x14ac:dyDescent="0.2">
      <c r="B732" s="77"/>
      <c r="C732" s="39" t="s">
        <v>66</v>
      </c>
      <c r="D732" s="45">
        <v>230</v>
      </c>
      <c r="E732" s="46">
        <v>69.599999999999994</v>
      </c>
      <c r="F732" s="46">
        <v>0</v>
      </c>
      <c r="G732" s="46">
        <v>6.1</v>
      </c>
      <c r="H732" s="46">
        <v>2.2000000000000002</v>
      </c>
      <c r="I732" s="46">
        <v>20</v>
      </c>
      <c r="J732" s="47">
        <v>2.2000000000000002</v>
      </c>
    </row>
    <row r="733" spans="1:25" x14ac:dyDescent="0.2">
      <c r="B733" s="77"/>
      <c r="C733" s="39" t="s">
        <v>67</v>
      </c>
      <c r="D733" s="45">
        <v>78</v>
      </c>
      <c r="E733" s="46">
        <v>33.299999999999997</v>
      </c>
      <c r="F733" s="46">
        <v>0</v>
      </c>
      <c r="G733" s="46">
        <v>32.1</v>
      </c>
      <c r="H733" s="46">
        <v>17.899999999999999</v>
      </c>
      <c r="I733" s="46">
        <v>14.1</v>
      </c>
      <c r="J733" s="47">
        <v>2.6</v>
      </c>
    </row>
    <row r="734" spans="1:25" x14ac:dyDescent="0.2">
      <c r="B734" s="77"/>
      <c r="C734" s="39" t="s">
        <v>68</v>
      </c>
      <c r="D734" s="45">
        <v>897</v>
      </c>
      <c r="E734" s="46">
        <v>69.2</v>
      </c>
      <c r="F734" s="46">
        <v>0.1</v>
      </c>
      <c r="G734" s="46">
        <v>3.1</v>
      </c>
      <c r="H734" s="46">
        <v>5</v>
      </c>
      <c r="I734" s="46">
        <v>20</v>
      </c>
      <c r="J734" s="47">
        <v>2.6</v>
      </c>
    </row>
    <row r="735" spans="1:25" x14ac:dyDescent="0.2">
      <c r="B735" s="77"/>
      <c r="C735" s="39" t="s">
        <v>69</v>
      </c>
      <c r="D735" s="45">
        <v>189</v>
      </c>
      <c r="E735" s="46">
        <v>30.7</v>
      </c>
      <c r="F735" s="46">
        <v>0.5</v>
      </c>
      <c r="G735" s="46">
        <v>36.5</v>
      </c>
      <c r="H735" s="46">
        <v>14.8</v>
      </c>
      <c r="I735" s="46">
        <v>7.9</v>
      </c>
      <c r="J735" s="47">
        <v>9.5</v>
      </c>
    </row>
    <row r="736" spans="1:25" x14ac:dyDescent="0.2">
      <c r="B736" s="77"/>
      <c r="C736" s="39" t="s">
        <v>70</v>
      </c>
      <c r="D736" s="45">
        <v>914</v>
      </c>
      <c r="E736" s="46">
        <v>51.3</v>
      </c>
      <c r="F736" s="46">
        <v>0.9</v>
      </c>
      <c r="G736" s="46">
        <v>17.600000000000001</v>
      </c>
      <c r="H736" s="46">
        <v>10.199999999999999</v>
      </c>
      <c r="I736" s="46">
        <v>15.6</v>
      </c>
      <c r="J736" s="47">
        <v>4.4000000000000004</v>
      </c>
    </row>
    <row r="737" spans="1:25" ht="21.6" x14ac:dyDescent="0.2">
      <c r="B737" s="77"/>
      <c r="C737" s="39" t="s">
        <v>63</v>
      </c>
      <c r="D737" s="45">
        <v>193</v>
      </c>
      <c r="E737" s="46">
        <v>56</v>
      </c>
      <c r="F737" s="46">
        <v>1.6</v>
      </c>
      <c r="G737" s="46">
        <v>17.100000000000001</v>
      </c>
      <c r="H737" s="46">
        <v>14.5</v>
      </c>
      <c r="I737" s="46">
        <v>3.6</v>
      </c>
      <c r="J737" s="47">
        <v>7.3</v>
      </c>
    </row>
    <row r="738" spans="1:25" x14ac:dyDescent="0.2">
      <c r="B738" s="77"/>
      <c r="C738" s="39" t="s">
        <v>64</v>
      </c>
      <c r="D738" s="45">
        <v>203</v>
      </c>
      <c r="E738" s="46">
        <v>52.7</v>
      </c>
      <c r="F738" s="46">
        <v>0.5</v>
      </c>
      <c r="G738" s="46">
        <v>17.2</v>
      </c>
      <c r="H738" s="46">
        <v>9.4</v>
      </c>
      <c r="I738" s="46">
        <v>18.2</v>
      </c>
      <c r="J738" s="47">
        <v>2</v>
      </c>
    </row>
    <row r="739" spans="1:25" x14ac:dyDescent="0.2">
      <c r="B739" s="77"/>
      <c r="C739" s="39" t="s">
        <v>65</v>
      </c>
      <c r="D739" s="45">
        <v>263</v>
      </c>
      <c r="E739" s="46">
        <v>48.7</v>
      </c>
      <c r="F739" s="46">
        <v>0.4</v>
      </c>
      <c r="G739" s="46">
        <v>21.3</v>
      </c>
      <c r="H739" s="46">
        <v>8</v>
      </c>
      <c r="I739" s="46">
        <v>17.100000000000001</v>
      </c>
      <c r="J739" s="47">
        <v>4.5999999999999996</v>
      </c>
    </row>
    <row r="740" spans="1:25" x14ac:dyDescent="0.2">
      <c r="B740" s="77"/>
      <c r="C740" s="39" t="s">
        <v>66</v>
      </c>
      <c r="D740" s="45">
        <v>194</v>
      </c>
      <c r="E740" s="46">
        <v>54.6</v>
      </c>
      <c r="F740" s="46">
        <v>1</v>
      </c>
      <c r="G740" s="46">
        <v>12.4</v>
      </c>
      <c r="H740" s="46">
        <v>9.8000000000000007</v>
      </c>
      <c r="I740" s="46">
        <v>19.100000000000001</v>
      </c>
      <c r="J740" s="47">
        <v>3.1</v>
      </c>
    </row>
    <row r="741" spans="1:25" x14ac:dyDescent="0.2">
      <c r="B741" s="77"/>
      <c r="C741" s="39" t="s">
        <v>67</v>
      </c>
      <c r="D741" s="45">
        <v>61</v>
      </c>
      <c r="E741" s="46">
        <v>32.799999999999997</v>
      </c>
      <c r="F741" s="46">
        <v>1.6</v>
      </c>
      <c r="G741" s="46">
        <v>21.3</v>
      </c>
      <c r="H741" s="46">
        <v>9.8000000000000007</v>
      </c>
      <c r="I741" s="46">
        <v>27.9</v>
      </c>
      <c r="J741" s="47">
        <v>6.6</v>
      </c>
    </row>
    <row r="742" spans="1:25" x14ac:dyDescent="0.2">
      <c r="B742" s="77"/>
      <c r="C742" s="39" t="s">
        <v>68</v>
      </c>
      <c r="D742" s="45">
        <v>416</v>
      </c>
      <c r="E742" s="46">
        <v>68.8</v>
      </c>
      <c r="F742" s="46">
        <v>0.5</v>
      </c>
      <c r="G742" s="46">
        <v>3.4</v>
      </c>
      <c r="H742" s="46">
        <v>6</v>
      </c>
      <c r="I742" s="46">
        <v>19.5</v>
      </c>
      <c r="J742" s="47">
        <v>1.9</v>
      </c>
    </row>
    <row r="743" spans="1:25" x14ac:dyDescent="0.2">
      <c r="B743" s="77"/>
      <c r="C743" s="40" t="s">
        <v>69</v>
      </c>
      <c r="D743" s="48">
        <v>498</v>
      </c>
      <c r="E743" s="49">
        <v>36.700000000000003</v>
      </c>
      <c r="F743" s="49">
        <v>1.2</v>
      </c>
      <c r="G743" s="49">
        <v>29.5</v>
      </c>
      <c r="H743" s="49">
        <v>13.7</v>
      </c>
      <c r="I743" s="49">
        <v>12.4</v>
      </c>
      <c r="J743" s="50">
        <v>6.4</v>
      </c>
    </row>
    <row r="745" spans="1:25" x14ac:dyDescent="0.2">
      <c r="A745" s="26" t="s">
        <v>25</v>
      </c>
      <c r="B745" t="s">
        <v>35</v>
      </c>
      <c r="C745" t="s">
        <v>35</v>
      </c>
    </row>
    <row r="746" spans="1:25" x14ac:dyDescent="0.2">
      <c r="B746" s="75" t="s">
        <v>88</v>
      </c>
      <c r="C746" s="76"/>
      <c r="D746" s="76"/>
      <c r="E746" s="76"/>
      <c r="F746" s="76"/>
      <c r="G746" s="76"/>
      <c r="H746" s="76"/>
      <c r="I746" s="76"/>
      <c r="J746" s="76"/>
      <c r="K746" s="76"/>
      <c r="L746" s="76"/>
      <c r="M746" s="76"/>
      <c r="N746" s="76"/>
      <c r="O746" s="76"/>
      <c r="P746" s="76"/>
      <c r="Q746" s="76"/>
      <c r="R746" s="76"/>
      <c r="S746" s="76"/>
      <c r="T746" s="76"/>
      <c r="U746" s="76"/>
      <c r="V746" s="76"/>
      <c r="W746" s="76"/>
      <c r="X746" s="76"/>
      <c r="Y746" s="76"/>
    </row>
    <row r="747" spans="1:25" s="32" customFormat="1" ht="79.650000000000006" customHeight="1" x14ac:dyDescent="0.15">
      <c r="A747" s="31"/>
      <c r="D747" s="33" t="s">
        <v>378</v>
      </c>
      <c r="E747" s="36" t="s">
        <v>473</v>
      </c>
      <c r="F747" s="55" t="s">
        <v>483</v>
      </c>
      <c r="G747" s="55" t="s">
        <v>484</v>
      </c>
      <c r="H747" s="37" t="s">
        <v>480</v>
      </c>
      <c r="I747" s="35" t="s">
        <v>381</v>
      </c>
    </row>
    <row r="748" spans="1:25" x14ac:dyDescent="0.2">
      <c r="B748" s="5"/>
      <c r="C748" s="41" t="s">
        <v>38</v>
      </c>
      <c r="D748" s="42">
        <v>2000</v>
      </c>
      <c r="E748" s="43">
        <v>57.4</v>
      </c>
      <c r="F748" s="43">
        <v>13.4</v>
      </c>
      <c r="G748" s="43">
        <v>25.2</v>
      </c>
      <c r="H748" s="44">
        <v>4.0999999999999996</v>
      </c>
    </row>
    <row r="749" spans="1:25" x14ac:dyDescent="0.2">
      <c r="B749" s="77" t="s">
        <v>37</v>
      </c>
      <c r="C749" s="39" t="s">
        <v>39</v>
      </c>
      <c r="D749" s="45">
        <v>111</v>
      </c>
      <c r="E749" s="46">
        <v>64.900000000000006</v>
      </c>
      <c r="F749" s="46">
        <v>7.2</v>
      </c>
      <c r="G749" s="46">
        <v>25.2</v>
      </c>
      <c r="H749" s="47">
        <v>2.7</v>
      </c>
    </row>
    <row r="750" spans="1:25" x14ac:dyDescent="0.2">
      <c r="B750" s="77"/>
      <c r="C750" s="39" t="s">
        <v>40</v>
      </c>
      <c r="D750" s="45">
        <v>450</v>
      </c>
      <c r="E750" s="46">
        <v>63.1</v>
      </c>
      <c r="F750" s="46">
        <v>11.1</v>
      </c>
      <c r="G750" s="46">
        <v>22.4</v>
      </c>
      <c r="H750" s="47">
        <v>3.3</v>
      </c>
    </row>
    <row r="751" spans="1:25" ht="21.6" x14ac:dyDescent="0.2">
      <c r="B751" s="77"/>
      <c r="C751" s="39" t="s">
        <v>41</v>
      </c>
      <c r="D751" s="45">
        <v>30</v>
      </c>
      <c r="E751" s="46">
        <v>36.700000000000003</v>
      </c>
      <c r="F751" s="46">
        <v>13.3</v>
      </c>
      <c r="G751" s="46">
        <v>43.3</v>
      </c>
      <c r="H751" s="47">
        <v>6.7</v>
      </c>
    </row>
    <row r="752" spans="1:25" ht="21.6" x14ac:dyDescent="0.2">
      <c r="B752" s="77"/>
      <c r="C752" s="39" t="s">
        <v>42</v>
      </c>
      <c r="D752" s="45">
        <v>336</v>
      </c>
      <c r="E752" s="46">
        <v>65.2</v>
      </c>
      <c r="F752" s="46">
        <v>9.5</v>
      </c>
      <c r="G752" s="46">
        <v>22</v>
      </c>
      <c r="H752" s="47">
        <v>3.3</v>
      </c>
    </row>
    <row r="753" spans="2:8" ht="21.6" x14ac:dyDescent="0.2">
      <c r="B753" s="77"/>
      <c r="C753" s="39" t="s">
        <v>43</v>
      </c>
      <c r="D753" s="45">
        <v>327</v>
      </c>
      <c r="E753" s="46">
        <v>48.3</v>
      </c>
      <c r="F753" s="46">
        <v>17.7</v>
      </c>
      <c r="G753" s="46">
        <v>29.7</v>
      </c>
      <c r="H753" s="47">
        <v>4.3</v>
      </c>
    </row>
    <row r="754" spans="2:8" ht="21.6" x14ac:dyDescent="0.2">
      <c r="B754" s="77"/>
      <c r="C754" s="39" t="s">
        <v>44</v>
      </c>
      <c r="D754" s="45">
        <v>181</v>
      </c>
      <c r="E754" s="46">
        <v>59.7</v>
      </c>
      <c r="F754" s="46">
        <v>8.8000000000000007</v>
      </c>
      <c r="G754" s="46">
        <v>29.3</v>
      </c>
      <c r="H754" s="47">
        <v>2.2000000000000002</v>
      </c>
    </row>
    <row r="755" spans="2:8" ht="21.6" x14ac:dyDescent="0.2">
      <c r="B755" s="77"/>
      <c r="C755" s="39" t="s">
        <v>45</v>
      </c>
      <c r="D755" s="45">
        <v>565</v>
      </c>
      <c r="E755" s="46">
        <v>52.4</v>
      </c>
      <c r="F755" s="46">
        <v>17.7</v>
      </c>
      <c r="G755" s="46">
        <v>24.2</v>
      </c>
      <c r="H755" s="47">
        <v>5.7</v>
      </c>
    </row>
    <row r="756" spans="2:8" ht="21.6" x14ac:dyDescent="0.2">
      <c r="B756" s="77"/>
      <c r="C756" s="39" t="s">
        <v>46</v>
      </c>
      <c r="D756" s="45">
        <v>473</v>
      </c>
      <c r="E756" s="46">
        <v>50.7</v>
      </c>
      <c r="F756" s="46">
        <v>20.7</v>
      </c>
      <c r="G756" s="46">
        <v>23.3</v>
      </c>
      <c r="H756" s="47">
        <v>5.3</v>
      </c>
    </row>
    <row r="757" spans="2:8" ht="21.6" x14ac:dyDescent="0.2">
      <c r="B757" s="77"/>
      <c r="C757" s="39" t="s">
        <v>47</v>
      </c>
      <c r="D757" s="45">
        <v>441</v>
      </c>
      <c r="E757" s="46">
        <v>60.3</v>
      </c>
      <c r="F757" s="46">
        <v>12.2</v>
      </c>
      <c r="G757" s="46">
        <v>24.7</v>
      </c>
      <c r="H757" s="47">
        <v>2.7</v>
      </c>
    </row>
    <row r="758" spans="2:8" ht="21.6" x14ac:dyDescent="0.2">
      <c r="B758" s="77"/>
      <c r="C758" s="39" t="s">
        <v>48</v>
      </c>
      <c r="D758" s="45">
        <v>305</v>
      </c>
      <c r="E758" s="46">
        <v>58</v>
      </c>
      <c r="F758" s="46">
        <v>11.1</v>
      </c>
      <c r="G758" s="46">
        <v>28.9</v>
      </c>
      <c r="H758" s="47">
        <v>2</v>
      </c>
    </row>
    <row r="759" spans="2:8" ht="21.6" x14ac:dyDescent="0.2">
      <c r="B759" s="77"/>
      <c r="C759" s="39" t="s">
        <v>49</v>
      </c>
      <c r="D759" s="45">
        <v>223</v>
      </c>
      <c r="E759" s="46">
        <v>57</v>
      </c>
      <c r="F759" s="46">
        <v>10.3</v>
      </c>
      <c r="G759" s="46">
        <v>31.4</v>
      </c>
      <c r="H759" s="47">
        <v>1.3</v>
      </c>
    </row>
    <row r="760" spans="2:8" ht="21.6" x14ac:dyDescent="0.2">
      <c r="B760" s="77"/>
      <c r="C760" s="39" t="s">
        <v>50</v>
      </c>
      <c r="D760" s="45">
        <v>123</v>
      </c>
      <c r="E760" s="46">
        <v>63.4</v>
      </c>
      <c r="F760" s="46">
        <v>11.4</v>
      </c>
      <c r="G760" s="46">
        <v>24.4</v>
      </c>
      <c r="H760" s="47">
        <v>0.8</v>
      </c>
    </row>
    <row r="761" spans="2:8" ht="21.6" x14ac:dyDescent="0.2">
      <c r="B761" s="77"/>
      <c r="C761" s="39" t="s">
        <v>51</v>
      </c>
      <c r="D761" s="45">
        <v>124</v>
      </c>
      <c r="E761" s="46">
        <v>63.7</v>
      </c>
      <c r="F761" s="46">
        <v>6.5</v>
      </c>
      <c r="G761" s="46">
        <v>28.2</v>
      </c>
      <c r="H761" s="47">
        <v>1.6</v>
      </c>
    </row>
    <row r="762" spans="2:8" ht="21.6" x14ac:dyDescent="0.2">
      <c r="B762" s="77"/>
      <c r="C762" s="39" t="s">
        <v>52</v>
      </c>
      <c r="D762" s="45">
        <v>312</v>
      </c>
      <c r="E762" s="46">
        <v>61.9</v>
      </c>
      <c r="F762" s="46">
        <v>4.5</v>
      </c>
      <c r="G762" s="46">
        <v>29.8</v>
      </c>
      <c r="H762" s="47">
        <v>3.8</v>
      </c>
    </row>
    <row r="763" spans="2:8" x14ac:dyDescent="0.2">
      <c r="B763" s="77"/>
      <c r="C763" s="39" t="s">
        <v>53</v>
      </c>
      <c r="D763" s="45">
        <v>269</v>
      </c>
      <c r="E763" s="46">
        <v>58.4</v>
      </c>
      <c r="F763" s="46">
        <v>13.8</v>
      </c>
      <c r="G763" s="46">
        <v>25.3</v>
      </c>
      <c r="H763" s="47">
        <v>2.6</v>
      </c>
    </row>
    <row r="764" spans="2:8" ht="21.6" x14ac:dyDescent="0.2">
      <c r="B764" s="77"/>
      <c r="C764" s="39" t="s">
        <v>54</v>
      </c>
      <c r="D764" s="45">
        <v>511</v>
      </c>
      <c r="E764" s="46">
        <v>59.5</v>
      </c>
      <c r="F764" s="46">
        <v>13.7</v>
      </c>
      <c r="G764" s="46">
        <v>23.5</v>
      </c>
      <c r="H764" s="47">
        <v>3.3</v>
      </c>
    </row>
    <row r="765" spans="2:8" ht="21.6" x14ac:dyDescent="0.2">
      <c r="B765" s="77"/>
      <c r="C765" s="39" t="s">
        <v>55</v>
      </c>
      <c r="D765" s="45">
        <v>615</v>
      </c>
      <c r="E765" s="46">
        <v>59.7</v>
      </c>
      <c r="F765" s="46">
        <v>11.7</v>
      </c>
      <c r="G765" s="46">
        <v>27.5</v>
      </c>
      <c r="H765" s="47">
        <v>1.1000000000000001</v>
      </c>
    </row>
    <row r="766" spans="2:8" ht="21.6" x14ac:dyDescent="0.2">
      <c r="B766" s="77"/>
      <c r="C766" s="39" t="s">
        <v>56</v>
      </c>
      <c r="D766" s="45">
        <v>800</v>
      </c>
      <c r="E766" s="46">
        <v>59.6</v>
      </c>
      <c r="F766" s="46">
        <v>10.4</v>
      </c>
      <c r="G766" s="46">
        <v>28.6</v>
      </c>
      <c r="H766" s="47">
        <v>1.4</v>
      </c>
    </row>
    <row r="767" spans="2:8" x14ac:dyDescent="0.2">
      <c r="B767" s="77"/>
      <c r="C767" s="40" t="s">
        <v>57</v>
      </c>
      <c r="D767" s="48">
        <v>798</v>
      </c>
      <c r="E767" s="49">
        <v>62.7</v>
      </c>
      <c r="F767" s="49">
        <v>10.3</v>
      </c>
      <c r="G767" s="49">
        <v>24.9</v>
      </c>
      <c r="H767" s="50">
        <v>2.1</v>
      </c>
    </row>
    <row r="769" spans="1:25" x14ac:dyDescent="0.2">
      <c r="C769" t="s">
        <v>35</v>
      </c>
    </row>
    <row r="770" spans="1:25" x14ac:dyDescent="0.2">
      <c r="B770" s="75" t="s">
        <v>270</v>
      </c>
      <c r="C770" s="76"/>
      <c r="D770" s="76"/>
      <c r="E770" s="76"/>
      <c r="F770" s="76"/>
      <c r="G770" s="76"/>
      <c r="H770" s="76"/>
      <c r="I770" s="76"/>
      <c r="J770" s="76"/>
      <c r="K770" s="76"/>
      <c r="L770" s="76"/>
      <c r="M770" s="76"/>
      <c r="N770" s="76"/>
      <c r="O770" s="76"/>
      <c r="P770" s="76"/>
      <c r="Q770" s="76"/>
      <c r="R770" s="76"/>
      <c r="S770" s="76"/>
      <c r="T770" s="76"/>
      <c r="U770" s="76"/>
      <c r="V770" s="76"/>
      <c r="W770" s="76"/>
      <c r="X770" s="76"/>
      <c r="Y770" s="76"/>
    </row>
    <row r="771" spans="1:25" s="32" customFormat="1" ht="79.650000000000006" customHeight="1" x14ac:dyDescent="0.15">
      <c r="A771" s="31"/>
      <c r="D771" s="33" t="s">
        <v>378</v>
      </c>
      <c r="E771" s="36" t="s">
        <v>473</v>
      </c>
      <c r="F771" s="55" t="s">
        <v>483</v>
      </c>
      <c r="G771" s="55" t="s">
        <v>484</v>
      </c>
      <c r="H771" s="37" t="s">
        <v>480</v>
      </c>
      <c r="I771" s="35" t="s">
        <v>381</v>
      </c>
    </row>
    <row r="772" spans="1:25" ht="21.6" x14ac:dyDescent="0.2">
      <c r="B772" s="77" t="s">
        <v>37</v>
      </c>
      <c r="C772" s="38" t="s">
        <v>58</v>
      </c>
      <c r="D772" s="51">
        <v>609</v>
      </c>
      <c r="E772" s="52">
        <v>60.6</v>
      </c>
      <c r="F772" s="52">
        <v>9.4</v>
      </c>
      <c r="G772" s="52">
        <v>28.9</v>
      </c>
      <c r="H772" s="53">
        <v>1.1000000000000001</v>
      </c>
    </row>
    <row r="773" spans="1:25" ht="21.6" x14ac:dyDescent="0.2">
      <c r="B773" s="77"/>
      <c r="C773" s="39" t="s">
        <v>59</v>
      </c>
      <c r="D773" s="45">
        <v>1391</v>
      </c>
      <c r="E773" s="46">
        <v>56</v>
      </c>
      <c r="F773" s="46">
        <v>15.2</v>
      </c>
      <c r="G773" s="46">
        <v>23.5</v>
      </c>
      <c r="H773" s="47">
        <v>5.3</v>
      </c>
    </row>
    <row r="774" spans="1:25" x14ac:dyDescent="0.2">
      <c r="B774" s="77"/>
      <c r="C774" s="39" t="s">
        <v>60</v>
      </c>
      <c r="D774" s="45">
        <v>1325</v>
      </c>
      <c r="E774" s="46">
        <v>57.9</v>
      </c>
      <c r="F774" s="46">
        <v>13.3</v>
      </c>
      <c r="G774" s="46">
        <v>25.1</v>
      </c>
      <c r="H774" s="47">
        <v>3.8</v>
      </c>
    </row>
    <row r="775" spans="1:25" x14ac:dyDescent="0.2">
      <c r="B775" s="77"/>
      <c r="C775" s="39" t="s">
        <v>61</v>
      </c>
      <c r="D775" s="45">
        <v>675</v>
      </c>
      <c r="E775" s="46">
        <v>56.4</v>
      </c>
      <c r="F775" s="46">
        <v>13.6</v>
      </c>
      <c r="G775" s="46">
        <v>25.3</v>
      </c>
      <c r="H775" s="47">
        <v>4.5999999999999996</v>
      </c>
    </row>
    <row r="776" spans="1:25" x14ac:dyDescent="0.2">
      <c r="B776" s="77"/>
      <c r="C776" s="39" t="s">
        <v>62</v>
      </c>
      <c r="D776" s="45">
        <v>1086</v>
      </c>
      <c r="E776" s="46">
        <v>62.5</v>
      </c>
      <c r="F776" s="46">
        <v>9.1</v>
      </c>
      <c r="G776" s="46">
        <v>24.6</v>
      </c>
      <c r="H776" s="47">
        <v>3.8</v>
      </c>
    </row>
    <row r="777" spans="1:25" ht="21.6" x14ac:dyDescent="0.2">
      <c r="B777" s="77"/>
      <c r="C777" s="39" t="s">
        <v>63</v>
      </c>
      <c r="D777" s="45">
        <v>203</v>
      </c>
      <c r="E777" s="46">
        <v>59.1</v>
      </c>
      <c r="F777" s="46">
        <v>14.3</v>
      </c>
      <c r="G777" s="46">
        <v>20.2</v>
      </c>
      <c r="H777" s="47">
        <v>6.4</v>
      </c>
    </row>
    <row r="778" spans="1:25" x14ac:dyDescent="0.2">
      <c r="B778" s="77"/>
      <c r="C778" s="39" t="s">
        <v>64</v>
      </c>
      <c r="D778" s="45">
        <v>263</v>
      </c>
      <c r="E778" s="46">
        <v>64.599999999999994</v>
      </c>
      <c r="F778" s="46">
        <v>6.8</v>
      </c>
      <c r="G778" s="46">
        <v>25.5</v>
      </c>
      <c r="H778" s="47">
        <v>3</v>
      </c>
    </row>
    <row r="779" spans="1:25" x14ac:dyDescent="0.2">
      <c r="B779" s="77"/>
      <c r="C779" s="39" t="s">
        <v>65</v>
      </c>
      <c r="D779" s="45">
        <v>312</v>
      </c>
      <c r="E779" s="46">
        <v>65.099999999999994</v>
      </c>
      <c r="F779" s="46">
        <v>4.2</v>
      </c>
      <c r="G779" s="46">
        <v>26.6</v>
      </c>
      <c r="H779" s="47">
        <v>4.2</v>
      </c>
    </row>
    <row r="780" spans="1:25" x14ac:dyDescent="0.2">
      <c r="B780" s="77"/>
      <c r="C780" s="39" t="s">
        <v>66</v>
      </c>
      <c r="D780" s="45">
        <v>230</v>
      </c>
      <c r="E780" s="46">
        <v>69.599999999999994</v>
      </c>
      <c r="F780" s="46">
        <v>6.1</v>
      </c>
      <c r="G780" s="46">
        <v>22.2</v>
      </c>
      <c r="H780" s="47">
        <v>2.2000000000000002</v>
      </c>
    </row>
    <row r="781" spans="1:25" x14ac:dyDescent="0.2">
      <c r="B781" s="77"/>
      <c r="C781" s="39" t="s">
        <v>67</v>
      </c>
      <c r="D781" s="45">
        <v>78</v>
      </c>
      <c r="E781" s="46">
        <v>33.299999999999997</v>
      </c>
      <c r="F781" s="46">
        <v>32.1</v>
      </c>
      <c r="G781" s="46">
        <v>32.1</v>
      </c>
      <c r="H781" s="47">
        <v>2.6</v>
      </c>
    </row>
    <row r="782" spans="1:25" x14ac:dyDescent="0.2">
      <c r="B782" s="77"/>
      <c r="C782" s="39" t="s">
        <v>68</v>
      </c>
      <c r="D782" s="45">
        <v>897</v>
      </c>
      <c r="E782" s="46">
        <v>69.2</v>
      </c>
      <c r="F782" s="46">
        <v>3.2</v>
      </c>
      <c r="G782" s="46">
        <v>25</v>
      </c>
      <c r="H782" s="47">
        <v>2.6</v>
      </c>
    </row>
    <row r="783" spans="1:25" x14ac:dyDescent="0.2">
      <c r="B783" s="77"/>
      <c r="C783" s="39" t="s">
        <v>69</v>
      </c>
      <c r="D783" s="45">
        <v>189</v>
      </c>
      <c r="E783" s="46">
        <v>30.7</v>
      </c>
      <c r="F783" s="46">
        <v>37</v>
      </c>
      <c r="G783" s="46">
        <v>22.8</v>
      </c>
      <c r="H783" s="47">
        <v>9.5</v>
      </c>
    </row>
    <row r="784" spans="1:25" x14ac:dyDescent="0.2">
      <c r="B784" s="77"/>
      <c r="C784" s="39" t="s">
        <v>70</v>
      </c>
      <c r="D784" s="45">
        <v>914</v>
      </c>
      <c r="E784" s="46">
        <v>51.3</v>
      </c>
      <c r="F784" s="46">
        <v>18.5</v>
      </c>
      <c r="G784" s="46">
        <v>25.8</v>
      </c>
      <c r="H784" s="47">
        <v>4.4000000000000004</v>
      </c>
    </row>
    <row r="785" spans="1:25" ht="21.6" x14ac:dyDescent="0.2">
      <c r="B785" s="77"/>
      <c r="C785" s="39" t="s">
        <v>63</v>
      </c>
      <c r="D785" s="45">
        <v>193</v>
      </c>
      <c r="E785" s="46">
        <v>56</v>
      </c>
      <c r="F785" s="46">
        <v>18.7</v>
      </c>
      <c r="G785" s="46">
        <v>18.100000000000001</v>
      </c>
      <c r="H785" s="47">
        <v>7.3</v>
      </c>
    </row>
    <row r="786" spans="1:25" x14ac:dyDescent="0.2">
      <c r="B786" s="77"/>
      <c r="C786" s="39" t="s">
        <v>64</v>
      </c>
      <c r="D786" s="45">
        <v>203</v>
      </c>
      <c r="E786" s="46">
        <v>52.7</v>
      </c>
      <c r="F786" s="46">
        <v>17.7</v>
      </c>
      <c r="G786" s="46">
        <v>27.6</v>
      </c>
      <c r="H786" s="47">
        <v>2</v>
      </c>
    </row>
    <row r="787" spans="1:25" x14ac:dyDescent="0.2">
      <c r="B787" s="77"/>
      <c r="C787" s="39" t="s">
        <v>65</v>
      </c>
      <c r="D787" s="45">
        <v>263</v>
      </c>
      <c r="E787" s="46">
        <v>48.7</v>
      </c>
      <c r="F787" s="46">
        <v>21.7</v>
      </c>
      <c r="G787" s="46">
        <v>25.1</v>
      </c>
      <c r="H787" s="47">
        <v>4.5999999999999996</v>
      </c>
    </row>
    <row r="788" spans="1:25" x14ac:dyDescent="0.2">
      <c r="B788" s="77"/>
      <c r="C788" s="39" t="s">
        <v>66</v>
      </c>
      <c r="D788" s="45">
        <v>194</v>
      </c>
      <c r="E788" s="46">
        <v>54.6</v>
      </c>
      <c r="F788" s="46">
        <v>13.4</v>
      </c>
      <c r="G788" s="46">
        <v>28.9</v>
      </c>
      <c r="H788" s="47">
        <v>3.1</v>
      </c>
    </row>
    <row r="789" spans="1:25" x14ac:dyDescent="0.2">
      <c r="B789" s="77"/>
      <c r="C789" s="39" t="s">
        <v>67</v>
      </c>
      <c r="D789" s="45">
        <v>61</v>
      </c>
      <c r="E789" s="46">
        <v>32.799999999999997</v>
      </c>
      <c r="F789" s="46">
        <v>23</v>
      </c>
      <c r="G789" s="46">
        <v>37.700000000000003</v>
      </c>
      <c r="H789" s="47">
        <v>6.6</v>
      </c>
    </row>
    <row r="790" spans="1:25" x14ac:dyDescent="0.2">
      <c r="B790" s="77"/>
      <c r="C790" s="39" t="s">
        <v>68</v>
      </c>
      <c r="D790" s="45">
        <v>416</v>
      </c>
      <c r="E790" s="46">
        <v>68.8</v>
      </c>
      <c r="F790" s="46">
        <v>3.8</v>
      </c>
      <c r="G790" s="46">
        <v>25.5</v>
      </c>
      <c r="H790" s="47">
        <v>1.9</v>
      </c>
    </row>
    <row r="791" spans="1:25" x14ac:dyDescent="0.2">
      <c r="B791" s="77"/>
      <c r="C791" s="40" t="s">
        <v>69</v>
      </c>
      <c r="D791" s="48">
        <v>498</v>
      </c>
      <c r="E791" s="49">
        <v>36.700000000000003</v>
      </c>
      <c r="F791" s="49">
        <v>30.7</v>
      </c>
      <c r="G791" s="49">
        <v>26.1</v>
      </c>
      <c r="H791" s="50">
        <v>6.4</v>
      </c>
    </row>
    <row r="793" spans="1:25" x14ac:dyDescent="0.2">
      <c r="A793" s="26" t="s">
        <v>25</v>
      </c>
      <c r="B793" t="s">
        <v>35</v>
      </c>
      <c r="C793" t="s">
        <v>35</v>
      </c>
    </row>
    <row r="794" spans="1:25" x14ac:dyDescent="0.2">
      <c r="B794" s="75" t="s">
        <v>89</v>
      </c>
      <c r="C794" s="76"/>
      <c r="D794" s="76"/>
      <c r="E794" s="76"/>
      <c r="F794" s="76"/>
      <c r="G794" s="76"/>
      <c r="H794" s="76"/>
      <c r="I794" s="76"/>
      <c r="J794" s="76"/>
      <c r="K794" s="76"/>
      <c r="L794" s="76"/>
      <c r="M794" s="76"/>
      <c r="N794" s="76"/>
      <c r="O794" s="76"/>
      <c r="P794" s="76"/>
      <c r="Q794" s="76"/>
      <c r="R794" s="76"/>
      <c r="S794" s="76"/>
      <c r="T794" s="76"/>
      <c r="U794" s="76"/>
      <c r="V794" s="76"/>
      <c r="W794" s="76"/>
      <c r="X794" s="76"/>
      <c r="Y794" s="76"/>
    </row>
    <row r="795" spans="1:25" s="32" customFormat="1" ht="58.05" customHeight="1" x14ac:dyDescent="0.15">
      <c r="A795" s="31"/>
      <c r="D795" s="33" t="s">
        <v>378</v>
      </c>
      <c r="E795" s="36" t="s">
        <v>485</v>
      </c>
      <c r="F795" s="55" t="s">
        <v>486</v>
      </c>
      <c r="G795" s="55" t="s">
        <v>487</v>
      </c>
      <c r="H795" s="55" t="s">
        <v>488</v>
      </c>
      <c r="I795" s="55" t="s">
        <v>489</v>
      </c>
      <c r="J795" s="55" t="s">
        <v>490</v>
      </c>
      <c r="K795" s="55" t="s">
        <v>491</v>
      </c>
      <c r="L795" s="55" t="s">
        <v>492</v>
      </c>
      <c r="M795" s="55" t="s">
        <v>493</v>
      </c>
      <c r="N795" s="55" t="s">
        <v>494</v>
      </c>
      <c r="O795" s="55" t="s">
        <v>495</v>
      </c>
      <c r="P795" s="55" t="s">
        <v>496</v>
      </c>
      <c r="Q795" s="55" t="s">
        <v>497</v>
      </c>
      <c r="R795" s="55" t="s">
        <v>498</v>
      </c>
      <c r="S795" s="55" t="s">
        <v>499</v>
      </c>
      <c r="T795" s="37" t="s">
        <v>480</v>
      </c>
      <c r="U795" s="35" t="s">
        <v>381</v>
      </c>
    </row>
    <row r="796" spans="1:25" x14ac:dyDescent="0.2">
      <c r="B796" s="5"/>
      <c r="C796" s="41" t="s">
        <v>38</v>
      </c>
      <c r="D796" s="42">
        <v>2000</v>
      </c>
      <c r="E796" s="43">
        <v>5.6</v>
      </c>
      <c r="F796" s="43">
        <v>22.5</v>
      </c>
      <c r="G796" s="43">
        <v>1.5</v>
      </c>
      <c r="H796" s="43">
        <v>9.9</v>
      </c>
      <c r="I796" s="43">
        <v>6.9</v>
      </c>
      <c r="J796" s="43">
        <v>12.5</v>
      </c>
      <c r="K796" s="43">
        <v>6.3</v>
      </c>
      <c r="L796" s="43">
        <v>2.8</v>
      </c>
      <c r="M796" s="43">
        <v>3.9</v>
      </c>
      <c r="N796" s="43">
        <v>7.9</v>
      </c>
      <c r="O796" s="43">
        <v>2.6</v>
      </c>
      <c r="P796" s="43">
        <v>0.9</v>
      </c>
      <c r="Q796" s="43">
        <v>16.899999999999999</v>
      </c>
      <c r="R796" s="43">
        <v>0</v>
      </c>
      <c r="S796" s="43">
        <v>0</v>
      </c>
      <c r="T796" s="44">
        <v>0</v>
      </c>
    </row>
    <row r="797" spans="1:25" x14ac:dyDescent="0.2">
      <c r="B797" s="77" t="s">
        <v>37</v>
      </c>
      <c r="C797" s="39" t="s">
        <v>39</v>
      </c>
      <c r="D797" s="45">
        <v>111</v>
      </c>
      <c r="E797" s="46">
        <v>100</v>
      </c>
      <c r="F797" s="46">
        <v>0</v>
      </c>
      <c r="G797" s="46">
        <v>0</v>
      </c>
      <c r="H797" s="46">
        <v>0</v>
      </c>
      <c r="I797" s="46">
        <v>0</v>
      </c>
      <c r="J797" s="46">
        <v>0</v>
      </c>
      <c r="K797" s="46">
        <v>0</v>
      </c>
      <c r="L797" s="46">
        <v>0</v>
      </c>
      <c r="M797" s="46">
        <v>0</v>
      </c>
      <c r="N797" s="46">
        <v>0</v>
      </c>
      <c r="O797" s="46">
        <v>0</v>
      </c>
      <c r="P797" s="46">
        <v>0</v>
      </c>
      <c r="Q797" s="46">
        <v>0</v>
      </c>
      <c r="R797" s="46">
        <v>0</v>
      </c>
      <c r="S797" s="46">
        <v>0</v>
      </c>
      <c r="T797" s="47">
        <v>0</v>
      </c>
    </row>
    <row r="798" spans="1:25" x14ac:dyDescent="0.2">
      <c r="B798" s="77"/>
      <c r="C798" s="39" t="s">
        <v>40</v>
      </c>
      <c r="D798" s="45">
        <v>450</v>
      </c>
      <c r="E798" s="46">
        <v>0</v>
      </c>
      <c r="F798" s="46">
        <v>100</v>
      </c>
      <c r="G798" s="46">
        <v>0</v>
      </c>
      <c r="H798" s="46">
        <v>0</v>
      </c>
      <c r="I798" s="46">
        <v>0</v>
      </c>
      <c r="J798" s="46">
        <v>0</v>
      </c>
      <c r="K798" s="46">
        <v>0</v>
      </c>
      <c r="L798" s="46">
        <v>0</v>
      </c>
      <c r="M798" s="46">
        <v>0</v>
      </c>
      <c r="N798" s="46">
        <v>0</v>
      </c>
      <c r="O798" s="46">
        <v>0</v>
      </c>
      <c r="P798" s="46">
        <v>0</v>
      </c>
      <c r="Q798" s="46">
        <v>0</v>
      </c>
      <c r="R798" s="46">
        <v>0</v>
      </c>
      <c r="S798" s="46">
        <v>0</v>
      </c>
      <c r="T798" s="47">
        <v>0</v>
      </c>
    </row>
    <row r="799" spans="1:25" ht="21.6" x14ac:dyDescent="0.2">
      <c r="B799" s="77"/>
      <c r="C799" s="39" t="s">
        <v>41</v>
      </c>
      <c r="D799" s="45">
        <v>30</v>
      </c>
      <c r="E799" s="46">
        <v>0</v>
      </c>
      <c r="F799" s="46">
        <v>0</v>
      </c>
      <c r="G799" s="46">
        <v>100</v>
      </c>
      <c r="H799" s="46">
        <v>0</v>
      </c>
      <c r="I799" s="46">
        <v>0</v>
      </c>
      <c r="J799" s="46">
        <v>0</v>
      </c>
      <c r="K799" s="46">
        <v>0</v>
      </c>
      <c r="L799" s="46">
        <v>0</v>
      </c>
      <c r="M799" s="46">
        <v>0</v>
      </c>
      <c r="N799" s="46">
        <v>0</v>
      </c>
      <c r="O799" s="46">
        <v>0</v>
      </c>
      <c r="P799" s="46">
        <v>0</v>
      </c>
      <c r="Q799" s="46">
        <v>0</v>
      </c>
      <c r="R799" s="46">
        <v>0</v>
      </c>
      <c r="S799" s="46">
        <v>0</v>
      </c>
      <c r="T799" s="47">
        <v>0</v>
      </c>
    </row>
    <row r="800" spans="1:25" ht="21.6" x14ac:dyDescent="0.2">
      <c r="B800" s="77"/>
      <c r="C800" s="39" t="s">
        <v>42</v>
      </c>
      <c r="D800" s="45">
        <v>336</v>
      </c>
      <c r="E800" s="46">
        <v>0</v>
      </c>
      <c r="F800" s="46">
        <v>0</v>
      </c>
      <c r="G800" s="46">
        <v>0</v>
      </c>
      <c r="H800" s="46">
        <v>58.9</v>
      </c>
      <c r="I800" s="46">
        <v>41.1</v>
      </c>
      <c r="J800" s="46">
        <v>0</v>
      </c>
      <c r="K800" s="46">
        <v>0</v>
      </c>
      <c r="L800" s="46">
        <v>0</v>
      </c>
      <c r="M800" s="46">
        <v>0</v>
      </c>
      <c r="N800" s="46">
        <v>0</v>
      </c>
      <c r="O800" s="46">
        <v>0</v>
      </c>
      <c r="P800" s="46">
        <v>0</v>
      </c>
      <c r="Q800" s="46">
        <v>0</v>
      </c>
      <c r="R800" s="46">
        <v>0</v>
      </c>
      <c r="S800" s="46">
        <v>0</v>
      </c>
      <c r="T800" s="47">
        <v>0</v>
      </c>
    </row>
    <row r="801" spans="2:20" ht="21.6" x14ac:dyDescent="0.2">
      <c r="B801" s="77"/>
      <c r="C801" s="39" t="s">
        <v>43</v>
      </c>
      <c r="D801" s="45">
        <v>327</v>
      </c>
      <c r="E801" s="46">
        <v>0</v>
      </c>
      <c r="F801" s="46">
        <v>0</v>
      </c>
      <c r="G801" s="46">
        <v>0</v>
      </c>
      <c r="H801" s="46">
        <v>0</v>
      </c>
      <c r="I801" s="46">
        <v>0</v>
      </c>
      <c r="J801" s="46">
        <v>76.099999999999994</v>
      </c>
      <c r="K801" s="46">
        <v>0</v>
      </c>
      <c r="L801" s="46">
        <v>0</v>
      </c>
      <c r="M801" s="46">
        <v>23.9</v>
      </c>
      <c r="N801" s="46">
        <v>0</v>
      </c>
      <c r="O801" s="46">
        <v>0</v>
      </c>
      <c r="P801" s="46">
        <v>0</v>
      </c>
      <c r="Q801" s="46">
        <v>0</v>
      </c>
      <c r="R801" s="46">
        <v>0</v>
      </c>
      <c r="S801" s="46">
        <v>0</v>
      </c>
      <c r="T801" s="47">
        <v>0</v>
      </c>
    </row>
    <row r="802" spans="2:20" ht="21.6" x14ac:dyDescent="0.2">
      <c r="B802" s="77"/>
      <c r="C802" s="39" t="s">
        <v>44</v>
      </c>
      <c r="D802" s="45">
        <v>181</v>
      </c>
      <c r="E802" s="46">
        <v>0</v>
      </c>
      <c r="F802" s="46">
        <v>0</v>
      </c>
      <c r="G802" s="46">
        <v>0</v>
      </c>
      <c r="H802" s="46">
        <v>0</v>
      </c>
      <c r="I802" s="46">
        <v>0</v>
      </c>
      <c r="J802" s="46">
        <v>0</v>
      </c>
      <c r="K802" s="46">
        <v>69.099999999999994</v>
      </c>
      <c r="L802" s="46">
        <v>30.9</v>
      </c>
      <c r="M802" s="46">
        <v>0</v>
      </c>
      <c r="N802" s="46">
        <v>0</v>
      </c>
      <c r="O802" s="46">
        <v>0</v>
      </c>
      <c r="P802" s="46">
        <v>0</v>
      </c>
      <c r="Q802" s="46">
        <v>0</v>
      </c>
      <c r="R802" s="46">
        <v>0</v>
      </c>
      <c r="S802" s="46">
        <v>0</v>
      </c>
      <c r="T802" s="47">
        <v>0</v>
      </c>
    </row>
    <row r="803" spans="2:20" ht="21.6" x14ac:dyDescent="0.2">
      <c r="B803" s="77"/>
      <c r="C803" s="39" t="s">
        <v>45</v>
      </c>
      <c r="D803" s="45">
        <v>565</v>
      </c>
      <c r="E803" s="46">
        <v>0</v>
      </c>
      <c r="F803" s="46">
        <v>0</v>
      </c>
      <c r="G803" s="46">
        <v>0</v>
      </c>
      <c r="H803" s="46">
        <v>0</v>
      </c>
      <c r="I803" s="46">
        <v>0</v>
      </c>
      <c r="J803" s="46">
        <v>0</v>
      </c>
      <c r="K803" s="46">
        <v>0</v>
      </c>
      <c r="L803" s="46">
        <v>0</v>
      </c>
      <c r="M803" s="46">
        <v>0</v>
      </c>
      <c r="N803" s="46">
        <v>28</v>
      </c>
      <c r="O803" s="46">
        <v>9</v>
      </c>
      <c r="P803" s="46">
        <v>3.2</v>
      </c>
      <c r="Q803" s="46">
        <v>59.8</v>
      </c>
      <c r="R803" s="46">
        <v>0</v>
      </c>
      <c r="S803" s="46">
        <v>0</v>
      </c>
      <c r="T803" s="47">
        <v>0</v>
      </c>
    </row>
    <row r="804" spans="2:20" ht="21.6" x14ac:dyDescent="0.2">
      <c r="B804" s="77"/>
      <c r="C804" s="39" t="s">
        <v>46</v>
      </c>
      <c r="D804" s="45">
        <v>473</v>
      </c>
      <c r="E804" s="46">
        <v>5.7</v>
      </c>
      <c r="F804" s="46">
        <v>18.399999999999999</v>
      </c>
      <c r="G804" s="46">
        <v>1.3</v>
      </c>
      <c r="H804" s="46">
        <v>7</v>
      </c>
      <c r="I804" s="46">
        <v>6.8</v>
      </c>
      <c r="J804" s="46">
        <v>15.2</v>
      </c>
      <c r="K804" s="46">
        <v>4.9000000000000004</v>
      </c>
      <c r="L804" s="46">
        <v>2.1</v>
      </c>
      <c r="M804" s="46">
        <v>5.9</v>
      </c>
      <c r="N804" s="46">
        <v>9.5</v>
      </c>
      <c r="O804" s="46">
        <v>2.2999999999999998</v>
      </c>
      <c r="P804" s="46">
        <v>0.4</v>
      </c>
      <c r="Q804" s="46">
        <v>20.5</v>
      </c>
      <c r="R804" s="46">
        <v>0</v>
      </c>
      <c r="S804" s="46">
        <v>0</v>
      </c>
      <c r="T804" s="47">
        <v>0</v>
      </c>
    </row>
    <row r="805" spans="2:20" ht="21.6" x14ac:dyDescent="0.2">
      <c r="B805" s="77"/>
      <c r="C805" s="39" t="s">
        <v>47</v>
      </c>
      <c r="D805" s="45">
        <v>441</v>
      </c>
      <c r="E805" s="46">
        <v>6.8</v>
      </c>
      <c r="F805" s="46">
        <v>24.5</v>
      </c>
      <c r="G805" s="46">
        <v>2</v>
      </c>
      <c r="H805" s="46">
        <v>8.4</v>
      </c>
      <c r="I805" s="46">
        <v>7.3</v>
      </c>
      <c r="J805" s="46">
        <v>13.4</v>
      </c>
      <c r="K805" s="46">
        <v>4.0999999999999996</v>
      </c>
      <c r="L805" s="46">
        <v>2.5</v>
      </c>
      <c r="M805" s="46">
        <v>3.6</v>
      </c>
      <c r="N805" s="46">
        <v>7.9</v>
      </c>
      <c r="O805" s="46">
        <v>2</v>
      </c>
      <c r="P805" s="46">
        <v>0.5</v>
      </c>
      <c r="Q805" s="46">
        <v>17</v>
      </c>
      <c r="R805" s="46">
        <v>0</v>
      </c>
      <c r="S805" s="46">
        <v>0</v>
      </c>
      <c r="T805" s="47">
        <v>0</v>
      </c>
    </row>
    <row r="806" spans="2:20" ht="21.6" x14ac:dyDescent="0.2">
      <c r="B806" s="77"/>
      <c r="C806" s="39" t="s">
        <v>48</v>
      </c>
      <c r="D806" s="45">
        <v>305</v>
      </c>
      <c r="E806" s="46">
        <v>6.9</v>
      </c>
      <c r="F806" s="46">
        <v>27.5</v>
      </c>
      <c r="G806" s="46">
        <v>0.7</v>
      </c>
      <c r="H806" s="46">
        <v>12.8</v>
      </c>
      <c r="I806" s="46">
        <v>7.2</v>
      </c>
      <c r="J806" s="46">
        <v>11.5</v>
      </c>
      <c r="K806" s="46">
        <v>5.9</v>
      </c>
      <c r="L806" s="46">
        <v>3.3</v>
      </c>
      <c r="M806" s="46">
        <v>3</v>
      </c>
      <c r="N806" s="46">
        <v>5.6</v>
      </c>
      <c r="O806" s="46">
        <v>3</v>
      </c>
      <c r="P806" s="46">
        <v>0.3</v>
      </c>
      <c r="Q806" s="46">
        <v>12.5</v>
      </c>
      <c r="R806" s="46">
        <v>0</v>
      </c>
      <c r="S806" s="46">
        <v>0</v>
      </c>
      <c r="T806" s="47">
        <v>0</v>
      </c>
    </row>
    <row r="807" spans="2:20" ht="21.6" x14ac:dyDescent="0.2">
      <c r="B807" s="77"/>
      <c r="C807" s="39" t="s">
        <v>49</v>
      </c>
      <c r="D807" s="45">
        <v>223</v>
      </c>
      <c r="E807" s="46">
        <v>5.8</v>
      </c>
      <c r="F807" s="46">
        <v>26.9</v>
      </c>
      <c r="G807" s="46">
        <v>0.4</v>
      </c>
      <c r="H807" s="46">
        <v>10.3</v>
      </c>
      <c r="I807" s="46">
        <v>8.5</v>
      </c>
      <c r="J807" s="46">
        <v>11.2</v>
      </c>
      <c r="K807" s="46">
        <v>9</v>
      </c>
      <c r="L807" s="46">
        <v>3.6</v>
      </c>
      <c r="M807" s="46">
        <v>1.3</v>
      </c>
      <c r="N807" s="46">
        <v>8.5</v>
      </c>
      <c r="O807" s="46">
        <v>1.8</v>
      </c>
      <c r="P807" s="46">
        <v>0.9</v>
      </c>
      <c r="Q807" s="46">
        <v>11.7</v>
      </c>
      <c r="R807" s="46">
        <v>0</v>
      </c>
      <c r="S807" s="46">
        <v>0</v>
      </c>
      <c r="T807" s="47">
        <v>0</v>
      </c>
    </row>
    <row r="808" spans="2:20" ht="21.6" x14ac:dyDescent="0.2">
      <c r="B808" s="77"/>
      <c r="C808" s="39" t="s">
        <v>50</v>
      </c>
      <c r="D808" s="45">
        <v>123</v>
      </c>
      <c r="E808" s="46">
        <v>4.0999999999999996</v>
      </c>
      <c r="F808" s="46">
        <v>30.1</v>
      </c>
      <c r="G808" s="46">
        <v>0.8</v>
      </c>
      <c r="H808" s="46">
        <v>17.899999999999999</v>
      </c>
      <c r="I808" s="46">
        <v>4.9000000000000004</v>
      </c>
      <c r="J808" s="46">
        <v>10.6</v>
      </c>
      <c r="K808" s="46">
        <v>13</v>
      </c>
      <c r="L808" s="46">
        <v>2.4</v>
      </c>
      <c r="M808" s="46">
        <v>0.8</v>
      </c>
      <c r="N808" s="46">
        <v>2.4</v>
      </c>
      <c r="O808" s="46">
        <v>2.4</v>
      </c>
      <c r="P808" s="46">
        <v>1.6</v>
      </c>
      <c r="Q808" s="46">
        <v>8.9</v>
      </c>
      <c r="R808" s="46">
        <v>0</v>
      </c>
      <c r="S808" s="46">
        <v>0</v>
      </c>
      <c r="T808" s="47">
        <v>0</v>
      </c>
    </row>
    <row r="809" spans="2:20" ht="21.6" x14ac:dyDescent="0.2">
      <c r="B809" s="77"/>
      <c r="C809" s="39" t="s">
        <v>51</v>
      </c>
      <c r="D809" s="45">
        <v>124</v>
      </c>
      <c r="E809" s="46">
        <v>3.2</v>
      </c>
      <c r="F809" s="46">
        <v>20.2</v>
      </c>
      <c r="G809" s="46">
        <v>1.6</v>
      </c>
      <c r="H809" s="46">
        <v>15.3</v>
      </c>
      <c r="I809" s="46">
        <v>4</v>
      </c>
      <c r="J809" s="46">
        <v>9.6999999999999993</v>
      </c>
      <c r="K809" s="46">
        <v>12.1</v>
      </c>
      <c r="L809" s="46">
        <v>5.6</v>
      </c>
      <c r="M809" s="46">
        <v>1.6</v>
      </c>
      <c r="N809" s="46">
        <v>7.3</v>
      </c>
      <c r="O809" s="46">
        <v>4</v>
      </c>
      <c r="P809" s="46">
        <v>0.8</v>
      </c>
      <c r="Q809" s="46">
        <v>14.5</v>
      </c>
      <c r="R809" s="46">
        <v>0</v>
      </c>
      <c r="S809" s="46">
        <v>0</v>
      </c>
      <c r="T809" s="47">
        <v>0</v>
      </c>
    </row>
    <row r="810" spans="2:20" ht="21.6" x14ac:dyDescent="0.2">
      <c r="B810" s="77"/>
      <c r="C810" s="39" t="s">
        <v>52</v>
      </c>
      <c r="D810" s="45">
        <v>312</v>
      </c>
      <c r="E810" s="46">
        <v>10.6</v>
      </c>
      <c r="F810" s="46">
        <v>16.3</v>
      </c>
      <c r="G810" s="46">
        <v>1.6</v>
      </c>
      <c r="H810" s="46">
        <v>8.3000000000000007</v>
      </c>
      <c r="I810" s="46">
        <v>2.2000000000000002</v>
      </c>
      <c r="J810" s="46">
        <v>18.3</v>
      </c>
      <c r="K810" s="46">
        <v>1.3</v>
      </c>
      <c r="L810" s="46">
        <v>5.4</v>
      </c>
      <c r="M810" s="46">
        <v>4.2</v>
      </c>
      <c r="N810" s="46">
        <v>11.2</v>
      </c>
      <c r="O810" s="46">
        <v>1.9</v>
      </c>
      <c r="P810" s="46">
        <v>0</v>
      </c>
      <c r="Q810" s="46">
        <v>18.600000000000001</v>
      </c>
      <c r="R810" s="46">
        <v>0</v>
      </c>
      <c r="S810" s="46">
        <v>0</v>
      </c>
      <c r="T810" s="47">
        <v>0</v>
      </c>
    </row>
    <row r="811" spans="2:20" x14ac:dyDescent="0.2">
      <c r="B811" s="77"/>
      <c r="C811" s="39" t="s">
        <v>53</v>
      </c>
      <c r="D811" s="45">
        <v>269</v>
      </c>
      <c r="E811" s="46">
        <v>7.4</v>
      </c>
      <c r="F811" s="46">
        <v>23</v>
      </c>
      <c r="G811" s="46">
        <v>1.1000000000000001</v>
      </c>
      <c r="H811" s="46">
        <v>5.9</v>
      </c>
      <c r="I811" s="46">
        <v>7.4</v>
      </c>
      <c r="J811" s="46">
        <v>11.9</v>
      </c>
      <c r="K811" s="46">
        <v>1.9</v>
      </c>
      <c r="L811" s="46">
        <v>2.6</v>
      </c>
      <c r="M811" s="46">
        <v>4.8</v>
      </c>
      <c r="N811" s="46">
        <v>9.6999999999999993</v>
      </c>
      <c r="O811" s="46">
        <v>5.9</v>
      </c>
      <c r="P811" s="46">
        <v>0.7</v>
      </c>
      <c r="Q811" s="46">
        <v>17.5</v>
      </c>
      <c r="R811" s="46">
        <v>0</v>
      </c>
      <c r="S811" s="46">
        <v>0</v>
      </c>
      <c r="T811" s="47">
        <v>0</v>
      </c>
    </row>
    <row r="812" spans="2:20" ht="21.6" x14ac:dyDescent="0.2">
      <c r="B812" s="77"/>
      <c r="C812" s="39" t="s">
        <v>54</v>
      </c>
      <c r="D812" s="45">
        <v>511</v>
      </c>
      <c r="E812" s="46">
        <v>6.5</v>
      </c>
      <c r="F812" s="46">
        <v>28</v>
      </c>
      <c r="G812" s="46">
        <v>0.4</v>
      </c>
      <c r="H812" s="46">
        <v>11.4</v>
      </c>
      <c r="I812" s="46">
        <v>5.7</v>
      </c>
      <c r="J812" s="46">
        <v>11.5</v>
      </c>
      <c r="K812" s="46">
        <v>2.9</v>
      </c>
      <c r="L812" s="46">
        <v>3.1</v>
      </c>
      <c r="M812" s="46">
        <v>2.7</v>
      </c>
      <c r="N812" s="46">
        <v>8.6</v>
      </c>
      <c r="O812" s="46">
        <v>2.2000000000000002</v>
      </c>
      <c r="P812" s="46">
        <v>0.2</v>
      </c>
      <c r="Q812" s="46">
        <v>16.8</v>
      </c>
      <c r="R812" s="46">
        <v>0</v>
      </c>
      <c r="S812" s="46">
        <v>0</v>
      </c>
      <c r="T812" s="47">
        <v>0</v>
      </c>
    </row>
    <row r="813" spans="2:20" ht="21.6" x14ac:dyDescent="0.2">
      <c r="B813" s="77"/>
      <c r="C813" s="39" t="s">
        <v>55</v>
      </c>
      <c r="D813" s="45">
        <v>615</v>
      </c>
      <c r="E813" s="46">
        <v>3.6</v>
      </c>
      <c r="F813" s="46">
        <v>26.7</v>
      </c>
      <c r="G813" s="46">
        <v>2.2999999999999998</v>
      </c>
      <c r="H813" s="46">
        <v>13.7</v>
      </c>
      <c r="I813" s="46">
        <v>9.6</v>
      </c>
      <c r="J813" s="46">
        <v>8.5</v>
      </c>
      <c r="K813" s="46">
        <v>14.1</v>
      </c>
      <c r="L813" s="46">
        <v>1.8</v>
      </c>
      <c r="M813" s="46">
        <v>3.4</v>
      </c>
      <c r="N813" s="46">
        <v>2.6</v>
      </c>
      <c r="O813" s="46">
        <v>1</v>
      </c>
      <c r="P813" s="46">
        <v>1.3</v>
      </c>
      <c r="Q813" s="46">
        <v>11.5</v>
      </c>
      <c r="R813" s="46">
        <v>0</v>
      </c>
      <c r="S813" s="46">
        <v>0</v>
      </c>
      <c r="T813" s="47">
        <v>0</v>
      </c>
    </row>
    <row r="814" spans="2:20" ht="21.6" x14ac:dyDescent="0.2">
      <c r="B814" s="77"/>
      <c r="C814" s="39" t="s">
        <v>56</v>
      </c>
      <c r="D814" s="45">
        <v>800</v>
      </c>
      <c r="E814" s="46">
        <v>4.4000000000000004</v>
      </c>
      <c r="F814" s="46">
        <v>28</v>
      </c>
      <c r="G814" s="46">
        <v>1.5</v>
      </c>
      <c r="H814" s="46">
        <v>11.1</v>
      </c>
      <c r="I814" s="46">
        <v>10.3</v>
      </c>
      <c r="J814" s="46">
        <v>11</v>
      </c>
      <c r="K814" s="46">
        <v>10.1</v>
      </c>
      <c r="L814" s="46">
        <v>2.5</v>
      </c>
      <c r="M814" s="46">
        <v>2.8</v>
      </c>
      <c r="N814" s="46">
        <v>3.4</v>
      </c>
      <c r="O814" s="46">
        <v>1.1000000000000001</v>
      </c>
      <c r="P814" s="46">
        <v>1.9</v>
      </c>
      <c r="Q814" s="46">
        <v>12</v>
      </c>
      <c r="R814" s="46">
        <v>0</v>
      </c>
      <c r="S814" s="46">
        <v>0</v>
      </c>
      <c r="T814" s="47">
        <v>0</v>
      </c>
    </row>
    <row r="815" spans="2:20" x14ac:dyDescent="0.2">
      <c r="B815" s="77"/>
      <c r="C815" s="40" t="s">
        <v>57</v>
      </c>
      <c r="D815" s="48">
        <v>798</v>
      </c>
      <c r="E815" s="49">
        <v>9</v>
      </c>
      <c r="F815" s="49">
        <v>21.4</v>
      </c>
      <c r="G815" s="49">
        <v>1.3</v>
      </c>
      <c r="H815" s="49">
        <v>10.3</v>
      </c>
      <c r="I815" s="49">
        <v>4.4000000000000004</v>
      </c>
      <c r="J815" s="49">
        <v>12.4</v>
      </c>
      <c r="K815" s="49">
        <v>4.3</v>
      </c>
      <c r="L815" s="49">
        <v>3</v>
      </c>
      <c r="M815" s="49">
        <v>2.5</v>
      </c>
      <c r="N815" s="49">
        <v>9.3000000000000007</v>
      </c>
      <c r="O815" s="49">
        <v>3.4</v>
      </c>
      <c r="P815" s="49">
        <v>0</v>
      </c>
      <c r="Q815" s="49">
        <v>18.8</v>
      </c>
      <c r="R815" s="49">
        <v>0</v>
      </c>
      <c r="S815" s="49">
        <v>0</v>
      </c>
      <c r="T815" s="50">
        <v>0</v>
      </c>
    </row>
    <row r="816" spans="2:20" x14ac:dyDescent="0.2">
      <c r="B816" s="7" t="s">
        <v>71</v>
      </c>
      <c r="C816" s="4" t="s">
        <v>90</v>
      </c>
    </row>
    <row r="817" spans="1:25" x14ac:dyDescent="0.2">
      <c r="B817" s="4"/>
      <c r="C817" s="4" t="s">
        <v>73</v>
      </c>
    </row>
    <row r="819" spans="1:25" x14ac:dyDescent="0.2">
      <c r="C819" t="s">
        <v>35</v>
      </c>
    </row>
    <row r="820" spans="1:25" x14ac:dyDescent="0.2">
      <c r="B820" s="75" t="s">
        <v>271</v>
      </c>
      <c r="C820" s="76"/>
      <c r="D820" s="76"/>
      <c r="E820" s="76"/>
      <c r="F820" s="76"/>
      <c r="G820" s="76"/>
      <c r="H820" s="76"/>
      <c r="I820" s="76"/>
      <c r="J820" s="76"/>
      <c r="K820" s="76"/>
      <c r="L820" s="76"/>
      <c r="M820" s="76"/>
      <c r="N820" s="76"/>
      <c r="O820" s="76"/>
      <c r="P820" s="76"/>
      <c r="Q820" s="76"/>
      <c r="R820" s="76"/>
      <c r="S820" s="76"/>
      <c r="T820" s="76"/>
      <c r="U820" s="76"/>
      <c r="V820" s="76"/>
      <c r="W820" s="76"/>
      <c r="X820" s="76"/>
      <c r="Y820" s="76"/>
    </row>
    <row r="821" spans="1:25" s="32" customFormat="1" ht="58.05" customHeight="1" x14ac:dyDescent="0.15">
      <c r="A821" s="31"/>
      <c r="D821" s="33" t="s">
        <v>378</v>
      </c>
      <c r="E821" s="36" t="s">
        <v>485</v>
      </c>
      <c r="F821" s="55" t="s">
        <v>486</v>
      </c>
      <c r="G821" s="55" t="s">
        <v>487</v>
      </c>
      <c r="H821" s="55" t="s">
        <v>488</v>
      </c>
      <c r="I821" s="55" t="s">
        <v>489</v>
      </c>
      <c r="J821" s="55" t="s">
        <v>490</v>
      </c>
      <c r="K821" s="55" t="s">
        <v>491</v>
      </c>
      <c r="L821" s="55" t="s">
        <v>492</v>
      </c>
      <c r="M821" s="55" t="s">
        <v>493</v>
      </c>
      <c r="N821" s="55" t="s">
        <v>494</v>
      </c>
      <c r="O821" s="55" t="s">
        <v>495</v>
      </c>
      <c r="P821" s="55" t="s">
        <v>496</v>
      </c>
      <c r="Q821" s="55" t="s">
        <v>497</v>
      </c>
      <c r="R821" s="55" t="s">
        <v>498</v>
      </c>
      <c r="S821" s="55" t="s">
        <v>499</v>
      </c>
      <c r="T821" s="37" t="s">
        <v>480</v>
      </c>
      <c r="U821" s="35" t="s">
        <v>381</v>
      </c>
    </row>
    <row r="822" spans="1:25" ht="21.6" x14ac:dyDescent="0.2">
      <c r="B822" s="77" t="s">
        <v>37</v>
      </c>
      <c r="C822" s="38" t="s">
        <v>58</v>
      </c>
      <c r="D822" s="51">
        <v>609</v>
      </c>
      <c r="E822" s="52">
        <v>5.3</v>
      </c>
      <c r="F822" s="52">
        <v>27.9</v>
      </c>
      <c r="G822" s="52">
        <v>1.8</v>
      </c>
      <c r="H822" s="52">
        <v>10.199999999999999</v>
      </c>
      <c r="I822" s="52">
        <v>9.9</v>
      </c>
      <c r="J822" s="52">
        <v>12</v>
      </c>
      <c r="K822" s="52">
        <v>9.1999999999999993</v>
      </c>
      <c r="L822" s="52">
        <v>3.3</v>
      </c>
      <c r="M822" s="52">
        <v>2.6</v>
      </c>
      <c r="N822" s="52">
        <v>3.8</v>
      </c>
      <c r="O822" s="52">
        <v>0.8</v>
      </c>
      <c r="P822" s="52">
        <v>0.8</v>
      </c>
      <c r="Q822" s="52">
        <v>12.5</v>
      </c>
      <c r="R822" s="52">
        <v>0</v>
      </c>
      <c r="S822" s="52">
        <v>0</v>
      </c>
      <c r="T822" s="53">
        <v>0</v>
      </c>
    </row>
    <row r="823" spans="1:25" ht="21.6" x14ac:dyDescent="0.2">
      <c r="B823" s="77"/>
      <c r="C823" s="39" t="s">
        <v>59</v>
      </c>
      <c r="D823" s="45">
        <v>1391</v>
      </c>
      <c r="E823" s="46">
        <v>5.7</v>
      </c>
      <c r="F823" s="46">
        <v>20.100000000000001</v>
      </c>
      <c r="G823" s="46">
        <v>1.4</v>
      </c>
      <c r="H823" s="46">
        <v>9.8000000000000007</v>
      </c>
      <c r="I823" s="46">
        <v>5.6</v>
      </c>
      <c r="J823" s="46">
        <v>12.7</v>
      </c>
      <c r="K823" s="46">
        <v>5</v>
      </c>
      <c r="L823" s="46">
        <v>2.6</v>
      </c>
      <c r="M823" s="46">
        <v>4.5</v>
      </c>
      <c r="N823" s="46">
        <v>9.6999999999999993</v>
      </c>
      <c r="O823" s="46">
        <v>3.3</v>
      </c>
      <c r="P823" s="46">
        <v>0.9</v>
      </c>
      <c r="Q823" s="46">
        <v>18.8</v>
      </c>
      <c r="R823" s="46">
        <v>0</v>
      </c>
      <c r="S823" s="46">
        <v>0</v>
      </c>
      <c r="T823" s="47">
        <v>0</v>
      </c>
    </row>
    <row r="824" spans="1:25" x14ac:dyDescent="0.2">
      <c r="B824" s="77"/>
      <c r="C824" s="39" t="s">
        <v>60</v>
      </c>
      <c r="D824" s="45">
        <v>1325</v>
      </c>
      <c r="E824" s="46">
        <v>5.2</v>
      </c>
      <c r="F824" s="46">
        <v>20.5</v>
      </c>
      <c r="G824" s="46">
        <v>1.4</v>
      </c>
      <c r="H824" s="46">
        <v>12.3</v>
      </c>
      <c r="I824" s="46">
        <v>7.4</v>
      </c>
      <c r="J824" s="46">
        <v>11.4</v>
      </c>
      <c r="K824" s="46">
        <v>6.2</v>
      </c>
      <c r="L824" s="46">
        <v>3</v>
      </c>
      <c r="M824" s="46">
        <v>3.7</v>
      </c>
      <c r="N824" s="46">
        <v>7.5</v>
      </c>
      <c r="O824" s="46">
        <v>2.2999999999999998</v>
      </c>
      <c r="P824" s="46">
        <v>0.8</v>
      </c>
      <c r="Q824" s="46">
        <v>18.2</v>
      </c>
      <c r="R824" s="46">
        <v>0</v>
      </c>
      <c r="S824" s="46">
        <v>0</v>
      </c>
      <c r="T824" s="47">
        <v>0</v>
      </c>
    </row>
    <row r="825" spans="1:25" x14ac:dyDescent="0.2">
      <c r="B825" s="77"/>
      <c r="C825" s="39" t="s">
        <v>61</v>
      </c>
      <c r="D825" s="45">
        <v>675</v>
      </c>
      <c r="E825" s="46">
        <v>6.2</v>
      </c>
      <c r="F825" s="46">
        <v>26.5</v>
      </c>
      <c r="G825" s="46">
        <v>1.6</v>
      </c>
      <c r="H825" s="46">
        <v>5.2</v>
      </c>
      <c r="I825" s="46">
        <v>5.9</v>
      </c>
      <c r="J825" s="46">
        <v>14.5</v>
      </c>
      <c r="K825" s="46">
        <v>6.4</v>
      </c>
      <c r="L825" s="46">
        <v>2.4</v>
      </c>
      <c r="M825" s="46">
        <v>4.3</v>
      </c>
      <c r="N825" s="46">
        <v>8.6</v>
      </c>
      <c r="O825" s="46">
        <v>3</v>
      </c>
      <c r="P825" s="46">
        <v>1</v>
      </c>
      <c r="Q825" s="46">
        <v>14.4</v>
      </c>
      <c r="R825" s="46">
        <v>0</v>
      </c>
      <c r="S825" s="46">
        <v>0</v>
      </c>
      <c r="T825" s="47">
        <v>0</v>
      </c>
    </row>
    <row r="826" spans="1:25" x14ac:dyDescent="0.2">
      <c r="B826" s="77"/>
      <c r="C826" s="39" t="s">
        <v>62</v>
      </c>
      <c r="D826" s="45">
        <v>1086</v>
      </c>
      <c r="E826" s="46">
        <v>6.7</v>
      </c>
      <c r="F826" s="46">
        <v>28.2</v>
      </c>
      <c r="G826" s="46">
        <v>1.4</v>
      </c>
      <c r="H826" s="46">
        <v>13</v>
      </c>
      <c r="I826" s="46">
        <v>9.8000000000000007</v>
      </c>
      <c r="J826" s="46">
        <v>9.1</v>
      </c>
      <c r="K826" s="46">
        <v>5.6</v>
      </c>
      <c r="L826" s="46">
        <v>2.2999999999999998</v>
      </c>
      <c r="M826" s="46">
        <v>2.2000000000000002</v>
      </c>
      <c r="N826" s="46">
        <v>4.2</v>
      </c>
      <c r="O826" s="46">
        <v>1.8</v>
      </c>
      <c r="P826" s="46">
        <v>0.7</v>
      </c>
      <c r="Q826" s="46">
        <v>14.9</v>
      </c>
      <c r="R826" s="46">
        <v>0</v>
      </c>
      <c r="S826" s="46">
        <v>0</v>
      </c>
      <c r="T826" s="47">
        <v>0</v>
      </c>
    </row>
    <row r="827" spans="1:25" ht="21.6" x14ac:dyDescent="0.2">
      <c r="B827" s="77"/>
      <c r="C827" s="39" t="s">
        <v>63</v>
      </c>
      <c r="D827" s="45">
        <v>203</v>
      </c>
      <c r="E827" s="46">
        <v>5.9</v>
      </c>
      <c r="F827" s="46">
        <v>19.7</v>
      </c>
      <c r="G827" s="46">
        <v>2</v>
      </c>
      <c r="H827" s="46">
        <v>13.8</v>
      </c>
      <c r="I827" s="46">
        <v>11.3</v>
      </c>
      <c r="J827" s="46">
        <v>11.8</v>
      </c>
      <c r="K827" s="46">
        <v>5.4</v>
      </c>
      <c r="L827" s="46">
        <v>2</v>
      </c>
      <c r="M827" s="46">
        <v>3</v>
      </c>
      <c r="N827" s="46">
        <v>3.4</v>
      </c>
      <c r="O827" s="46">
        <v>1.5</v>
      </c>
      <c r="P827" s="46">
        <v>1</v>
      </c>
      <c r="Q827" s="46">
        <v>19.2</v>
      </c>
      <c r="R827" s="46">
        <v>0</v>
      </c>
      <c r="S827" s="46">
        <v>0</v>
      </c>
      <c r="T827" s="47">
        <v>0</v>
      </c>
    </row>
    <row r="828" spans="1:25" x14ac:dyDescent="0.2">
      <c r="B828" s="77"/>
      <c r="C828" s="39" t="s">
        <v>64</v>
      </c>
      <c r="D828" s="45">
        <v>263</v>
      </c>
      <c r="E828" s="46">
        <v>7.6</v>
      </c>
      <c r="F828" s="46">
        <v>28.5</v>
      </c>
      <c r="G828" s="46">
        <v>1.1000000000000001</v>
      </c>
      <c r="H828" s="46">
        <v>12.2</v>
      </c>
      <c r="I828" s="46">
        <v>11</v>
      </c>
      <c r="J828" s="46">
        <v>7.6</v>
      </c>
      <c r="K828" s="46">
        <v>5.7</v>
      </c>
      <c r="L828" s="46">
        <v>2.2999999999999998</v>
      </c>
      <c r="M828" s="46">
        <v>2.2999999999999998</v>
      </c>
      <c r="N828" s="46">
        <v>5.3</v>
      </c>
      <c r="O828" s="46">
        <v>3.8</v>
      </c>
      <c r="P828" s="46">
        <v>0.4</v>
      </c>
      <c r="Q828" s="46">
        <v>12.2</v>
      </c>
      <c r="R828" s="46">
        <v>0</v>
      </c>
      <c r="S828" s="46">
        <v>0</v>
      </c>
      <c r="T828" s="47">
        <v>0</v>
      </c>
    </row>
    <row r="829" spans="1:25" x14ac:dyDescent="0.2">
      <c r="B829" s="77"/>
      <c r="C829" s="39" t="s">
        <v>65</v>
      </c>
      <c r="D829" s="45">
        <v>312</v>
      </c>
      <c r="E829" s="46">
        <v>5.8</v>
      </c>
      <c r="F829" s="46">
        <v>29.8</v>
      </c>
      <c r="G829" s="46">
        <v>1.3</v>
      </c>
      <c r="H829" s="46">
        <v>13.1</v>
      </c>
      <c r="I829" s="46">
        <v>8.6999999999999993</v>
      </c>
      <c r="J829" s="46">
        <v>9.3000000000000007</v>
      </c>
      <c r="K829" s="46">
        <v>4.8</v>
      </c>
      <c r="L829" s="46">
        <v>3.2</v>
      </c>
      <c r="M829" s="46">
        <v>2.2000000000000002</v>
      </c>
      <c r="N829" s="46">
        <v>4.2</v>
      </c>
      <c r="O829" s="46">
        <v>1.9</v>
      </c>
      <c r="P829" s="46">
        <v>1.3</v>
      </c>
      <c r="Q829" s="46">
        <v>14.4</v>
      </c>
      <c r="R829" s="46">
        <v>0</v>
      </c>
      <c r="S829" s="46">
        <v>0</v>
      </c>
      <c r="T829" s="47">
        <v>0</v>
      </c>
    </row>
    <row r="830" spans="1:25" x14ac:dyDescent="0.2">
      <c r="B830" s="77"/>
      <c r="C830" s="39" t="s">
        <v>66</v>
      </c>
      <c r="D830" s="45">
        <v>230</v>
      </c>
      <c r="E830" s="46">
        <v>7</v>
      </c>
      <c r="F830" s="46">
        <v>33.5</v>
      </c>
      <c r="G830" s="46">
        <v>0.4</v>
      </c>
      <c r="H830" s="46">
        <v>14.3</v>
      </c>
      <c r="I830" s="46">
        <v>10.4</v>
      </c>
      <c r="J830" s="46">
        <v>7.8</v>
      </c>
      <c r="K830" s="46">
        <v>7.4</v>
      </c>
      <c r="L830" s="46">
        <v>1.7</v>
      </c>
      <c r="M830" s="46">
        <v>1.7</v>
      </c>
      <c r="N830" s="46">
        <v>2.2000000000000002</v>
      </c>
      <c r="O830" s="46">
        <v>0</v>
      </c>
      <c r="P830" s="46">
        <v>0.4</v>
      </c>
      <c r="Q830" s="46">
        <v>13</v>
      </c>
      <c r="R830" s="46">
        <v>0</v>
      </c>
      <c r="S830" s="46">
        <v>0</v>
      </c>
      <c r="T830" s="47">
        <v>0</v>
      </c>
    </row>
    <row r="831" spans="1:25" x14ac:dyDescent="0.2">
      <c r="B831" s="77"/>
      <c r="C831" s="39" t="s">
        <v>67</v>
      </c>
      <c r="D831" s="45">
        <v>78</v>
      </c>
      <c r="E831" s="46">
        <v>9</v>
      </c>
      <c r="F831" s="46">
        <v>26.9</v>
      </c>
      <c r="G831" s="46">
        <v>3.8</v>
      </c>
      <c r="H831" s="46">
        <v>9</v>
      </c>
      <c r="I831" s="46">
        <v>3.8</v>
      </c>
      <c r="J831" s="46">
        <v>10.3</v>
      </c>
      <c r="K831" s="46">
        <v>3.8</v>
      </c>
      <c r="L831" s="46">
        <v>1.3</v>
      </c>
      <c r="M831" s="46">
        <v>1.3</v>
      </c>
      <c r="N831" s="46">
        <v>9</v>
      </c>
      <c r="O831" s="46">
        <v>1.3</v>
      </c>
      <c r="P831" s="46">
        <v>0</v>
      </c>
      <c r="Q831" s="46">
        <v>20.5</v>
      </c>
      <c r="R831" s="46">
        <v>0</v>
      </c>
      <c r="S831" s="46">
        <v>0</v>
      </c>
      <c r="T831" s="47">
        <v>0</v>
      </c>
    </row>
    <row r="832" spans="1:25" x14ac:dyDescent="0.2">
      <c r="B832" s="77"/>
      <c r="C832" s="39" t="s">
        <v>68</v>
      </c>
      <c r="D832" s="45">
        <v>897</v>
      </c>
      <c r="E832" s="46">
        <v>7.4</v>
      </c>
      <c r="F832" s="46">
        <v>29.3</v>
      </c>
      <c r="G832" s="46">
        <v>1.4</v>
      </c>
      <c r="H832" s="46">
        <v>14.2</v>
      </c>
      <c r="I832" s="46">
        <v>9.8000000000000007</v>
      </c>
      <c r="J832" s="46">
        <v>7.9</v>
      </c>
      <c r="K832" s="46">
        <v>6</v>
      </c>
      <c r="L832" s="46">
        <v>2.5</v>
      </c>
      <c r="M832" s="46">
        <v>1.7</v>
      </c>
      <c r="N832" s="46">
        <v>4.0999999999999996</v>
      </c>
      <c r="O832" s="46">
        <v>1.8</v>
      </c>
      <c r="P832" s="46">
        <v>0.6</v>
      </c>
      <c r="Q832" s="46">
        <v>13.4</v>
      </c>
      <c r="R832" s="46">
        <v>0</v>
      </c>
      <c r="S832" s="46">
        <v>0</v>
      </c>
      <c r="T832" s="47">
        <v>0</v>
      </c>
    </row>
    <row r="833" spans="1:25" x14ac:dyDescent="0.2">
      <c r="B833" s="77"/>
      <c r="C833" s="39" t="s">
        <v>69</v>
      </c>
      <c r="D833" s="45">
        <v>189</v>
      </c>
      <c r="E833" s="46">
        <v>3.7</v>
      </c>
      <c r="F833" s="46">
        <v>22.8</v>
      </c>
      <c r="G833" s="46">
        <v>1.1000000000000001</v>
      </c>
      <c r="H833" s="46">
        <v>7.4</v>
      </c>
      <c r="I833" s="46">
        <v>9.5</v>
      </c>
      <c r="J833" s="46">
        <v>14.8</v>
      </c>
      <c r="K833" s="46">
        <v>3.7</v>
      </c>
      <c r="L833" s="46">
        <v>1.6</v>
      </c>
      <c r="M833" s="46">
        <v>4.8</v>
      </c>
      <c r="N833" s="46">
        <v>4.8</v>
      </c>
      <c r="O833" s="46">
        <v>2.1</v>
      </c>
      <c r="P833" s="46">
        <v>1.6</v>
      </c>
      <c r="Q833" s="46">
        <v>22.2</v>
      </c>
      <c r="R833" s="46">
        <v>0</v>
      </c>
      <c r="S833" s="46">
        <v>0</v>
      </c>
      <c r="T833" s="47">
        <v>0</v>
      </c>
    </row>
    <row r="834" spans="1:25" x14ac:dyDescent="0.2">
      <c r="B834" s="77"/>
      <c r="C834" s="39" t="s">
        <v>70</v>
      </c>
      <c r="D834" s="45">
        <v>914</v>
      </c>
      <c r="E834" s="46">
        <v>4.2</v>
      </c>
      <c r="F834" s="46">
        <v>15.8</v>
      </c>
      <c r="G834" s="46">
        <v>1.6</v>
      </c>
      <c r="H834" s="46">
        <v>6.2</v>
      </c>
      <c r="I834" s="46">
        <v>3.5</v>
      </c>
      <c r="J834" s="46">
        <v>16.399999999999999</v>
      </c>
      <c r="K834" s="46">
        <v>7</v>
      </c>
      <c r="L834" s="46">
        <v>3.4</v>
      </c>
      <c r="M834" s="46">
        <v>5.9</v>
      </c>
      <c r="N834" s="46">
        <v>12.3</v>
      </c>
      <c r="O834" s="46">
        <v>3.4</v>
      </c>
      <c r="P834" s="46">
        <v>1.1000000000000001</v>
      </c>
      <c r="Q834" s="46">
        <v>19.3</v>
      </c>
      <c r="R834" s="46">
        <v>0</v>
      </c>
      <c r="S834" s="46">
        <v>0</v>
      </c>
      <c r="T834" s="47">
        <v>0</v>
      </c>
    </row>
    <row r="835" spans="1:25" ht="21.6" x14ac:dyDescent="0.2">
      <c r="B835" s="77"/>
      <c r="C835" s="39" t="s">
        <v>63</v>
      </c>
      <c r="D835" s="45">
        <v>193</v>
      </c>
      <c r="E835" s="46">
        <v>5.2</v>
      </c>
      <c r="F835" s="46">
        <v>11.4</v>
      </c>
      <c r="G835" s="46">
        <v>2.1</v>
      </c>
      <c r="H835" s="46">
        <v>9.8000000000000007</v>
      </c>
      <c r="I835" s="46">
        <v>2.1</v>
      </c>
      <c r="J835" s="46">
        <v>17.600000000000001</v>
      </c>
      <c r="K835" s="46">
        <v>7.8</v>
      </c>
      <c r="L835" s="46">
        <v>3.1</v>
      </c>
      <c r="M835" s="46">
        <v>5.7</v>
      </c>
      <c r="N835" s="46">
        <v>10.4</v>
      </c>
      <c r="O835" s="46">
        <v>2.1</v>
      </c>
      <c r="P835" s="46">
        <v>1</v>
      </c>
      <c r="Q835" s="46">
        <v>21.8</v>
      </c>
      <c r="R835" s="46">
        <v>0</v>
      </c>
      <c r="S835" s="46">
        <v>0</v>
      </c>
      <c r="T835" s="47">
        <v>0</v>
      </c>
    </row>
    <row r="836" spans="1:25" x14ac:dyDescent="0.2">
      <c r="B836" s="77"/>
      <c r="C836" s="39" t="s">
        <v>64</v>
      </c>
      <c r="D836" s="45">
        <v>203</v>
      </c>
      <c r="E836" s="46">
        <v>3.9</v>
      </c>
      <c r="F836" s="46">
        <v>15.8</v>
      </c>
      <c r="G836" s="46">
        <v>0.5</v>
      </c>
      <c r="H836" s="46">
        <v>7.9</v>
      </c>
      <c r="I836" s="46">
        <v>3</v>
      </c>
      <c r="J836" s="46">
        <v>15.8</v>
      </c>
      <c r="K836" s="46">
        <v>8.9</v>
      </c>
      <c r="L836" s="46">
        <v>4.4000000000000004</v>
      </c>
      <c r="M836" s="46">
        <v>8.9</v>
      </c>
      <c r="N836" s="46">
        <v>11.3</v>
      </c>
      <c r="O836" s="46">
        <v>1.5</v>
      </c>
      <c r="P836" s="46">
        <v>1.5</v>
      </c>
      <c r="Q836" s="46">
        <v>16.7</v>
      </c>
      <c r="R836" s="46">
        <v>0</v>
      </c>
      <c r="S836" s="46">
        <v>0</v>
      </c>
      <c r="T836" s="47">
        <v>0</v>
      </c>
    </row>
    <row r="837" spans="1:25" x14ac:dyDescent="0.2">
      <c r="B837" s="77"/>
      <c r="C837" s="39" t="s">
        <v>65</v>
      </c>
      <c r="D837" s="45">
        <v>263</v>
      </c>
      <c r="E837" s="46">
        <v>3.8</v>
      </c>
      <c r="F837" s="46">
        <v>18.3</v>
      </c>
      <c r="G837" s="46">
        <v>2.2999999999999998</v>
      </c>
      <c r="H837" s="46">
        <v>4.9000000000000004</v>
      </c>
      <c r="I837" s="46">
        <v>4.5999999999999996</v>
      </c>
      <c r="J837" s="46">
        <v>16.3</v>
      </c>
      <c r="K837" s="46">
        <v>6.5</v>
      </c>
      <c r="L837" s="46">
        <v>3.4</v>
      </c>
      <c r="M837" s="46">
        <v>5.7</v>
      </c>
      <c r="N837" s="46">
        <v>10.6</v>
      </c>
      <c r="O837" s="46">
        <v>4.2</v>
      </c>
      <c r="P837" s="46">
        <v>0.4</v>
      </c>
      <c r="Q837" s="46">
        <v>19</v>
      </c>
      <c r="R837" s="46">
        <v>0</v>
      </c>
      <c r="S837" s="46">
        <v>0</v>
      </c>
      <c r="T837" s="47">
        <v>0</v>
      </c>
    </row>
    <row r="838" spans="1:25" x14ac:dyDescent="0.2">
      <c r="B838" s="77"/>
      <c r="C838" s="39" t="s">
        <v>66</v>
      </c>
      <c r="D838" s="45">
        <v>194</v>
      </c>
      <c r="E838" s="46">
        <v>3.6</v>
      </c>
      <c r="F838" s="46">
        <v>17.5</v>
      </c>
      <c r="G838" s="46">
        <v>2.1</v>
      </c>
      <c r="H838" s="46">
        <v>3.6</v>
      </c>
      <c r="I838" s="46">
        <v>4.0999999999999996</v>
      </c>
      <c r="J838" s="46">
        <v>13.9</v>
      </c>
      <c r="K838" s="46">
        <v>5.7</v>
      </c>
      <c r="L838" s="46">
        <v>2.6</v>
      </c>
      <c r="M838" s="46">
        <v>3.1</v>
      </c>
      <c r="N838" s="46">
        <v>17</v>
      </c>
      <c r="O838" s="46">
        <v>4.5999999999999996</v>
      </c>
      <c r="P838" s="46">
        <v>2.1</v>
      </c>
      <c r="Q838" s="46">
        <v>20.100000000000001</v>
      </c>
      <c r="R838" s="46">
        <v>0</v>
      </c>
      <c r="S838" s="46">
        <v>0</v>
      </c>
      <c r="T838" s="47">
        <v>0</v>
      </c>
    </row>
    <row r="839" spans="1:25" x14ac:dyDescent="0.2">
      <c r="B839" s="77"/>
      <c r="C839" s="39" t="s">
        <v>67</v>
      </c>
      <c r="D839" s="45">
        <v>61</v>
      </c>
      <c r="E839" s="46">
        <v>4.9000000000000004</v>
      </c>
      <c r="F839" s="46">
        <v>13.1</v>
      </c>
      <c r="G839" s="46">
        <v>0</v>
      </c>
      <c r="H839" s="46">
        <v>3.3</v>
      </c>
      <c r="I839" s="46">
        <v>3.3</v>
      </c>
      <c r="J839" s="46">
        <v>23</v>
      </c>
      <c r="K839" s="46">
        <v>4.9000000000000004</v>
      </c>
      <c r="L839" s="46">
        <v>3.3</v>
      </c>
      <c r="M839" s="46">
        <v>6.6</v>
      </c>
      <c r="N839" s="46">
        <v>13.1</v>
      </c>
      <c r="O839" s="46">
        <v>6.6</v>
      </c>
      <c r="P839" s="46">
        <v>0</v>
      </c>
      <c r="Q839" s="46">
        <v>18</v>
      </c>
      <c r="R839" s="46">
        <v>0</v>
      </c>
      <c r="S839" s="46">
        <v>0</v>
      </c>
      <c r="T839" s="47">
        <v>0</v>
      </c>
    </row>
    <row r="840" spans="1:25" x14ac:dyDescent="0.2">
      <c r="B840" s="77"/>
      <c r="C840" s="39" t="s">
        <v>68</v>
      </c>
      <c r="D840" s="45">
        <v>416</v>
      </c>
      <c r="E840" s="46">
        <v>7.2</v>
      </c>
      <c r="F840" s="46">
        <v>20.2</v>
      </c>
      <c r="G840" s="46">
        <v>1.2</v>
      </c>
      <c r="H840" s="46">
        <v>9.1</v>
      </c>
      <c r="I840" s="46">
        <v>1.9</v>
      </c>
      <c r="J840" s="46">
        <v>13</v>
      </c>
      <c r="K840" s="46">
        <v>10.8</v>
      </c>
      <c r="L840" s="46">
        <v>4.8</v>
      </c>
      <c r="M840" s="46">
        <v>1.9</v>
      </c>
      <c r="N840" s="46">
        <v>9.4</v>
      </c>
      <c r="O840" s="46">
        <v>1.9</v>
      </c>
      <c r="P840" s="46">
        <v>0.7</v>
      </c>
      <c r="Q840" s="46">
        <v>17.8</v>
      </c>
      <c r="R840" s="46">
        <v>0</v>
      </c>
      <c r="S840" s="46">
        <v>0</v>
      </c>
      <c r="T840" s="47">
        <v>0</v>
      </c>
    </row>
    <row r="841" spans="1:25" x14ac:dyDescent="0.2">
      <c r="B841" s="77"/>
      <c r="C841" s="40" t="s">
        <v>69</v>
      </c>
      <c r="D841" s="48">
        <v>498</v>
      </c>
      <c r="E841" s="49">
        <v>1.6</v>
      </c>
      <c r="F841" s="49">
        <v>12</v>
      </c>
      <c r="G841" s="49">
        <v>2</v>
      </c>
      <c r="H841" s="49">
        <v>3.8</v>
      </c>
      <c r="I841" s="49">
        <v>4.8</v>
      </c>
      <c r="J841" s="49">
        <v>19.3</v>
      </c>
      <c r="K841" s="49">
        <v>3.8</v>
      </c>
      <c r="L841" s="49">
        <v>2.2000000000000002</v>
      </c>
      <c r="M841" s="49">
        <v>9.1999999999999993</v>
      </c>
      <c r="N841" s="49">
        <v>14.7</v>
      </c>
      <c r="O841" s="49">
        <v>4.5999999999999996</v>
      </c>
      <c r="P841" s="49">
        <v>1.4</v>
      </c>
      <c r="Q841" s="49">
        <v>20.5</v>
      </c>
      <c r="R841" s="49">
        <v>0</v>
      </c>
      <c r="S841" s="49">
        <v>0</v>
      </c>
      <c r="T841" s="50">
        <v>0</v>
      </c>
    </row>
    <row r="842" spans="1:25" x14ac:dyDescent="0.2">
      <c r="B842" s="7" t="s">
        <v>71</v>
      </c>
      <c r="C842" s="4" t="s">
        <v>90</v>
      </c>
    </row>
    <row r="843" spans="1:25" x14ac:dyDescent="0.2">
      <c r="B843" s="4"/>
      <c r="C843" s="4" t="s">
        <v>73</v>
      </c>
    </row>
    <row r="845" spans="1:25" x14ac:dyDescent="0.2">
      <c r="A845" s="26" t="s">
        <v>25</v>
      </c>
      <c r="B845" t="s">
        <v>35</v>
      </c>
      <c r="C845" t="s">
        <v>35</v>
      </c>
    </row>
    <row r="846" spans="1:25" x14ac:dyDescent="0.2">
      <c r="B846" s="75" t="s">
        <v>91</v>
      </c>
      <c r="C846" s="76"/>
      <c r="D846" s="76"/>
      <c r="E846" s="76"/>
      <c r="F846" s="76"/>
      <c r="G846" s="76"/>
      <c r="H846" s="76"/>
      <c r="I846" s="76"/>
      <c r="J846" s="76"/>
      <c r="K846" s="76"/>
      <c r="L846" s="76"/>
      <c r="M846" s="76"/>
      <c r="N846" s="76"/>
      <c r="O846" s="76"/>
      <c r="P846" s="76"/>
      <c r="Q846" s="76"/>
      <c r="R846" s="76"/>
      <c r="S846" s="76"/>
      <c r="T846" s="76"/>
      <c r="U846" s="76"/>
      <c r="V846" s="76"/>
      <c r="W846" s="76"/>
      <c r="X846" s="76"/>
      <c r="Y846" s="76"/>
    </row>
    <row r="847" spans="1:25" s="32" customFormat="1" ht="58.05" customHeight="1" x14ac:dyDescent="0.15">
      <c r="A847" s="31"/>
      <c r="D847" s="33" t="s">
        <v>378</v>
      </c>
      <c r="E847" s="36" t="s">
        <v>485</v>
      </c>
      <c r="F847" s="55" t="s">
        <v>486</v>
      </c>
      <c r="G847" s="55" t="s">
        <v>487</v>
      </c>
      <c r="H847" s="55" t="s">
        <v>500</v>
      </c>
      <c r="I847" s="55" t="s">
        <v>501</v>
      </c>
      <c r="J847" s="55" t="s">
        <v>502</v>
      </c>
      <c r="K847" s="37" t="s">
        <v>503</v>
      </c>
      <c r="L847" s="35" t="s">
        <v>381</v>
      </c>
    </row>
    <row r="848" spans="1:25" x14ac:dyDescent="0.2">
      <c r="B848" s="5"/>
      <c r="C848" s="41" t="s">
        <v>38</v>
      </c>
      <c r="D848" s="42">
        <v>2000</v>
      </c>
      <c r="E848" s="43">
        <v>5.6</v>
      </c>
      <c r="F848" s="43">
        <v>22.5</v>
      </c>
      <c r="G848" s="43">
        <v>1.5</v>
      </c>
      <c r="H848" s="43">
        <v>16.8</v>
      </c>
      <c r="I848" s="43">
        <v>16.399999999999999</v>
      </c>
      <c r="J848" s="43">
        <v>9.1</v>
      </c>
      <c r="K848" s="44">
        <v>28.3</v>
      </c>
    </row>
    <row r="849" spans="2:11" x14ac:dyDescent="0.2">
      <c r="B849" s="77" t="s">
        <v>37</v>
      </c>
      <c r="C849" s="39" t="s">
        <v>39</v>
      </c>
      <c r="D849" s="45">
        <v>111</v>
      </c>
      <c r="E849" s="46">
        <v>100</v>
      </c>
      <c r="F849" s="46">
        <v>0</v>
      </c>
      <c r="G849" s="46">
        <v>0</v>
      </c>
      <c r="H849" s="46">
        <v>0</v>
      </c>
      <c r="I849" s="46">
        <v>0</v>
      </c>
      <c r="J849" s="46">
        <v>0</v>
      </c>
      <c r="K849" s="47">
        <v>0</v>
      </c>
    </row>
    <row r="850" spans="2:11" x14ac:dyDescent="0.2">
      <c r="B850" s="77"/>
      <c r="C850" s="39" t="s">
        <v>40</v>
      </c>
      <c r="D850" s="45">
        <v>450</v>
      </c>
      <c r="E850" s="46">
        <v>0</v>
      </c>
      <c r="F850" s="46">
        <v>100</v>
      </c>
      <c r="G850" s="46">
        <v>0</v>
      </c>
      <c r="H850" s="46">
        <v>0</v>
      </c>
      <c r="I850" s="46">
        <v>0</v>
      </c>
      <c r="J850" s="46">
        <v>0</v>
      </c>
      <c r="K850" s="47">
        <v>0</v>
      </c>
    </row>
    <row r="851" spans="2:11" ht="21.6" x14ac:dyDescent="0.2">
      <c r="B851" s="77"/>
      <c r="C851" s="39" t="s">
        <v>41</v>
      </c>
      <c r="D851" s="45">
        <v>30</v>
      </c>
      <c r="E851" s="46">
        <v>0</v>
      </c>
      <c r="F851" s="46">
        <v>0</v>
      </c>
      <c r="G851" s="46">
        <v>100</v>
      </c>
      <c r="H851" s="46">
        <v>0</v>
      </c>
      <c r="I851" s="46">
        <v>0</v>
      </c>
      <c r="J851" s="46">
        <v>0</v>
      </c>
      <c r="K851" s="47">
        <v>0</v>
      </c>
    </row>
    <row r="852" spans="2:11" ht="21.6" x14ac:dyDescent="0.2">
      <c r="B852" s="77"/>
      <c r="C852" s="39" t="s">
        <v>42</v>
      </c>
      <c r="D852" s="45">
        <v>336</v>
      </c>
      <c r="E852" s="46">
        <v>0</v>
      </c>
      <c r="F852" s="46">
        <v>0</v>
      </c>
      <c r="G852" s="46">
        <v>0</v>
      </c>
      <c r="H852" s="46">
        <v>100</v>
      </c>
      <c r="I852" s="46">
        <v>0</v>
      </c>
      <c r="J852" s="46">
        <v>0</v>
      </c>
      <c r="K852" s="47">
        <v>0</v>
      </c>
    </row>
    <row r="853" spans="2:11" ht="21.6" x14ac:dyDescent="0.2">
      <c r="B853" s="77"/>
      <c r="C853" s="39" t="s">
        <v>43</v>
      </c>
      <c r="D853" s="45">
        <v>327</v>
      </c>
      <c r="E853" s="46">
        <v>0</v>
      </c>
      <c r="F853" s="46">
        <v>0</v>
      </c>
      <c r="G853" s="46">
        <v>0</v>
      </c>
      <c r="H853" s="46">
        <v>0</v>
      </c>
      <c r="I853" s="46">
        <v>100</v>
      </c>
      <c r="J853" s="46">
        <v>0</v>
      </c>
      <c r="K853" s="47">
        <v>0</v>
      </c>
    </row>
    <row r="854" spans="2:11" ht="21.6" x14ac:dyDescent="0.2">
      <c r="B854" s="77"/>
      <c r="C854" s="39" t="s">
        <v>44</v>
      </c>
      <c r="D854" s="45">
        <v>181</v>
      </c>
      <c r="E854" s="46">
        <v>0</v>
      </c>
      <c r="F854" s="46">
        <v>0</v>
      </c>
      <c r="G854" s="46">
        <v>0</v>
      </c>
      <c r="H854" s="46">
        <v>0</v>
      </c>
      <c r="I854" s="46">
        <v>0</v>
      </c>
      <c r="J854" s="46">
        <v>100</v>
      </c>
      <c r="K854" s="47">
        <v>0</v>
      </c>
    </row>
    <row r="855" spans="2:11" ht="21.6" x14ac:dyDescent="0.2">
      <c r="B855" s="77"/>
      <c r="C855" s="39" t="s">
        <v>45</v>
      </c>
      <c r="D855" s="45">
        <v>565</v>
      </c>
      <c r="E855" s="46">
        <v>0</v>
      </c>
      <c r="F855" s="46">
        <v>0</v>
      </c>
      <c r="G855" s="46">
        <v>0</v>
      </c>
      <c r="H855" s="46">
        <v>0</v>
      </c>
      <c r="I855" s="46">
        <v>0</v>
      </c>
      <c r="J855" s="46">
        <v>0</v>
      </c>
      <c r="K855" s="47">
        <v>100</v>
      </c>
    </row>
    <row r="856" spans="2:11" ht="21.6" x14ac:dyDescent="0.2">
      <c r="B856" s="77"/>
      <c r="C856" s="39" t="s">
        <v>46</v>
      </c>
      <c r="D856" s="45">
        <v>473</v>
      </c>
      <c r="E856" s="46">
        <v>5.7</v>
      </c>
      <c r="F856" s="46">
        <v>18.399999999999999</v>
      </c>
      <c r="G856" s="46">
        <v>1.3</v>
      </c>
      <c r="H856" s="46">
        <v>13.7</v>
      </c>
      <c r="I856" s="46">
        <v>21.1</v>
      </c>
      <c r="J856" s="46">
        <v>7</v>
      </c>
      <c r="K856" s="47">
        <v>32.799999999999997</v>
      </c>
    </row>
    <row r="857" spans="2:11" ht="21.6" x14ac:dyDescent="0.2">
      <c r="B857" s="77"/>
      <c r="C857" s="39" t="s">
        <v>47</v>
      </c>
      <c r="D857" s="45">
        <v>441</v>
      </c>
      <c r="E857" s="46">
        <v>6.8</v>
      </c>
      <c r="F857" s="46">
        <v>24.5</v>
      </c>
      <c r="G857" s="46">
        <v>2</v>
      </c>
      <c r="H857" s="46">
        <v>15.6</v>
      </c>
      <c r="I857" s="46">
        <v>17</v>
      </c>
      <c r="J857" s="46">
        <v>6.6</v>
      </c>
      <c r="K857" s="47">
        <v>27.4</v>
      </c>
    </row>
    <row r="858" spans="2:11" ht="21.6" x14ac:dyDescent="0.2">
      <c r="B858" s="77"/>
      <c r="C858" s="39" t="s">
        <v>48</v>
      </c>
      <c r="D858" s="45">
        <v>305</v>
      </c>
      <c r="E858" s="46">
        <v>6.9</v>
      </c>
      <c r="F858" s="46">
        <v>27.5</v>
      </c>
      <c r="G858" s="46">
        <v>0.7</v>
      </c>
      <c r="H858" s="46">
        <v>20</v>
      </c>
      <c r="I858" s="46">
        <v>14.4</v>
      </c>
      <c r="J858" s="46">
        <v>9.1999999999999993</v>
      </c>
      <c r="K858" s="47">
        <v>21.3</v>
      </c>
    </row>
    <row r="859" spans="2:11" ht="21.6" x14ac:dyDescent="0.2">
      <c r="B859" s="77"/>
      <c r="C859" s="39" t="s">
        <v>49</v>
      </c>
      <c r="D859" s="45">
        <v>223</v>
      </c>
      <c r="E859" s="46">
        <v>5.8</v>
      </c>
      <c r="F859" s="46">
        <v>26.9</v>
      </c>
      <c r="G859" s="46">
        <v>0.4</v>
      </c>
      <c r="H859" s="46">
        <v>18.8</v>
      </c>
      <c r="I859" s="46">
        <v>12.6</v>
      </c>
      <c r="J859" s="46">
        <v>12.6</v>
      </c>
      <c r="K859" s="47">
        <v>22.9</v>
      </c>
    </row>
    <row r="860" spans="2:11" ht="21.6" x14ac:dyDescent="0.2">
      <c r="B860" s="77"/>
      <c r="C860" s="39" t="s">
        <v>50</v>
      </c>
      <c r="D860" s="45">
        <v>123</v>
      </c>
      <c r="E860" s="46">
        <v>4.0999999999999996</v>
      </c>
      <c r="F860" s="46">
        <v>30.1</v>
      </c>
      <c r="G860" s="46">
        <v>0.8</v>
      </c>
      <c r="H860" s="46">
        <v>22.8</v>
      </c>
      <c r="I860" s="46">
        <v>11.4</v>
      </c>
      <c r="J860" s="46">
        <v>15.4</v>
      </c>
      <c r="K860" s="47">
        <v>15.4</v>
      </c>
    </row>
    <row r="861" spans="2:11" ht="21.6" x14ac:dyDescent="0.2">
      <c r="B861" s="77"/>
      <c r="C861" s="39" t="s">
        <v>51</v>
      </c>
      <c r="D861" s="45">
        <v>124</v>
      </c>
      <c r="E861" s="46">
        <v>3.2</v>
      </c>
      <c r="F861" s="46">
        <v>20.2</v>
      </c>
      <c r="G861" s="46">
        <v>1.6</v>
      </c>
      <c r="H861" s="46">
        <v>19.399999999999999</v>
      </c>
      <c r="I861" s="46">
        <v>11.3</v>
      </c>
      <c r="J861" s="46">
        <v>17.7</v>
      </c>
      <c r="K861" s="47">
        <v>26.6</v>
      </c>
    </row>
    <row r="862" spans="2:11" ht="21.6" x14ac:dyDescent="0.2">
      <c r="B862" s="77"/>
      <c r="C862" s="39" t="s">
        <v>52</v>
      </c>
      <c r="D862" s="45">
        <v>312</v>
      </c>
      <c r="E862" s="46">
        <v>10.6</v>
      </c>
      <c r="F862" s="46">
        <v>16.3</v>
      </c>
      <c r="G862" s="46">
        <v>1.6</v>
      </c>
      <c r="H862" s="46">
        <v>10.6</v>
      </c>
      <c r="I862" s="46">
        <v>22.4</v>
      </c>
      <c r="J862" s="46">
        <v>6.7</v>
      </c>
      <c r="K862" s="47">
        <v>31.7</v>
      </c>
    </row>
    <row r="863" spans="2:11" x14ac:dyDescent="0.2">
      <c r="B863" s="77"/>
      <c r="C863" s="39" t="s">
        <v>53</v>
      </c>
      <c r="D863" s="45">
        <v>269</v>
      </c>
      <c r="E863" s="46">
        <v>7.4</v>
      </c>
      <c r="F863" s="46">
        <v>23</v>
      </c>
      <c r="G863" s="46">
        <v>1.1000000000000001</v>
      </c>
      <c r="H863" s="46">
        <v>13.4</v>
      </c>
      <c r="I863" s="46">
        <v>16.7</v>
      </c>
      <c r="J863" s="46">
        <v>4.5</v>
      </c>
      <c r="K863" s="47">
        <v>33.799999999999997</v>
      </c>
    </row>
    <row r="864" spans="2:11" ht="21.6" x14ac:dyDescent="0.2">
      <c r="B864" s="77"/>
      <c r="C864" s="39" t="s">
        <v>54</v>
      </c>
      <c r="D864" s="45">
        <v>511</v>
      </c>
      <c r="E864" s="46">
        <v>6.5</v>
      </c>
      <c r="F864" s="46">
        <v>28</v>
      </c>
      <c r="G864" s="46">
        <v>0.4</v>
      </c>
      <c r="H864" s="46">
        <v>17</v>
      </c>
      <c r="I864" s="46">
        <v>14.3</v>
      </c>
      <c r="J864" s="46">
        <v>6.1</v>
      </c>
      <c r="K864" s="47">
        <v>27.8</v>
      </c>
    </row>
    <row r="865" spans="1:25" ht="21.6" x14ac:dyDescent="0.2">
      <c r="B865" s="77"/>
      <c r="C865" s="39" t="s">
        <v>55</v>
      </c>
      <c r="D865" s="45">
        <v>615</v>
      </c>
      <c r="E865" s="46">
        <v>3.6</v>
      </c>
      <c r="F865" s="46">
        <v>26.7</v>
      </c>
      <c r="G865" s="46">
        <v>2.2999999999999998</v>
      </c>
      <c r="H865" s="46">
        <v>23.3</v>
      </c>
      <c r="I865" s="46">
        <v>11.9</v>
      </c>
      <c r="J865" s="46">
        <v>15.9</v>
      </c>
      <c r="K865" s="47">
        <v>16.399999999999999</v>
      </c>
    </row>
    <row r="866" spans="1:25" ht="21.6" x14ac:dyDescent="0.2">
      <c r="B866" s="77"/>
      <c r="C866" s="39" t="s">
        <v>56</v>
      </c>
      <c r="D866" s="45">
        <v>800</v>
      </c>
      <c r="E866" s="46">
        <v>4.4000000000000004</v>
      </c>
      <c r="F866" s="46">
        <v>28</v>
      </c>
      <c r="G866" s="46">
        <v>1.5</v>
      </c>
      <c r="H866" s="46">
        <v>21.4</v>
      </c>
      <c r="I866" s="46">
        <v>13.8</v>
      </c>
      <c r="J866" s="46">
        <v>12.6</v>
      </c>
      <c r="K866" s="47">
        <v>18.399999999999999</v>
      </c>
    </row>
    <row r="867" spans="1:25" x14ac:dyDescent="0.2">
      <c r="B867" s="77"/>
      <c r="C867" s="40" t="s">
        <v>57</v>
      </c>
      <c r="D867" s="48">
        <v>798</v>
      </c>
      <c r="E867" s="49">
        <v>9</v>
      </c>
      <c r="F867" s="49">
        <v>21.4</v>
      </c>
      <c r="G867" s="49">
        <v>1.3</v>
      </c>
      <c r="H867" s="49">
        <v>14.7</v>
      </c>
      <c r="I867" s="49">
        <v>14.9</v>
      </c>
      <c r="J867" s="49">
        <v>7.3</v>
      </c>
      <c r="K867" s="50">
        <v>31.5</v>
      </c>
    </row>
    <row r="869" spans="1:25" x14ac:dyDescent="0.2">
      <c r="C869" t="s">
        <v>35</v>
      </c>
    </row>
    <row r="870" spans="1:25" x14ac:dyDescent="0.2">
      <c r="B870" s="75" t="s">
        <v>272</v>
      </c>
      <c r="C870" s="76"/>
      <c r="D870" s="76"/>
      <c r="E870" s="76"/>
      <c r="F870" s="76"/>
      <c r="G870" s="76"/>
      <c r="H870" s="76"/>
      <c r="I870" s="76"/>
      <c r="J870" s="76"/>
      <c r="K870" s="76"/>
      <c r="L870" s="76"/>
      <c r="M870" s="76"/>
      <c r="N870" s="76"/>
      <c r="O870" s="76"/>
      <c r="P870" s="76"/>
      <c r="Q870" s="76"/>
      <c r="R870" s="76"/>
      <c r="S870" s="76"/>
      <c r="T870" s="76"/>
      <c r="U870" s="76"/>
      <c r="V870" s="76"/>
      <c r="W870" s="76"/>
      <c r="X870" s="76"/>
      <c r="Y870" s="76"/>
    </row>
    <row r="871" spans="1:25" s="32" customFormat="1" ht="58.05" customHeight="1" x14ac:dyDescent="0.15">
      <c r="A871" s="31"/>
      <c r="D871" s="33" t="s">
        <v>378</v>
      </c>
      <c r="E871" s="36" t="s">
        <v>485</v>
      </c>
      <c r="F871" s="55" t="s">
        <v>486</v>
      </c>
      <c r="G871" s="55" t="s">
        <v>487</v>
      </c>
      <c r="H871" s="55" t="s">
        <v>500</v>
      </c>
      <c r="I871" s="55" t="s">
        <v>501</v>
      </c>
      <c r="J871" s="55" t="s">
        <v>502</v>
      </c>
      <c r="K871" s="37" t="s">
        <v>503</v>
      </c>
      <c r="L871" s="35" t="s">
        <v>381</v>
      </c>
    </row>
    <row r="872" spans="1:25" ht="21.6" x14ac:dyDescent="0.2">
      <c r="B872" s="77" t="s">
        <v>37</v>
      </c>
      <c r="C872" s="38" t="s">
        <v>58</v>
      </c>
      <c r="D872" s="51">
        <v>609</v>
      </c>
      <c r="E872" s="52">
        <v>5.3</v>
      </c>
      <c r="F872" s="52">
        <v>27.9</v>
      </c>
      <c r="G872" s="52">
        <v>1.8</v>
      </c>
      <c r="H872" s="52">
        <v>20</v>
      </c>
      <c r="I872" s="52">
        <v>14.6</v>
      </c>
      <c r="J872" s="52">
        <v>12.5</v>
      </c>
      <c r="K872" s="53">
        <v>17.899999999999999</v>
      </c>
    </row>
    <row r="873" spans="1:25" ht="21.6" x14ac:dyDescent="0.2">
      <c r="B873" s="77"/>
      <c r="C873" s="39" t="s">
        <v>59</v>
      </c>
      <c r="D873" s="45">
        <v>1391</v>
      </c>
      <c r="E873" s="46">
        <v>5.7</v>
      </c>
      <c r="F873" s="46">
        <v>20.100000000000001</v>
      </c>
      <c r="G873" s="46">
        <v>1.4</v>
      </c>
      <c r="H873" s="46">
        <v>15.4</v>
      </c>
      <c r="I873" s="46">
        <v>17.100000000000001</v>
      </c>
      <c r="J873" s="46">
        <v>7.5</v>
      </c>
      <c r="K873" s="47">
        <v>32.799999999999997</v>
      </c>
    </row>
    <row r="874" spans="1:25" x14ac:dyDescent="0.2">
      <c r="B874" s="77"/>
      <c r="C874" s="39" t="s">
        <v>60</v>
      </c>
      <c r="D874" s="45">
        <v>1325</v>
      </c>
      <c r="E874" s="46">
        <v>5.2</v>
      </c>
      <c r="F874" s="46">
        <v>20.5</v>
      </c>
      <c r="G874" s="46">
        <v>1.4</v>
      </c>
      <c r="H874" s="46">
        <v>19.7</v>
      </c>
      <c r="I874" s="46">
        <v>15.1</v>
      </c>
      <c r="J874" s="46">
        <v>9.1999999999999993</v>
      </c>
      <c r="K874" s="47">
        <v>28.9</v>
      </c>
    </row>
    <row r="875" spans="1:25" x14ac:dyDescent="0.2">
      <c r="B875" s="77"/>
      <c r="C875" s="39" t="s">
        <v>61</v>
      </c>
      <c r="D875" s="45">
        <v>675</v>
      </c>
      <c r="E875" s="46">
        <v>6.2</v>
      </c>
      <c r="F875" s="46">
        <v>26.5</v>
      </c>
      <c r="G875" s="46">
        <v>1.6</v>
      </c>
      <c r="H875" s="46">
        <v>11.1</v>
      </c>
      <c r="I875" s="46">
        <v>18.8</v>
      </c>
      <c r="J875" s="46">
        <v>8.6999999999999993</v>
      </c>
      <c r="K875" s="47">
        <v>27</v>
      </c>
    </row>
    <row r="876" spans="1:25" x14ac:dyDescent="0.2">
      <c r="B876" s="77"/>
      <c r="C876" s="39" t="s">
        <v>62</v>
      </c>
      <c r="D876" s="45">
        <v>1086</v>
      </c>
      <c r="E876" s="46">
        <v>6.7</v>
      </c>
      <c r="F876" s="46">
        <v>28.2</v>
      </c>
      <c r="G876" s="46">
        <v>1.4</v>
      </c>
      <c r="H876" s="46">
        <v>22.7</v>
      </c>
      <c r="I876" s="46">
        <v>11.3</v>
      </c>
      <c r="J876" s="46">
        <v>7.9</v>
      </c>
      <c r="K876" s="47">
        <v>21.7</v>
      </c>
    </row>
    <row r="877" spans="1:25" ht="21.6" x14ac:dyDescent="0.2">
      <c r="B877" s="77"/>
      <c r="C877" s="39" t="s">
        <v>63</v>
      </c>
      <c r="D877" s="45">
        <v>203</v>
      </c>
      <c r="E877" s="46">
        <v>5.9</v>
      </c>
      <c r="F877" s="46">
        <v>19.7</v>
      </c>
      <c r="G877" s="46">
        <v>2</v>
      </c>
      <c r="H877" s="46">
        <v>25.1</v>
      </c>
      <c r="I877" s="46">
        <v>14.8</v>
      </c>
      <c r="J877" s="46">
        <v>7.4</v>
      </c>
      <c r="K877" s="47">
        <v>25.1</v>
      </c>
    </row>
    <row r="878" spans="1:25" x14ac:dyDescent="0.2">
      <c r="B878" s="77"/>
      <c r="C878" s="39" t="s">
        <v>64</v>
      </c>
      <c r="D878" s="45">
        <v>263</v>
      </c>
      <c r="E878" s="46">
        <v>7.6</v>
      </c>
      <c r="F878" s="46">
        <v>28.5</v>
      </c>
      <c r="G878" s="46">
        <v>1.1000000000000001</v>
      </c>
      <c r="H878" s="46">
        <v>23.2</v>
      </c>
      <c r="I878" s="46">
        <v>9.9</v>
      </c>
      <c r="J878" s="46">
        <v>8</v>
      </c>
      <c r="K878" s="47">
        <v>21.7</v>
      </c>
    </row>
    <row r="879" spans="1:25" x14ac:dyDescent="0.2">
      <c r="B879" s="77"/>
      <c r="C879" s="39" t="s">
        <v>65</v>
      </c>
      <c r="D879" s="45">
        <v>312</v>
      </c>
      <c r="E879" s="46">
        <v>5.8</v>
      </c>
      <c r="F879" s="46">
        <v>29.8</v>
      </c>
      <c r="G879" s="46">
        <v>1.3</v>
      </c>
      <c r="H879" s="46">
        <v>21.8</v>
      </c>
      <c r="I879" s="46">
        <v>11.5</v>
      </c>
      <c r="J879" s="46">
        <v>8</v>
      </c>
      <c r="K879" s="47">
        <v>21.8</v>
      </c>
    </row>
    <row r="880" spans="1:25" x14ac:dyDescent="0.2">
      <c r="B880" s="77"/>
      <c r="C880" s="39" t="s">
        <v>66</v>
      </c>
      <c r="D880" s="45">
        <v>230</v>
      </c>
      <c r="E880" s="46">
        <v>7</v>
      </c>
      <c r="F880" s="46">
        <v>33.5</v>
      </c>
      <c r="G880" s="46">
        <v>0.4</v>
      </c>
      <c r="H880" s="46">
        <v>24.8</v>
      </c>
      <c r="I880" s="46">
        <v>9.6</v>
      </c>
      <c r="J880" s="46">
        <v>9.1</v>
      </c>
      <c r="K880" s="47">
        <v>15.7</v>
      </c>
    </row>
    <row r="881" spans="1:25" x14ac:dyDescent="0.2">
      <c r="B881" s="77"/>
      <c r="C881" s="39" t="s">
        <v>67</v>
      </c>
      <c r="D881" s="45">
        <v>78</v>
      </c>
      <c r="E881" s="46">
        <v>9</v>
      </c>
      <c r="F881" s="46">
        <v>26.9</v>
      </c>
      <c r="G881" s="46">
        <v>3.8</v>
      </c>
      <c r="H881" s="46">
        <v>12.8</v>
      </c>
      <c r="I881" s="46">
        <v>11.5</v>
      </c>
      <c r="J881" s="46">
        <v>5.0999999999999996</v>
      </c>
      <c r="K881" s="47">
        <v>30.8</v>
      </c>
    </row>
    <row r="882" spans="1:25" x14ac:dyDescent="0.2">
      <c r="B882" s="77"/>
      <c r="C882" s="39" t="s">
        <v>68</v>
      </c>
      <c r="D882" s="45">
        <v>897</v>
      </c>
      <c r="E882" s="46">
        <v>7.4</v>
      </c>
      <c r="F882" s="46">
        <v>29.3</v>
      </c>
      <c r="G882" s="46">
        <v>1.4</v>
      </c>
      <c r="H882" s="46">
        <v>24</v>
      </c>
      <c r="I882" s="46">
        <v>9.6</v>
      </c>
      <c r="J882" s="46">
        <v>8.5</v>
      </c>
      <c r="K882" s="47">
        <v>19.8</v>
      </c>
    </row>
    <row r="883" spans="1:25" x14ac:dyDescent="0.2">
      <c r="B883" s="77"/>
      <c r="C883" s="39" t="s">
        <v>69</v>
      </c>
      <c r="D883" s="45">
        <v>189</v>
      </c>
      <c r="E883" s="46">
        <v>3.7</v>
      </c>
      <c r="F883" s="46">
        <v>22.8</v>
      </c>
      <c r="G883" s="46">
        <v>1.1000000000000001</v>
      </c>
      <c r="H883" s="46">
        <v>16.899999999999999</v>
      </c>
      <c r="I883" s="46">
        <v>19.600000000000001</v>
      </c>
      <c r="J883" s="46">
        <v>5.3</v>
      </c>
      <c r="K883" s="47">
        <v>30.7</v>
      </c>
    </row>
    <row r="884" spans="1:25" x14ac:dyDescent="0.2">
      <c r="B884" s="77"/>
      <c r="C884" s="39" t="s">
        <v>70</v>
      </c>
      <c r="D884" s="45">
        <v>914</v>
      </c>
      <c r="E884" s="46">
        <v>4.2</v>
      </c>
      <c r="F884" s="46">
        <v>15.8</v>
      </c>
      <c r="G884" s="46">
        <v>1.6</v>
      </c>
      <c r="H884" s="46">
        <v>9.6999999999999993</v>
      </c>
      <c r="I884" s="46">
        <v>22.3</v>
      </c>
      <c r="J884" s="46">
        <v>10.4</v>
      </c>
      <c r="K884" s="47">
        <v>36</v>
      </c>
    </row>
    <row r="885" spans="1:25" ht="21.6" x14ac:dyDescent="0.2">
      <c r="B885" s="77"/>
      <c r="C885" s="39" t="s">
        <v>63</v>
      </c>
      <c r="D885" s="45">
        <v>193</v>
      </c>
      <c r="E885" s="46">
        <v>5.2</v>
      </c>
      <c r="F885" s="46">
        <v>11.4</v>
      </c>
      <c r="G885" s="46">
        <v>2.1</v>
      </c>
      <c r="H885" s="46">
        <v>11.9</v>
      </c>
      <c r="I885" s="46">
        <v>23.3</v>
      </c>
      <c r="J885" s="46">
        <v>10.9</v>
      </c>
      <c r="K885" s="47">
        <v>35.200000000000003</v>
      </c>
    </row>
    <row r="886" spans="1:25" x14ac:dyDescent="0.2">
      <c r="B886" s="77"/>
      <c r="C886" s="39" t="s">
        <v>64</v>
      </c>
      <c r="D886" s="45">
        <v>203</v>
      </c>
      <c r="E886" s="46">
        <v>3.9</v>
      </c>
      <c r="F886" s="46">
        <v>15.8</v>
      </c>
      <c r="G886" s="46">
        <v>0.5</v>
      </c>
      <c r="H886" s="46">
        <v>10.8</v>
      </c>
      <c r="I886" s="46">
        <v>24.6</v>
      </c>
      <c r="J886" s="46">
        <v>13.3</v>
      </c>
      <c r="K886" s="47">
        <v>31</v>
      </c>
    </row>
    <row r="887" spans="1:25" x14ac:dyDescent="0.2">
      <c r="B887" s="77"/>
      <c r="C887" s="39" t="s">
        <v>65</v>
      </c>
      <c r="D887" s="45">
        <v>263</v>
      </c>
      <c r="E887" s="46">
        <v>3.8</v>
      </c>
      <c r="F887" s="46">
        <v>18.3</v>
      </c>
      <c r="G887" s="46">
        <v>2.2999999999999998</v>
      </c>
      <c r="H887" s="46">
        <v>9.5</v>
      </c>
      <c r="I887" s="46">
        <v>22.1</v>
      </c>
      <c r="J887" s="46">
        <v>9.9</v>
      </c>
      <c r="K887" s="47">
        <v>34.200000000000003</v>
      </c>
    </row>
    <row r="888" spans="1:25" x14ac:dyDescent="0.2">
      <c r="B888" s="77"/>
      <c r="C888" s="39" t="s">
        <v>66</v>
      </c>
      <c r="D888" s="45">
        <v>194</v>
      </c>
      <c r="E888" s="46">
        <v>3.6</v>
      </c>
      <c r="F888" s="46">
        <v>17.5</v>
      </c>
      <c r="G888" s="46">
        <v>2.1</v>
      </c>
      <c r="H888" s="46">
        <v>7.7</v>
      </c>
      <c r="I888" s="46">
        <v>17</v>
      </c>
      <c r="J888" s="46">
        <v>8.1999999999999993</v>
      </c>
      <c r="K888" s="47">
        <v>43.8</v>
      </c>
    </row>
    <row r="889" spans="1:25" x14ac:dyDescent="0.2">
      <c r="B889" s="77"/>
      <c r="C889" s="39" t="s">
        <v>67</v>
      </c>
      <c r="D889" s="45">
        <v>61</v>
      </c>
      <c r="E889" s="46">
        <v>4.9000000000000004</v>
      </c>
      <c r="F889" s="46">
        <v>13.1</v>
      </c>
      <c r="G889" s="46">
        <v>0</v>
      </c>
      <c r="H889" s="46">
        <v>6.6</v>
      </c>
      <c r="I889" s="46">
        <v>29.5</v>
      </c>
      <c r="J889" s="46">
        <v>8.1999999999999993</v>
      </c>
      <c r="K889" s="47">
        <v>37.700000000000003</v>
      </c>
    </row>
    <row r="890" spans="1:25" x14ac:dyDescent="0.2">
      <c r="B890" s="77"/>
      <c r="C890" s="39" t="s">
        <v>68</v>
      </c>
      <c r="D890" s="45">
        <v>416</v>
      </c>
      <c r="E890" s="46">
        <v>7.2</v>
      </c>
      <c r="F890" s="46">
        <v>20.2</v>
      </c>
      <c r="G890" s="46">
        <v>1.2</v>
      </c>
      <c r="H890" s="46">
        <v>11.1</v>
      </c>
      <c r="I890" s="46">
        <v>14.9</v>
      </c>
      <c r="J890" s="46">
        <v>15.6</v>
      </c>
      <c r="K890" s="47">
        <v>29.8</v>
      </c>
    </row>
    <row r="891" spans="1:25" x14ac:dyDescent="0.2">
      <c r="B891" s="77"/>
      <c r="C891" s="40" t="s">
        <v>69</v>
      </c>
      <c r="D891" s="48">
        <v>498</v>
      </c>
      <c r="E891" s="49">
        <v>1.6</v>
      </c>
      <c r="F891" s="49">
        <v>12</v>
      </c>
      <c r="G891" s="49">
        <v>2</v>
      </c>
      <c r="H891" s="49">
        <v>8.6</v>
      </c>
      <c r="I891" s="49">
        <v>28.5</v>
      </c>
      <c r="J891" s="49">
        <v>6</v>
      </c>
      <c r="K891" s="50">
        <v>41.2</v>
      </c>
    </row>
    <row r="893" spans="1:25" x14ac:dyDescent="0.2">
      <c r="A893" s="26" t="s">
        <v>25</v>
      </c>
      <c r="B893" t="s">
        <v>35</v>
      </c>
      <c r="C893" t="s">
        <v>35</v>
      </c>
    </row>
    <row r="894" spans="1:25" x14ac:dyDescent="0.2">
      <c r="B894" s="75" t="s">
        <v>92</v>
      </c>
      <c r="C894" s="76"/>
      <c r="D894" s="76"/>
      <c r="E894" s="76"/>
      <c r="F894" s="76"/>
      <c r="G894" s="76"/>
      <c r="H894" s="76"/>
      <c r="I894" s="76"/>
      <c r="J894" s="76"/>
      <c r="K894" s="76"/>
      <c r="L894" s="76"/>
      <c r="M894" s="76"/>
      <c r="N894" s="76"/>
      <c r="O894" s="76"/>
      <c r="P894" s="76"/>
      <c r="Q894" s="76"/>
      <c r="R894" s="76"/>
      <c r="S894" s="76"/>
      <c r="T894" s="76"/>
      <c r="U894" s="76"/>
      <c r="V894" s="76"/>
      <c r="W894" s="76"/>
      <c r="X894" s="76"/>
      <c r="Y894" s="76"/>
    </row>
    <row r="895" spans="1:25" s="32" customFormat="1" ht="36.450000000000003" customHeight="1" x14ac:dyDescent="0.15">
      <c r="A895" s="31"/>
      <c r="D895" s="33" t="s">
        <v>378</v>
      </c>
      <c r="E895" s="36" t="s">
        <v>486</v>
      </c>
      <c r="F895" s="37" t="s">
        <v>504</v>
      </c>
      <c r="G895" s="35" t="s">
        <v>381</v>
      </c>
    </row>
    <row r="896" spans="1:25" x14ac:dyDescent="0.2">
      <c r="B896" s="5"/>
      <c r="C896" s="41" t="s">
        <v>38</v>
      </c>
      <c r="D896" s="42">
        <v>2000</v>
      </c>
      <c r="E896" s="43">
        <v>22.5</v>
      </c>
      <c r="F896" s="44">
        <v>77.5</v>
      </c>
    </row>
    <row r="897" spans="2:6" x14ac:dyDescent="0.2">
      <c r="B897" s="77" t="s">
        <v>37</v>
      </c>
      <c r="C897" s="39" t="s">
        <v>39</v>
      </c>
      <c r="D897" s="45">
        <v>111</v>
      </c>
      <c r="E897" s="46">
        <v>0</v>
      </c>
      <c r="F897" s="47">
        <v>100</v>
      </c>
    </row>
    <row r="898" spans="2:6" x14ac:dyDescent="0.2">
      <c r="B898" s="77"/>
      <c r="C898" s="39" t="s">
        <v>40</v>
      </c>
      <c r="D898" s="45">
        <v>450</v>
      </c>
      <c r="E898" s="46">
        <v>100</v>
      </c>
      <c r="F898" s="47">
        <v>0</v>
      </c>
    </row>
    <row r="899" spans="2:6" ht="21.6" x14ac:dyDescent="0.2">
      <c r="B899" s="77"/>
      <c r="C899" s="39" t="s">
        <v>41</v>
      </c>
      <c r="D899" s="45">
        <v>30</v>
      </c>
      <c r="E899" s="46">
        <v>0</v>
      </c>
      <c r="F899" s="47">
        <v>100</v>
      </c>
    </row>
    <row r="900" spans="2:6" ht="21.6" x14ac:dyDescent="0.2">
      <c r="B900" s="77"/>
      <c r="C900" s="39" t="s">
        <v>42</v>
      </c>
      <c r="D900" s="45">
        <v>336</v>
      </c>
      <c r="E900" s="46">
        <v>0</v>
      </c>
      <c r="F900" s="47">
        <v>100</v>
      </c>
    </row>
    <row r="901" spans="2:6" ht="21.6" x14ac:dyDescent="0.2">
      <c r="B901" s="77"/>
      <c r="C901" s="39" t="s">
        <v>43</v>
      </c>
      <c r="D901" s="45">
        <v>327</v>
      </c>
      <c r="E901" s="46">
        <v>0</v>
      </c>
      <c r="F901" s="47">
        <v>100</v>
      </c>
    </row>
    <row r="902" spans="2:6" ht="21.6" x14ac:dyDescent="0.2">
      <c r="B902" s="77"/>
      <c r="C902" s="39" t="s">
        <v>44</v>
      </c>
      <c r="D902" s="45">
        <v>181</v>
      </c>
      <c r="E902" s="46">
        <v>0</v>
      </c>
      <c r="F902" s="47">
        <v>100</v>
      </c>
    </row>
    <row r="903" spans="2:6" ht="21.6" x14ac:dyDescent="0.2">
      <c r="B903" s="77"/>
      <c r="C903" s="39" t="s">
        <v>45</v>
      </c>
      <c r="D903" s="45">
        <v>565</v>
      </c>
      <c r="E903" s="46">
        <v>0</v>
      </c>
      <c r="F903" s="47">
        <v>100</v>
      </c>
    </row>
    <row r="904" spans="2:6" ht="21.6" x14ac:dyDescent="0.2">
      <c r="B904" s="77"/>
      <c r="C904" s="39" t="s">
        <v>46</v>
      </c>
      <c r="D904" s="45">
        <v>473</v>
      </c>
      <c r="E904" s="46">
        <v>18.399999999999999</v>
      </c>
      <c r="F904" s="47">
        <v>81.599999999999994</v>
      </c>
    </row>
    <row r="905" spans="2:6" ht="21.6" x14ac:dyDescent="0.2">
      <c r="B905" s="77"/>
      <c r="C905" s="39" t="s">
        <v>47</v>
      </c>
      <c r="D905" s="45">
        <v>441</v>
      </c>
      <c r="E905" s="46">
        <v>24.5</v>
      </c>
      <c r="F905" s="47">
        <v>75.5</v>
      </c>
    </row>
    <row r="906" spans="2:6" ht="21.6" x14ac:dyDescent="0.2">
      <c r="B906" s="77"/>
      <c r="C906" s="39" t="s">
        <v>48</v>
      </c>
      <c r="D906" s="45">
        <v>305</v>
      </c>
      <c r="E906" s="46">
        <v>27.5</v>
      </c>
      <c r="F906" s="47">
        <v>72.5</v>
      </c>
    </row>
    <row r="907" spans="2:6" ht="21.6" x14ac:dyDescent="0.2">
      <c r="B907" s="77"/>
      <c r="C907" s="39" t="s">
        <v>49</v>
      </c>
      <c r="D907" s="45">
        <v>223</v>
      </c>
      <c r="E907" s="46">
        <v>26.9</v>
      </c>
      <c r="F907" s="47">
        <v>73.099999999999994</v>
      </c>
    </row>
    <row r="908" spans="2:6" ht="21.6" x14ac:dyDescent="0.2">
      <c r="B908" s="77"/>
      <c r="C908" s="39" t="s">
        <v>50</v>
      </c>
      <c r="D908" s="45">
        <v>123</v>
      </c>
      <c r="E908" s="46">
        <v>30.1</v>
      </c>
      <c r="F908" s="47">
        <v>69.900000000000006</v>
      </c>
    </row>
    <row r="909" spans="2:6" ht="21.6" x14ac:dyDescent="0.2">
      <c r="B909" s="77"/>
      <c r="C909" s="39" t="s">
        <v>51</v>
      </c>
      <c r="D909" s="45">
        <v>124</v>
      </c>
      <c r="E909" s="46">
        <v>20.2</v>
      </c>
      <c r="F909" s="47">
        <v>79.8</v>
      </c>
    </row>
    <row r="910" spans="2:6" ht="21.6" x14ac:dyDescent="0.2">
      <c r="B910" s="77"/>
      <c r="C910" s="39" t="s">
        <v>52</v>
      </c>
      <c r="D910" s="45">
        <v>312</v>
      </c>
      <c r="E910" s="46">
        <v>16.3</v>
      </c>
      <c r="F910" s="47">
        <v>83.7</v>
      </c>
    </row>
    <row r="911" spans="2:6" x14ac:dyDescent="0.2">
      <c r="B911" s="77"/>
      <c r="C911" s="39" t="s">
        <v>53</v>
      </c>
      <c r="D911" s="45">
        <v>269</v>
      </c>
      <c r="E911" s="46">
        <v>23</v>
      </c>
      <c r="F911" s="47">
        <v>77</v>
      </c>
    </row>
    <row r="912" spans="2:6" ht="21.6" x14ac:dyDescent="0.2">
      <c r="B912" s="77"/>
      <c r="C912" s="39" t="s">
        <v>54</v>
      </c>
      <c r="D912" s="45">
        <v>511</v>
      </c>
      <c r="E912" s="46">
        <v>28</v>
      </c>
      <c r="F912" s="47">
        <v>72</v>
      </c>
    </row>
    <row r="913" spans="1:25" ht="21.6" x14ac:dyDescent="0.2">
      <c r="B913" s="77"/>
      <c r="C913" s="39" t="s">
        <v>55</v>
      </c>
      <c r="D913" s="45">
        <v>615</v>
      </c>
      <c r="E913" s="46">
        <v>26.7</v>
      </c>
      <c r="F913" s="47">
        <v>73.3</v>
      </c>
    </row>
    <row r="914" spans="1:25" ht="21.6" x14ac:dyDescent="0.2">
      <c r="B914" s="77"/>
      <c r="C914" s="39" t="s">
        <v>56</v>
      </c>
      <c r="D914" s="45">
        <v>800</v>
      </c>
      <c r="E914" s="46">
        <v>28</v>
      </c>
      <c r="F914" s="47">
        <v>72</v>
      </c>
    </row>
    <row r="915" spans="1:25" x14ac:dyDescent="0.2">
      <c r="B915" s="77"/>
      <c r="C915" s="40" t="s">
        <v>57</v>
      </c>
      <c r="D915" s="48">
        <v>798</v>
      </c>
      <c r="E915" s="49">
        <v>21.4</v>
      </c>
      <c r="F915" s="50">
        <v>78.599999999999994</v>
      </c>
    </row>
    <row r="917" spans="1:25" x14ac:dyDescent="0.2">
      <c r="C917" t="s">
        <v>35</v>
      </c>
    </row>
    <row r="918" spans="1:25" x14ac:dyDescent="0.2">
      <c r="B918" s="75" t="s">
        <v>273</v>
      </c>
      <c r="C918" s="76"/>
      <c r="D918" s="76"/>
      <c r="E918" s="76"/>
      <c r="F918" s="76"/>
      <c r="G918" s="76"/>
      <c r="H918" s="76"/>
      <c r="I918" s="76"/>
      <c r="J918" s="76"/>
      <c r="K918" s="76"/>
      <c r="L918" s="76"/>
      <c r="M918" s="76"/>
      <c r="N918" s="76"/>
      <c r="O918" s="76"/>
      <c r="P918" s="76"/>
      <c r="Q918" s="76"/>
      <c r="R918" s="76"/>
      <c r="S918" s="76"/>
      <c r="T918" s="76"/>
      <c r="U918" s="76"/>
      <c r="V918" s="76"/>
      <c r="W918" s="76"/>
      <c r="X918" s="76"/>
      <c r="Y918" s="76"/>
    </row>
    <row r="919" spans="1:25" s="32" customFormat="1" ht="36.450000000000003" customHeight="1" x14ac:dyDescent="0.15">
      <c r="A919" s="31"/>
      <c r="D919" s="33" t="s">
        <v>378</v>
      </c>
      <c r="E919" s="36" t="s">
        <v>486</v>
      </c>
      <c r="F919" s="37" t="s">
        <v>504</v>
      </c>
      <c r="G919" s="35" t="s">
        <v>381</v>
      </c>
    </row>
    <row r="920" spans="1:25" ht="21.6" x14ac:dyDescent="0.2">
      <c r="B920" s="77" t="s">
        <v>37</v>
      </c>
      <c r="C920" s="38" t="s">
        <v>58</v>
      </c>
      <c r="D920" s="51">
        <v>609</v>
      </c>
      <c r="E920" s="52">
        <v>27.9</v>
      </c>
      <c r="F920" s="53">
        <v>72.099999999999994</v>
      </c>
    </row>
    <row r="921" spans="1:25" ht="21.6" x14ac:dyDescent="0.2">
      <c r="B921" s="77"/>
      <c r="C921" s="39" t="s">
        <v>59</v>
      </c>
      <c r="D921" s="45">
        <v>1391</v>
      </c>
      <c r="E921" s="46">
        <v>20.100000000000001</v>
      </c>
      <c r="F921" s="47">
        <v>79.900000000000006</v>
      </c>
    </row>
    <row r="922" spans="1:25" x14ac:dyDescent="0.2">
      <c r="B922" s="77"/>
      <c r="C922" s="39" t="s">
        <v>60</v>
      </c>
      <c r="D922" s="45">
        <v>1325</v>
      </c>
      <c r="E922" s="46">
        <v>20.5</v>
      </c>
      <c r="F922" s="47">
        <v>79.5</v>
      </c>
    </row>
    <row r="923" spans="1:25" x14ac:dyDescent="0.2">
      <c r="B923" s="77"/>
      <c r="C923" s="39" t="s">
        <v>61</v>
      </c>
      <c r="D923" s="45">
        <v>675</v>
      </c>
      <c r="E923" s="46">
        <v>26.5</v>
      </c>
      <c r="F923" s="47">
        <v>73.5</v>
      </c>
    </row>
    <row r="924" spans="1:25" x14ac:dyDescent="0.2">
      <c r="B924" s="77"/>
      <c r="C924" s="39" t="s">
        <v>62</v>
      </c>
      <c r="D924" s="45">
        <v>1086</v>
      </c>
      <c r="E924" s="46">
        <v>28.2</v>
      </c>
      <c r="F924" s="47">
        <v>71.8</v>
      </c>
    </row>
    <row r="925" spans="1:25" ht="21.6" x14ac:dyDescent="0.2">
      <c r="B925" s="77"/>
      <c r="C925" s="39" t="s">
        <v>63</v>
      </c>
      <c r="D925" s="45">
        <v>203</v>
      </c>
      <c r="E925" s="46">
        <v>19.7</v>
      </c>
      <c r="F925" s="47">
        <v>80.3</v>
      </c>
    </row>
    <row r="926" spans="1:25" x14ac:dyDescent="0.2">
      <c r="B926" s="77"/>
      <c r="C926" s="39" t="s">
        <v>64</v>
      </c>
      <c r="D926" s="45">
        <v>263</v>
      </c>
      <c r="E926" s="46">
        <v>28.5</v>
      </c>
      <c r="F926" s="47">
        <v>71.5</v>
      </c>
    </row>
    <row r="927" spans="1:25" x14ac:dyDescent="0.2">
      <c r="B927" s="77"/>
      <c r="C927" s="39" t="s">
        <v>65</v>
      </c>
      <c r="D927" s="45">
        <v>312</v>
      </c>
      <c r="E927" s="46">
        <v>29.8</v>
      </c>
      <c r="F927" s="47">
        <v>70.2</v>
      </c>
    </row>
    <row r="928" spans="1:25" x14ac:dyDescent="0.2">
      <c r="B928" s="77"/>
      <c r="C928" s="39" t="s">
        <v>66</v>
      </c>
      <c r="D928" s="45">
        <v>230</v>
      </c>
      <c r="E928" s="46">
        <v>33.5</v>
      </c>
      <c r="F928" s="47">
        <v>66.5</v>
      </c>
    </row>
    <row r="929" spans="1:25" x14ac:dyDescent="0.2">
      <c r="B929" s="77"/>
      <c r="C929" s="39" t="s">
        <v>67</v>
      </c>
      <c r="D929" s="45">
        <v>78</v>
      </c>
      <c r="E929" s="46">
        <v>26.9</v>
      </c>
      <c r="F929" s="47">
        <v>73.099999999999994</v>
      </c>
    </row>
    <row r="930" spans="1:25" x14ac:dyDescent="0.2">
      <c r="B930" s="77"/>
      <c r="C930" s="39" t="s">
        <v>68</v>
      </c>
      <c r="D930" s="45">
        <v>897</v>
      </c>
      <c r="E930" s="46">
        <v>29.3</v>
      </c>
      <c r="F930" s="47">
        <v>70.7</v>
      </c>
    </row>
    <row r="931" spans="1:25" x14ac:dyDescent="0.2">
      <c r="B931" s="77"/>
      <c r="C931" s="39" t="s">
        <v>69</v>
      </c>
      <c r="D931" s="45">
        <v>189</v>
      </c>
      <c r="E931" s="46">
        <v>22.8</v>
      </c>
      <c r="F931" s="47">
        <v>77.2</v>
      </c>
    </row>
    <row r="932" spans="1:25" x14ac:dyDescent="0.2">
      <c r="B932" s="77"/>
      <c r="C932" s="39" t="s">
        <v>70</v>
      </c>
      <c r="D932" s="45">
        <v>914</v>
      </c>
      <c r="E932" s="46">
        <v>15.8</v>
      </c>
      <c r="F932" s="47">
        <v>84.2</v>
      </c>
    </row>
    <row r="933" spans="1:25" ht="21.6" x14ac:dyDescent="0.2">
      <c r="B933" s="77"/>
      <c r="C933" s="39" t="s">
        <v>63</v>
      </c>
      <c r="D933" s="45">
        <v>193</v>
      </c>
      <c r="E933" s="46">
        <v>11.4</v>
      </c>
      <c r="F933" s="47">
        <v>88.6</v>
      </c>
    </row>
    <row r="934" spans="1:25" x14ac:dyDescent="0.2">
      <c r="B934" s="77"/>
      <c r="C934" s="39" t="s">
        <v>64</v>
      </c>
      <c r="D934" s="45">
        <v>203</v>
      </c>
      <c r="E934" s="46">
        <v>15.8</v>
      </c>
      <c r="F934" s="47">
        <v>84.2</v>
      </c>
    </row>
    <row r="935" spans="1:25" x14ac:dyDescent="0.2">
      <c r="B935" s="77"/>
      <c r="C935" s="39" t="s">
        <v>65</v>
      </c>
      <c r="D935" s="45">
        <v>263</v>
      </c>
      <c r="E935" s="46">
        <v>18.3</v>
      </c>
      <c r="F935" s="47">
        <v>81.7</v>
      </c>
    </row>
    <row r="936" spans="1:25" x14ac:dyDescent="0.2">
      <c r="B936" s="77"/>
      <c r="C936" s="39" t="s">
        <v>66</v>
      </c>
      <c r="D936" s="45">
        <v>194</v>
      </c>
      <c r="E936" s="46">
        <v>17.5</v>
      </c>
      <c r="F936" s="47">
        <v>82.5</v>
      </c>
    </row>
    <row r="937" spans="1:25" x14ac:dyDescent="0.2">
      <c r="B937" s="77"/>
      <c r="C937" s="39" t="s">
        <v>67</v>
      </c>
      <c r="D937" s="45">
        <v>61</v>
      </c>
      <c r="E937" s="46">
        <v>13.1</v>
      </c>
      <c r="F937" s="47">
        <v>86.9</v>
      </c>
    </row>
    <row r="938" spans="1:25" x14ac:dyDescent="0.2">
      <c r="B938" s="77"/>
      <c r="C938" s="39" t="s">
        <v>68</v>
      </c>
      <c r="D938" s="45">
        <v>416</v>
      </c>
      <c r="E938" s="46">
        <v>20.2</v>
      </c>
      <c r="F938" s="47">
        <v>79.8</v>
      </c>
    </row>
    <row r="939" spans="1:25" x14ac:dyDescent="0.2">
      <c r="B939" s="77"/>
      <c r="C939" s="40" t="s">
        <v>69</v>
      </c>
      <c r="D939" s="48">
        <v>498</v>
      </c>
      <c r="E939" s="49">
        <v>12</v>
      </c>
      <c r="F939" s="50">
        <v>88</v>
      </c>
    </row>
    <row r="941" spans="1:25" x14ac:dyDescent="0.2">
      <c r="A941" s="26" t="s">
        <v>25</v>
      </c>
      <c r="B941" t="s">
        <v>35</v>
      </c>
      <c r="C941" t="s">
        <v>35</v>
      </c>
    </row>
    <row r="942" spans="1:25" x14ac:dyDescent="0.2">
      <c r="B942" s="75" t="s">
        <v>93</v>
      </c>
      <c r="C942" s="76"/>
      <c r="D942" s="76"/>
      <c r="E942" s="76"/>
      <c r="F942" s="76"/>
      <c r="G942" s="76"/>
      <c r="H942" s="76"/>
      <c r="I942" s="76"/>
      <c r="J942" s="76"/>
      <c r="K942" s="76"/>
      <c r="L942" s="76"/>
      <c r="M942" s="76"/>
      <c r="N942" s="76"/>
      <c r="O942" s="76"/>
      <c r="P942" s="76"/>
      <c r="Q942" s="76"/>
      <c r="R942" s="76"/>
      <c r="S942" s="76"/>
      <c r="T942" s="76"/>
      <c r="U942" s="76"/>
      <c r="V942" s="76"/>
      <c r="W942" s="76"/>
      <c r="X942" s="76"/>
      <c r="Y942" s="76"/>
    </row>
    <row r="943" spans="1:25" s="32" customFormat="1" ht="79.650000000000006" customHeight="1" x14ac:dyDescent="0.15">
      <c r="A943" s="31"/>
      <c r="D943" s="33" t="s">
        <v>378</v>
      </c>
      <c r="E943" s="36" t="s">
        <v>505</v>
      </c>
      <c r="F943" s="55" t="s">
        <v>506</v>
      </c>
      <c r="G943" s="55" t="s">
        <v>507</v>
      </c>
      <c r="H943" s="55" t="s">
        <v>508</v>
      </c>
      <c r="I943" s="55" t="s">
        <v>509</v>
      </c>
      <c r="J943" s="55" t="s">
        <v>510</v>
      </c>
      <c r="K943" s="37" t="s">
        <v>480</v>
      </c>
      <c r="L943" s="35" t="s">
        <v>381</v>
      </c>
    </row>
    <row r="944" spans="1:25" x14ac:dyDescent="0.2">
      <c r="B944" s="5"/>
      <c r="C944" s="41" t="s">
        <v>38</v>
      </c>
      <c r="D944" s="42">
        <v>2000</v>
      </c>
      <c r="E944" s="43">
        <v>59.8</v>
      </c>
      <c r="F944" s="43">
        <v>21.5</v>
      </c>
      <c r="G944" s="43">
        <v>6.3</v>
      </c>
      <c r="H944" s="43">
        <v>5.4</v>
      </c>
      <c r="I944" s="43">
        <v>1.5</v>
      </c>
      <c r="J944" s="43">
        <v>4.5</v>
      </c>
      <c r="K944" s="44">
        <v>1.1000000000000001</v>
      </c>
    </row>
    <row r="945" spans="2:11" x14ac:dyDescent="0.2">
      <c r="B945" s="77" t="s">
        <v>37</v>
      </c>
      <c r="C945" s="39" t="s">
        <v>39</v>
      </c>
      <c r="D945" s="45">
        <v>111</v>
      </c>
      <c r="E945" s="46">
        <v>82</v>
      </c>
      <c r="F945" s="46">
        <v>10.8</v>
      </c>
      <c r="G945" s="46">
        <v>3.6</v>
      </c>
      <c r="H945" s="46">
        <v>1.8</v>
      </c>
      <c r="I945" s="46">
        <v>0.9</v>
      </c>
      <c r="J945" s="46">
        <v>0.9</v>
      </c>
      <c r="K945" s="47">
        <v>0</v>
      </c>
    </row>
    <row r="946" spans="2:11" x14ac:dyDescent="0.2">
      <c r="B946" s="77"/>
      <c r="C946" s="39" t="s">
        <v>40</v>
      </c>
      <c r="D946" s="45">
        <v>450</v>
      </c>
      <c r="E946" s="46">
        <v>73.599999999999994</v>
      </c>
      <c r="F946" s="46">
        <v>13.1</v>
      </c>
      <c r="G946" s="46">
        <v>4.7</v>
      </c>
      <c r="H946" s="46">
        <v>4.4000000000000004</v>
      </c>
      <c r="I946" s="46">
        <v>1.3</v>
      </c>
      <c r="J946" s="46">
        <v>2.9</v>
      </c>
      <c r="K946" s="47">
        <v>0</v>
      </c>
    </row>
    <row r="947" spans="2:11" ht="21.6" x14ac:dyDescent="0.2">
      <c r="B947" s="77"/>
      <c r="C947" s="39" t="s">
        <v>41</v>
      </c>
      <c r="D947" s="45">
        <v>30</v>
      </c>
      <c r="E947" s="46">
        <v>46.7</v>
      </c>
      <c r="F947" s="46">
        <v>26.7</v>
      </c>
      <c r="G947" s="46">
        <v>0</v>
      </c>
      <c r="H947" s="46">
        <v>10</v>
      </c>
      <c r="I947" s="46">
        <v>3.3</v>
      </c>
      <c r="J947" s="46">
        <v>10</v>
      </c>
      <c r="K947" s="47">
        <v>3.3</v>
      </c>
    </row>
    <row r="948" spans="2:11" ht="21.6" x14ac:dyDescent="0.2">
      <c r="B948" s="77"/>
      <c r="C948" s="39" t="s">
        <v>42</v>
      </c>
      <c r="D948" s="45">
        <v>336</v>
      </c>
      <c r="E948" s="46">
        <v>69.900000000000006</v>
      </c>
      <c r="F948" s="46">
        <v>11.6</v>
      </c>
      <c r="G948" s="46">
        <v>8.6</v>
      </c>
      <c r="H948" s="46">
        <v>4.2</v>
      </c>
      <c r="I948" s="46">
        <v>0.3</v>
      </c>
      <c r="J948" s="46">
        <v>3.3</v>
      </c>
      <c r="K948" s="47">
        <v>2.1</v>
      </c>
    </row>
    <row r="949" spans="2:11" ht="21.6" x14ac:dyDescent="0.2">
      <c r="B949" s="77"/>
      <c r="C949" s="39" t="s">
        <v>43</v>
      </c>
      <c r="D949" s="45">
        <v>327</v>
      </c>
      <c r="E949" s="46">
        <v>42.2</v>
      </c>
      <c r="F949" s="46">
        <v>34.9</v>
      </c>
      <c r="G949" s="46">
        <v>5.5</v>
      </c>
      <c r="H949" s="46">
        <v>6.4</v>
      </c>
      <c r="I949" s="46">
        <v>2.1</v>
      </c>
      <c r="J949" s="46">
        <v>7.3</v>
      </c>
      <c r="K949" s="47">
        <v>1.5</v>
      </c>
    </row>
    <row r="950" spans="2:11" ht="21.6" x14ac:dyDescent="0.2">
      <c r="B950" s="77"/>
      <c r="C950" s="39" t="s">
        <v>44</v>
      </c>
      <c r="D950" s="45">
        <v>181</v>
      </c>
      <c r="E950" s="46">
        <v>70.2</v>
      </c>
      <c r="F950" s="46">
        <v>14.9</v>
      </c>
      <c r="G950" s="46">
        <v>5.5</v>
      </c>
      <c r="H950" s="46">
        <v>3.9</v>
      </c>
      <c r="I950" s="46">
        <v>1.7</v>
      </c>
      <c r="J950" s="46">
        <v>3.3</v>
      </c>
      <c r="K950" s="47">
        <v>0.6</v>
      </c>
    </row>
    <row r="951" spans="2:11" ht="21.6" x14ac:dyDescent="0.2">
      <c r="B951" s="77"/>
      <c r="C951" s="39" t="s">
        <v>45</v>
      </c>
      <c r="D951" s="45">
        <v>565</v>
      </c>
      <c r="E951" s="46">
        <v>46</v>
      </c>
      <c r="F951" s="46">
        <v>30.1</v>
      </c>
      <c r="G951" s="46">
        <v>7.8</v>
      </c>
      <c r="H951" s="46">
        <v>7.3</v>
      </c>
      <c r="I951" s="46">
        <v>1.8</v>
      </c>
      <c r="J951" s="46">
        <v>5.7</v>
      </c>
      <c r="K951" s="47">
        <v>1.4</v>
      </c>
    </row>
    <row r="952" spans="2:11" ht="21.6" x14ac:dyDescent="0.2">
      <c r="B952" s="77"/>
      <c r="C952" s="39" t="s">
        <v>46</v>
      </c>
      <c r="D952" s="45">
        <v>473</v>
      </c>
      <c r="E952" s="46">
        <v>41.2</v>
      </c>
      <c r="F952" s="46">
        <v>31.3</v>
      </c>
      <c r="G952" s="46">
        <v>7.4</v>
      </c>
      <c r="H952" s="46">
        <v>9.9</v>
      </c>
      <c r="I952" s="46">
        <v>2.7</v>
      </c>
      <c r="J952" s="46">
        <v>6.8</v>
      </c>
      <c r="K952" s="47">
        <v>0.6</v>
      </c>
    </row>
    <row r="953" spans="2:11" ht="21.6" x14ac:dyDescent="0.2">
      <c r="B953" s="77"/>
      <c r="C953" s="39" t="s">
        <v>47</v>
      </c>
      <c r="D953" s="45">
        <v>441</v>
      </c>
      <c r="E953" s="46">
        <v>65.3</v>
      </c>
      <c r="F953" s="46">
        <v>19.3</v>
      </c>
      <c r="G953" s="46">
        <v>5.9</v>
      </c>
      <c r="H953" s="46">
        <v>4.5</v>
      </c>
      <c r="I953" s="46">
        <v>1.1000000000000001</v>
      </c>
      <c r="J953" s="46">
        <v>2.7</v>
      </c>
      <c r="K953" s="47">
        <v>1.1000000000000001</v>
      </c>
    </row>
    <row r="954" spans="2:11" ht="21.6" x14ac:dyDescent="0.2">
      <c r="B954" s="77"/>
      <c r="C954" s="39" t="s">
        <v>48</v>
      </c>
      <c r="D954" s="45">
        <v>305</v>
      </c>
      <c r="E954" s="46">
        <v>74.8</v>
      </c>
      <c r="F954" s="46">
        <v>14.4</v>
      </c>
      <c r="G954" s="46">
        <v>5.2</v>
      </c>
      <c r="H954" s="46">
        <v>3.6</v>
      </c>
      <c r="I954" s="46">
        <v>0.7</v>
      </c>
      <c r="J954" s="46">
        <v>1.3</v>
      </c>
      <c r="K954" s="47">
        <v>0</v>
      </c>
    </row>
    <row r="955" spans="2:11" ht="21.6" x14ac:dyDescent="0.2">
      <c r="B955" s="77"/>
      <c r="C955" s="39" t="s">
        <v>49</v>
      </c>
      <c r="D955" s="45">
        <v>223</v>
      </c>
      <c r="E955" s="46">
        <v>72.2</v>
      </c>
      <c r="F955" s="46">
        <v>16.100000000000001</v>
      </c>
      <c r="G955" s="46">
        <v>7.6</v>
      </c>
      <c r="H955" s="46">
        <v>0.9</v>
      </c>
      <c r="I955" s="46">
        <v>0.4</v>
      </c>
      <c r="J955" s="46">
        <v>2.2000000000000002</v>
      </c>
      <c r="K955" s="47">
        <v>0.4</v>
      </c>
    </row>
    <row r="956" spans="2:11" ht="21.6" x14ac:dyDescent="0.2">
      <c r="B956" s="77"/>
      <c r="C956" s="39" t="s">
        <v>50</v>
      </c>
      <c r="D956" s="45">
        <v>123</v>
      </c>
      <c r="E956" s="46">
        <v>77.2</v>
      </c>
      <c r="F956" s="46">
        <v>12.2</v>
      </c>
      <c r="G956" s="46">
        <v>8.1</v>
      </c>
      <c r="H956" s="46">
        <v>0.8</v>
      </c>
      <c r="I956" s="46">
        <v>0.8</v>
      </c>
      <c r="J956" s="46">
        <v>0.8</v>
      </c>
      <c r="K956" s="47">
        <v>0</v>
      </c>
    </row>
    <row r="957" spans="2:11" ht="21.6" x14ac:dyDescent="0.2">
      <c r="B957" s="77"/>
      <c r="C957" s="39" t="s">
        <v>51</v>
      </c>
      <c r="D957" s="45">
        <v>124</v>
      </c>
      <c r="E957" s="46">
        <v>74.2</v>
      </c>
      <c r="F957" s="46">
        <v>14.5</v>
      </c>
      <c r="G957" s="46">
        <v>2.4</v>
      </c>
      <c r="H957" s="46">
        <v>4.8</v>
      </c>
      <c r="I957" s="46">
        <v>1.6</v>
      </c>
      <c r="J957" s="46">
        <v>2.4</v>
      </c>
      <c r="K957" s="47">
        <v>0</v>
      </c>
    </row>
    <row r="958" spans="2:11" ht="21.6" x14ac:dyDescent="0.2">
      <c r="B958" s="77"/>
      <c r="C958" s="39" t="s">
        <v>52</v>
      </c>
      <c r="D958" s="45">
        <v>312</v>
      </c>
      <c r="E958" s="46">
        <v>57.7</v>
      </c>
      <c r="F958" s="46">
        <v>24</v>
      </c>
      <c r="G958" s="46">
        <v>7.1</v>
      </c>
      <c r="H958" s="46">
        <v>4.8</v>
      </c>
      <c r="I958" s="46">
        <v>1.9</v>
      </c>
      <c r="J958" s="46">
        <v>4.2</v>
      </c>
      <c r="K958" s="47">
        <v>0.3</v>
      </c>
    </row>
    <row r="959" spans="2:11" x14ac:dyDescent="0.2">
      <c r="B959" s="77"/>
      <c r="C959" s="39" t="s">
        <v>53</v>
      </c>
      <c r="D959" s="45">
        <v>269</v>
      </c>
      <c r="E959" s="46">
        <v>55.4</v>
      </c>
      <c r="F959" s="46">
        <v>24.9</v>
      </c>
      <c r="G959" s="46">
        <v>9.3000000000000007</v>
      </c>
      <c r="H959" s="46">
        <v>5.9</v>
      </c>
      <c r="I959" s="46">
        <v>1.9</v>
      </c>
      <c r="J959" s="46">
        <v>2.6</v>
      </c>
      <c r="K959" s="47">
        <v>0</v>
      </c>
    </row>
    <row r="960" spans="2:11" ht="21.6" x14ac:dyDescent="0.2">
      <c r="B960" s="77"/>
      <c r="C960" s="39" t="s">
        <v>54</v>
      </c>
      <c r="D960" s="45">
        <v>511</v>
      </c>
      <c r="E960" s="46">
        <v>70.099999999999994</v>
      </c>
      <c r="F960" s="46">
        <v>15.9</v>
      </c>
      <c r="G960" s="46">
        <v>6.7</v>
      </c>
      <c r="H960" s="46">
        <v>2.7</v>
      </c>
      <c r="I960" s="46">
        <v>1</v>
      </c>
      <c r="J960" s="46">
        <v>3.3</v>
      </c>
      <c r="K960" s="47">
        <v>0.4</v>
      </c>
    </row>
    <row r="961" spans="1:25" ht="21.6" x14ac:dyDescent="0.2">
      <c r="B961" s="77"/>
      <c r="C961" s="39" t="s">
        <v>55</v>
      </c>
      <c r="D961" s="45">
        <v>615</v>
      </c>
      <c r="E961" s="46">
        <v>71.099999999999994</v>
      </c>
      <c r="F961" s="46">
        <v>14.6</v>
      </c>
      <c r="G961" s="46">
        <v>5.2</v>
      </c>
      <c r="H961" s="46">
        <v>4.2</v>
      </c>
      <c r="I961" s="46">
        <v>0.8</v>
      </c>
      <c r="J961" s="46">
        <v>3.4</v>
      </c>
      <c r="K961" s="47">
        <v>0.7</v>
      </c>
    </row>
    <row r="962" spans="1:25" ht="21.6" x14ac:dyDescent="0.2">
      <c r="B962" s="77"/>
      <c r="C962" s="39" t="s">
        <v>56</v>
      </c>
      <c r="D962" s="45">
        <v>800</v>
      </c>
      <c r="E962" s="46">
        <v>71.099999999999994</v>
      </c>
      <c r="F962" s="46">
        <v>14.6</v>
      </c>
      <c r="G962" s="46">
        <v>5.5</v>
      </c>
      <c r="H962" s="46">
        <v>3.3</v>
      </c>
      <c r="I962" s="46">
        <v>0.6</v>
      </c>
      <c r="J962" s="46">
        <v>4</v>
      </c>
      <c r="K962" s="47">
        <v>0.9</v>
      </c>
    </row>
    <row r="963" spans="1:25" x14ac:dyDescent="0.2">
      <c r="B963" s="77"/>
      <c r="C963" s="40" t="s">
        <v>57</v>
      </c>
      <c r="D963" s="48">
        <v>798</v>
      </c>
      <c r="E963" s="49">
        <v>65</v>
      </c>
      <c r="F963" s="49">
        <v>19.899999999999999</v>
      </c>
      <c r="G963" s="49">
        <v>6.6</v>
      </c>
      <c r="H963" s="49">
        <v>3.9</v>
      </c>
      <c r="I963" s="49">
        <v>1.6</v>
      </c>
      <c r="J963" s="49">
        <v>2.2999999999999998</v>
      </c>
      <c r="K963" s="50">
        <v>0.6</v>
      </c>
    </row>
    <row r="964" spans="1:25" x14ac:dyDescent="0.2">
      <c r="B964" s="7" t="s">
        <v>71</v>
      </c>
      <c r="C964" s="4" t="s">
        <v>94</v>
      </c>
    </row>
    <row r="965" spans="1:25" x14ac:dyDescent="0.2">
      <c r="B965" s="4"/>
      <c r="C965" s="4" t="s">
        <v>73</v>
      </c>
    </row>
    <row r="967" spans="1:25" x14ac:dyDescent="0.2">
      <c r="C967" t="s">
        <v>35</v>
      </c>
    </row>
    <row r="968" spans="1:25" x14ac:dyDescent="0.2">
      <c r="B968" s="75" t="s">
        <v>274</v>
      </c>
      <c r="C968" s="76"/>
      <c r="D968" s="76"/>
      <c r="E968" s="76"/>
      <c r="F968" s="76"/>
      <c r="G968" s="76"/>
      <c r="H968" s="76"/>
      <c r="I968" s="76"/>
      <c r="J968" s="76"/>
      <c r="K968" s="76"/>
      <c r="L968" s="76"/>
      <c r="M968" s="76"/>
      <c r="N968" s="76"/>
      <c r="O968" s="76"/>
      <c r="P968" s="76"/>
      <c r="Q968" s="76"/>
      <c r="R968" s="76"/>
      <c r="S968" s="76"/>
      <c r="T968" s="76"/>
      <c r="U968" s="76"/>
      <c r="V968" s="76"/>
      <c r="W968" s="76"/>
      <c r="X968" s="76"/>
      <c r="Y968" s="76"/>
    </row>
    <row r="969" spans="1:25" s="32" customFormat="1" ht="79.650000000000006" customHeight="1" x14ac:dyDescent="0.15">
      <c r="A969" s="31"/>
      <c r="D969" s="33" t="s">
        <v>378</v>
      </c>
      <c r="E969" s="36" t="s">
        <v>505</v>
      </c>
      <c r="F969" s="55" t="s">
        <v>506</v>
      </c>
      <c r="G969" s="55" t="s">
        <v>507</v>
      </c>
      <c r="H969" s="55" t="s">
        <v>508</v>
      </c>
      <c r="I969" s="55" t="s">
        <v>509</v>
      </c>
      <c r="J969" s="55" t="s">
        <v>510</v>
      </c>
      <c r="K969" s="37" t="s">
        <v>480</v>
      </c>
      <c r="L969" s="35" t="s">
        <v>381</v>
      </c>
    </row>
    <row r="970" spans="1:25" ht="21.6" x14ac:dyDescent="0.2">
      <c r="B970" s="77" t="s">
        <v>37</v>
      </c>
      <c r="C970" s="38" t="s">
        <v>58</v>
      </c>
      <c r="D970" s="51">
        <v>609</v>
      </c>
      <c r="E970" s="52">
        <v>72.900000000000006</v>
      </c>
      <c r="F970" s="52">
        <v>12.5</v>
      </c>
      <c r="G970" s="52">
        <v>6.7</v>
      </c>
      <c r="H970" s="52">
        <v>3</v>
      </c>
      <c r="I970" s="52">
        <v>0.7</v>
      </c>
      <c r="J970" s="52">
        <v>3.4</v>
      </c>
      <c r="K970" s="53">
        <v>0.8</v>
      </c>
    </row>
    <row r="971" spans="1:25" ht="21.6" x14ac:dyDescent="0.2">
      <c r="B971" s="77"/>
      <c r="C971" s="39" t="s">
        <v>59</v>
      </c>
      <c r="D971" s="45">
        <v>1391</v>
      </c>
      <c r="E971" s="46">
        <v>54.1</v>
      </c>
      <c r="F971" s="46">
        <v>25.4</v>
      </c>
      <c r="G971" s="46">
        <v>6.1</v>
      </c>
      <c r="H971" s="46">
        <v>6.5</v>
      </c>
      <c r="I971" s="46">
        <v>1.8</v>
      </c>
      <c r="J971" s="46">
        <v>5</v>
      </c>
      <c r="K971" s="47">
        <v>1.2</v>
      </c>
    </row>
    <row r="972" spans="1:25" x14ac:dyDescent="0.2">
      <c r="B972" s="77"/>
      <c r="C972" s="39" t="s">
        <v>60</v>
      </c>
      <c r="D972" s="45">
        <v>1325</v>
      </c>
      <c r="E972" s="46">
        <v>60.1</v>
      </c>
      <c r="F972" s="46">
        <v>21.4</v>
      </c>
      <c r="G972" s="46">
        <v>6.9</v>
      </c>
      <c r="H972" s="46">
        <v>5.4</v>
      </c>
      <c r="I972" s="46">
        <v>1.1000000000000001</v>
      </c>
      <c r="J972" s="46">
        <v>3.8</v>
      </c>
      <c r="K972" s="47">
        <v>1.4</v>
      </c>
    </row>
    <row r="973" spans="1:25" x14ac:dyDescent="0.2">
      <c r="B973" s="77"/>
      <c r="C973" s="39" t="s">
        <v>61</v>
      </c>
      <c r="D973" s="45">
        <v>675</v>
      </c>
      <c r="E973" s="46">
        <v>59.3</v>
      </c>
      <c r="F973" s="46">
        <v>21.6</v>
      </c>
      <c r="G973" s="46">
        <v>5.2</v>
      </c>
      <c r="H973" s="46">
        <v>5.3</v>
      </c>
      <c r="I973" s="46">
        <v>2.1</v>
      </c>
      <c r="J973" s="46">
        <v>5.9</v>
      </c>
      <c r="K973" s="47">
        <v>0.6</v>
      </c>
    </row>
    <row r="974" spans="1:25" x14ac:dyDescent="0.2">
      <c r="B974" s="77"/>
      <c r="C974" s="39" t="s">
        <v>62</v>
      </c>
      <c r="D974" s="45">
        <v>1086</v>
      </c>
      <c r="E974" s="46">
        <v>76.400000000000006</v>
      </c>
      <c r="F974" s="46">
        <v>10.199999999999999</v>
      </c>
      <c r="G974" s="46">
        <v>5.7</v>
      </c>
      <c r="H974" s="46">
        <v>3.1</v>
      </c>
      <c r="I974" s="46">
        <v>1.1000000000000001</v>
      </c>
      <c r="J974" s="46">
        <v>2.2999999999999998</v>
      </c>
      <c r="K974" s="47">
        <v>1.1000000000000001</v>
      </c>
    </row>
    <row r="975" spans="1:25" ht="21.6" x14ac:dyDescent="0.2">
      <c r="B975" s="77"/>
      <c r="C975" s="39" t="s">
        <v>63</v>
      </c>
      <c r="D975" s="45">
        <v>203</v>
      </c>
      <c r="E975" s="46">
        <v>55.2</v>
      </c>
      <c r="F975" s="46">
        <v>16.7</v>
      </c>
      <c r="G975" s="46">
        <v>7.9</v>
      </c>
      <c r="H975" s="46">
        <v>6.9</v>
      </c>
      <c r="I975" s="46">
        <v>1</v>
      </c>
      <c r="J975" s="46">
        <v>8.9</v>
      </c>
      <c r="K975" s="47">
        <v>3.4</v>
      </c>
    </row>
    <row r="976" spans="1:25" x14ac:dyDescent="0.2">
      <c r="B976" s="77"/>
      <c r="C976" s="39" t="s">
        <v>64</v>
      </c>
      <c r="D976" s="45">
        <v>263</v>
      </c>
      <c r="E976" s="46">
        <v>81.400000000000006</v>
      </c>
      <c r="F976" s="46">
        <v>9.5</v>
      </c>
      <c r="G976" s="46">
        <v>5.3</v>
      </c>
      <c r="H976" s="46">
        <v>2.2999999999999998</v>
      </c>
      <c r="I976" s="46">
        <v>0.4</v>
      </c>
      <c r="J976" s="46">
        <v>0.8</v>
      </c>
      <c r="K976" s="47">
        <v>0.4</v>
      </c>
    </row>
    <row r="977" spans="2:11" x14ac:dyDescent="0.2">
      <c r="B977" s="77"/>
      <c r="C977" s="39" t="s">
        <v>65</v>
      </c>
      <c r="D977" s="45">
        <v>312</v>
      </c>
      <c r="E977" s="46">
        <v>83.3</v>
      </c>
      <c r="F977" s="46">
        <v>6.1</v>
      </c>
      <c r="G977" s="46">
        <v>6.4</v>
      </c>
      <c r="H977" s="46">
        <v>1.6</v>
      </c>
      <c r="I977" s="46">
        <v>1.3</v>
      </c>
      <c r="J977" s="46">
        <v>0.3</v>
      </c>
      <c r="K977" s="47">
        <v>1</v>
      </c>
    </row>
    <row r="978" spans="2:11" x14ac:dyDescent="0.2">
      <c r="B978" s="77"/>
      <c r="C978" s="39" t="s">
        <v>66</v>
      </c>
      <c r="D978" s="45">
        <v>230</v>
      </c>
      <c r="E978" s="46">
        <v>85.7</v>
      </c>
      <c r="F978" s="46">
        <v>5.7</v>
      </c>
      <c r="G978" s="46">
        <v>3.5</v>
      </c>
      <c r="H978" s="46">
        <v>2.6</v>
      </c>
      <c r="I978" s="46">
        <v>0.4</v>
      </c>
      <c r="J978" s="46">
        <v>1.7</v>
      </c>
      <c r="K978" s="47">
        <v>0.4</v>
      </c>
    </row>
    <row r="979" spans="2:11" x14ac:dyDescent="0.2">
      <c r="B979" s="77"/>
      <c r="C979" s="39" t="s">
        <v>67</v>
      </c>
      <c r="D979" s="45">
        <v>78</v>
      </c>
      <c r="E979" s="46">
        <v>60.3</v>
      </c>
      <c r="F979" s="46">
        <v>25.6</v>
      </c>
      <c r="G979" s="46">
        <v>5.0999999999999996</v>
      </c>
      <c r="H979" s="46">
        <v>3.8</v>
      </c>
      <c r="I979" s="46">
        <v>5.0999999999999996</v>
      </c>
      <c r="J979" s="46">
        <v>0</v>
      </c>
      <c r="K979" s="47">
        <v>0</v>
      </c>
    </row>
    <row r="980" spans="2:11" x14ac:dyDescent="0.2">
      <c r="B980" s="77"/>
      <c r="C980" s="39" t="s">
        <v>68</v>
      </c>
      <c r="D980" s="45">
        <v>897</v>
      </c>
      <c r="E980" s="46">
        <v>89.9</v>
      </c>
      <c r="F980" s="46">
        <v>1</v>
      </c>
      <c r="G980" s="46">
        <v>5.6</v>
      </c>
      <c r="H980" s="46">
        <v>1</v>
      </c>
      <c r="I980" s="46">
        <v>0.3</v>
      </c>
      <c r="J980" s="46">
        <v>1.6</v>
      </c>
      <c r="K980" s="47">
        <v>0.7</v>
      </c>
    </row>
    <row r="981" spans="2:11" x14ac:dyDescent="0.2">
      <c r="B981" s="77"/>
      <c r="C981" s="39" t="s">
        <v>69</v>
      </c>
      <c r="D981" s="45">
        <v>189</v>
      </c>
      <c r="E981" s="46">
        <v>12.7</v>
      </c>
      <c r="F981" s="46">
        <v>54</v>
      </c>
      <c r="G981" s="46">
        <v>6.3</v>
      </c>
      <c r="H981" s="46">
        <v>13.2</v>
      </c>
      <c r="I981" s="46">
        <v>4.8</v>
      </c>
      <c r="J981" s="46">
        <v>5.8</v>
      </c>
      <c r="K981" s="47">
        <v>3.2</v>
      </c>
    </row>
    <row r="982" spans="2:11" x14ac:dyDescent="0.2">
      <c r="B982" s="77"/>
      <c r="C982" s="39" t="s">
        <v>70</v>
      </c>
      <c r="D982" s="45">
        <v>914</v>
      </c>
      <c r="E982" s="46">
        <v>40</v>
      </c>
      <c r="F982" s="46">
        <v>34.799999999999997</v>
      </c>
      <c r="G982" s="46">
        <v>7</v>
      </c>
      <c r="H982" s="46">
        <v>8.1</v>
      </c>
      <c r="I982" s="46">
        <v>1.9</v>
      </c>
      <c r="J982" s="46">
        <v>7.1</v>
      </c>
      <c r="K982" s="47">
        <v>1.1000000000000001</v>
      </c>
    </row>
    <row r="983" spans="2:11" ht="21.6" x14ac:dyDescent="0.2">
      <c r="B983" s="77"/>
      <c r="C983" s="39" t="s">
        <v>63</v>
      </c>
      <c r="D983" s="45">
        <v>193</v>
      </c>
      <c r="E983" s="46">
        <v>44.6</v>
      </c>
      <c r="F983" s="46">
        <v>15</v>
      </c>
      <c r="G983" s="46">
        <v>12.4</v>
      </c>
      <c r="H983" s="46">
        <v>8.3000000000000007</v>
      </c>
      <c r="I983" s="46">
        <v>1</v>
      </c>
      <c r="J983" s="46">
        <v>16.100000000000001</v>
      </c>
      <c r="K983" s="47">
        <v>2.6</v>
      </c>
    </row>
    <row r="984" spans="2:11" x14ac:dyDescent="0.2">
      <c r="B984" s="77"/>
      <c r="C984" s="39" t="s">
        <v>64</v>
      </c>
      <c r="D984" s="45">
        <v>203</v>
      </c>
      <c r="E984" s="46">
        <v>54.2</v>
      </c>
      <c r="F984" s="46">
        <v>25.1</v>
      </c>
      <c r="G984" s="46">
        <v>5.9</v>
      </c>
      <c r="H984" s="46">
        <v>10.3</v>
      </c>
      <c r="I984" s="46">
        <v>1.5</v>
      </c>
      <c r="J984" s="46">
        <v>2.5</v>
      </c>
      <c r="K984" s="47">
        <v>0.5</v>
      </c>
    </row>
    <row r="985" spans="2:11" x14ac:dyDescent="0.2">
      <c r="B985" s="77"/>
      <c r="C985" s="39" t="s">
        <v>65</v>
      </c>
      <c r="D985" s="45">
        <v>263</v>
      </c>
      <c r="E985" s="46">
        <v>34.200000000000003</v>
      </c>
      <c r="F985" s="46">
        <v>39.9</v>
      </c>
      <c r="G985" s="46">
        <v>7.2</v>
      </c>
      <c r="H985" s="46">
        <v>10.3</v>
      </c>
      <c r="I985" s="46">
        <v>2.7</v>
      </c>
      <c r="J985" s="46">
        <v>4.2</v>
      </c>
      <c r="K985" s="47">
        <v>1.5</v>
      </c>
    </row>
    <row r="986" spans="2:11" x14ac:dyDescent="0.2">
      <c r="B986" s="77"/>
      <c r="C986" s="39" t="s">
        <v>66</v>
      </c>
      <c r="D986" s="45">
        <v>194</v>
      </c>
      <c r="E986" s="46">
        <v>33</v>
      </c>
      <c r="F986" s="46">
        <v>50</v>
      </c>
      <c r="G986" s="46">
        <v>4.5999999999999996</v>
      </c>
      <c r="H986" s="46">
        <v>4.0999999999999996</v>
      </c>
      <c r="I986" s="46">
        <v>1.5</v>
      </c>
      <c r="J986" s="46">
        <v>6.7</v>
      </c>
      <c r="K986" s="47">
        <v>0</v>
      </c>
    </row>
    <row r="987" spans="2:11" x14ac:dyDescent="0.2">
      <c r="B987" s="77"/>
      <c r="C987" s="39" t="s">
        <v>67</v>
      </c>
      <c r="D987" s="45">
        <v>61</v>
      </c>
      <c r="E987" s="46">
        <v>26.2</v>
      </c>
      <c r="F987" s="46">
        <v>59</v>
      </c>
      <c r="G987" s="46">
        <v>0</v>
      </c>
      <c r="H987" s="46">
        <v>3.3</v>
      </c>
      <c r="I987" s="46">
        <v>3.3</v>
      </c>
      <c r="J987" s="46">
        <v>8.1999999999999993</v>
      </c>
      <c r="K987" s="47">
        <v>0</v>
      </c>
    </row>
    <row r="988" spans="2:11" x14ac:dyDescent="0.2">
      <c r="B988" s="77"/>
      <c r="C988" s="39" t="s">
        <v>68</v>
      </c>
      <c r="D988" s="45">
        <v>416</v>
      </c>
      <c r="E988" s="46">
        <v>85.3</v>
      </c>
      <c r="F988" s="46">
        <v>0.7</v>
      </c>
      <c r="G988" s="46">
        <v>6.5</v>
      </c>
      <c r="H988" s="46">
        <v>2.2000000000000002</v>
      </c>
      <c r="I988" s="46">
        <v>0.2</v>
      </c>
      <c r="J988" s="46">
        <v>4.3</v>
      </c>
      <c r="K988" s="47">
        <v>0.7</v>
      </c>
    </row>
    <row r="989" spans="2:11" x14ac:dyDescent="0.2">
      <c r="B989" s="77"/>
      <c r="C989" s="40" t="s">
        <v>69</v>
      </c>
      <c r="D989" s="48">
        <v>498</v>
      </c>
      <c r="E989" s="49">
        <v>2.2000000000000002</v>
      </c>
      <c r="F989" s="49">
        <v>63.3</v>
      </c>
      <c r="G989" s="49">
        <v>7.4</v>
      </c>
      <c r="H989" s="49">
        <v>13.1</v>
      </c>
      <c r="I989" s="49">
        <v>3.2</v>
      </c>
      <c r="J989" s="49">
        <v>9.4</v>
      </c>
      <c r="K989" s="50">
        <v>1.4</v>
      </c>
    </row>
    <row r="990" spans="2:11" x14ac:dyDescent="0.2">
      <c r="B990" s="7" t="s">
        <v>71</v>
      </c>
      <c r="C990" s="4" t="s">
        <v>94</v>
      </c>
    </row>
    <row r="991" spans="2:11" x14ac:dyDescent="0.2">
      <c r="B991" s="4"/>
      <c r="C991" s="4" t="s">
        <v>73</v>
      </c>
    </row>
    <row r="993" spans="1:25" x14ac:dyDescent="0.2">
      <c r="A993" s="26" t="s">
        <v>25</v>
      </c>
      <c r="B993" t="s">
        <v>35</v>
      </c>
      <c r="C993" t="s">
        <v>35</v>
      </c>
    </row>
    <row r="994" spans="1:25" x14ac:dyDescent="0.2">
      <c r="B994" s="75" t="s">
        <v>95</v>
      </c>
      <c r="C994" s="76"/>
      <c r="D994" s="76"/>
      <c r="E994" s="76"/>
      <c r="F994" s="76"/>
      <c r="G994" s="76"/>
      <c r="H994" s="76"/>
      <c r="I994" s="76"/>
      <c r="J994" s="76"/>
      <c r="K994" s="76"/>
      <c r="L994" s="76"/>
      <c r="M994" s="76"/>
      <c r="N994" s="76"/>
      <c r="O994" s="76"/>
      <c r="P994" s="76"/>
      <c r="Q994" s="76"/>
      <c r="R994" s="76"/>
      <c r="S994" s="76"/>
      <c r="T994" s="76"/>
      <c r="U994" s="76"/>
      <c r="V994" s="76"/>
      <c r="W994" s="76"/>
      <c r="X994" s="76"/>
      <c r="Y994" s="76"/>
    </row>
    <row r="995" spans="1:25" s="32" customFormat="1" ht="47.25" customHeight="1" x14ac:dyDescent="0.15">
      <c r="A995" s="31"/>
      <c r="D995" s="33" t="s">
        <v>378</v>
      </c>
      <c r="E995" s="36" t="s">
        <v>511</v>
      </c>
      <c r="F995" s="55" t="s">
        <v>512</v>
      </c>
      <c r="G995" s="55" t="s">
        <v>513</v>
      </c>
      <c r="H995" s="55" t="s">
        <v>514</v>
      </c>
      <c r="I995" s="37" t="s">
        <v>480</v>
      </c>
      <c r="J995" s="35" t="s">
        <v>381</v>
      </c>
    </row>
    <row r="996" spans="1:25" x14ac:dyDescent="0.2">
      <c r="B996" s="5"/>
      <c r="C996" s="41" t="s">
        <v>38</v>
      </c>
      <c r="D996" s="42">
        <v>2000</v>
      </c>
      <c r="E996" s="43">
        <v>81.3</v>
      </c>
      <c r="F996" s="43">
        <v>11.7</v>
      </c>
      <c r="G996" s="43">
        <v>1.5</v>
      </c>
      <c r="H996" s="43">
        <v>4.5</v>
      </c>
      <c r="I996" s="44">
        <v>1.1000000000000001</v>
      </c>
    </row>
    <row r="997" spans="1:25" x14ac:dyDescent="0.2">
      <c r="B997" s="77" t="s">
        <v>37</v>
      </c>
      <c r="C997" s="39" t="s">
        <v>39</v>
      </c>
      <c r="D997" s="45">
        <v>111</v>
      </c>
      <c r="E997" s="46">
        <v>92.8</v>
      </c>
      <c r="F997" s="46">
        <v>5.4</v>
      </c>
      <c r="G997" s="46">
        <v>0.9</v>
      </c>
      <c r="H997" s="46">
        <v>0.9</v>
      </c>
      <c r="I997" s="47">
        <v>0</v>
      </c>
    </row>
    <row r="998" spans="1:25" x14ac:dyDescent="0.2">
      <c r="B998" s="77"/>
      <c r="C998" s="39" t="s">
        <v>40</v>
      </c>
      <c r="D998" s="45">
        <v>450</v>
      </c>
      <c r="E998" s="46">
        <v>86.7</v>
      </c>
      <c r="F998" s="46">
        <v>9.1</v>
      </c>
      <c r="G998" s="46">
        <v>1.3</v>
      </c>
      <c r="H998" s="46">
        <v>2.9</v>
      </c>
      <c r="I998" s="47">
        <v>0</v>
      </c>
    </row>
    <row r="999" spans="1:25" ht="21.6" x14ac:dyDescent="0.2">
      <c r="B999" s="77"/>
      <c r="C999" s="39" t="s">
        <v>41</v>
      </c>
      <c r="D999" s="45">
        <v>30</v>
      </c>
      <c r="E999" s="46">
        <v>73.3</v>
      </c>
      <c r="F999" s="46">
        <v>10</v>
      </c>
      <c r="G999" s="46">
        <v>3.3</v>
      </c>
      <c r="H999" s="46">
        <v>10</v>
      </c>
      <c r="I999" s="47">
        <v>3.3</v>
      </c>
    </row>
    <row r="1000" spans="1:25" ht="21.6" x14ac:dyDescent="0.2">
      <c r="B1000" s="77"/>
      <c r="C1000" s="39" t="s">
        <v>42</v>
      </c>
      <c r="D1000" s="45">
        <v>336</v>
      </c>
      <c r="E1000" s="46">
        <v>81.5</v>
      </c>
      <c r="F1000" s="46">
        <v>12.8</v>
      </c>
      <c r="G1000" s="46">
        <v>0.3</v>
      </c>
      <c r="H1000" s="46">
        <v>3.3</v>
      </c>
      <c r="I1000" s="47">
        <v>2.1</v>
      </c>
    </row>
    <row r="1001" spans="1:25" ht="21.6" x14ac:dyDescent="0.2">
      <c r="B1001" s="77"/>
      <c r="C1001" s="39" t="s">
        <v>43</v>
      </c>
      <c r="D1001" s="45">
        <v>327</v>
      </c>
      <c r="E1001" s="46">
        <v>77.099999999999994</v>
      </c>
      <c r="F1001" s="46">
        <v>11.9</v>
      </c>
      <c r="G1001" s="46">
        <v>2.1</v>
      </c>
      <c r="H1001" s="46">
        <v>7.3</v>
      </c>
      <c r="I1001" s="47">
        <v>1.5</v>
      </c>
    </row>
    <row r="1002" spans="1:25" ht="21.6" x14ac:dyDescent="0.2">
      <c r="B1002" s="77"/>
      <c r="C1002" s="39" t="s">
        <v>44</v>
      </c>
      <c r="D1002" s="45">
        <v>181</v>
      </c>
      <c r="E1002" s="46">
        <v>85.1</v>
      </c>
      <c r="F1002" s="46">
        <v>9.4</v>
      </c>
      <c r="G1002" s="46">
        <v>1.7</v>
      </c>
      <c r="H1002" s="46">
        <v>3.3</v>
      </c>
      <c r="I1002" s="47">
        <v>0.6</v>
      </c>
    </row>
    <row r="1003" spans="1:25" ht="21.6" x14ac:dyDescent="0.2">
      <c r="B1003" s="77"/>
      <c r="C1003" s="39" t="s">
        <v>45</v>
      </c>
      <c r="D1003" s="45">
        <v>565</v>
      </c>
      <c r="E1003" s="46">
        <v>76.099999999999994</v>
      </c>
      <c r="F1003" s="46">
        <v>15</v>
      </c>
      <c r="G1003" s="46">
        <v>1.8</v>
      </c>
      <c r="H1003" s="46">
        <v>5.7</v>
      </c>
      <c r="I1003" s="47">
        <v>1.4</v>
      </c>
    </row>
    <row r="1004" spans="1:25" ht="21.6" x14ac:dyDescent="0.2">
      <c r="B1004" s="77"/>
      <c r="C1004" s="39" t="s">
        <v>46</v>
      </c>
      <c r="D1004" s="45">
        <v>473</v>
      </c>
      <c r="E1004" s="46">
        <v>72.5</v>
      </c>
      <c r="F1004" s="46">
        <v>17.3</v>
      </c>
      <c r="G1004" s="46">
        <v>2.7</v>
      </c>
      <c r="H1004" s="46">
        <v>6.8</v>
      </c>
      <c r="I1004" s="47">
        <v>0.6</v>
      </c>
    </row>
    <row r="1005" spans="1:25" ht="21.6" x14ac:dyDescent="0.2">
      <c r="B1005" s="77"/>
      <c r="C1005" s="39" t="s">
        <v>47</v>
      </c>
      <c r="D1005" s="45">
        <v>441</v>
      </c>
      <c r="E1005" s="46">
        <v>84.6</v>
      </c>
      <c r="F1005" s="46">
        <v>10.4</v>
      </c>
      <c r="G1005" s="46">
        <v>1.1000000000000001</v>
      </c>
      <c r="H1005" s="46">
        <v>2.7</v>
      </c>
      <c r="I1005" s="47">
        <v>1.1000000000000001</v>
      </c>
    </row>
    <row r="1006" spans="1:25" ht="21.6" x14ac:dyDescent="0.2">
      <c r="B1006" s="77"/>
      <c r="C1006" s="39" t="s">
        <v>48</v>
      </c>
      <c r="D1006" s="45">
        <v>305</v>
      </c>
      <c r="E1006" s="46">
        <v>89.2</v>
      </c>
      <c r="F1006" s="46">
        <v>8.9</v>
      </c>
      <c r="G1006" s="46">
        <v>0.7</v>
      </c>
      <c r="H1006" s="46">
        <v>1.3</v>
      </c>
      <c r="I1006" s="47">
        <v>0</v>
      </c>
    </row>
    <row r="1007" spans="1:25" ht="21.6" x14ac:dyDescent="0.2">
      <c r="B1007" s="77"/>
      <c r="C1007" s="39" t="s">
        <v>49</v>
      </c>
      <c r="D1007" s="45">
        <v>223</v>
      </c>
      <c r="E1007" s="46">
        <v>88.3</v>
      </c>
      <c r="F1007" s="46">
        <v>8.5</v>
      </c>
      <c r="G1007" s="46">
        <v>0.4</v>
      </c>
      <c r="H1007" s="46">
        <v>2.2000000000000002</v>
      </c>
      <c r="I1007" s="47">
        <v>0.4</v>
      </c>
    </row>
    <row r="1008" spans="1:25" ht="21.6" x14ac:dyDescent="0.2">
      <c r="B1008" s="77"/>
      <c r="C1008" s="39" t="s">
        <v>50</v>
      </c>
      <c r="D1008" s="45">
        <v>123</v>
      </c>
      <c r="E1008" s="46">
        <v>89.4</v>
      </c>
      <c r="F1008" s="46">
        <v>8.9</v>
      </c>
      <c r="G1008" s="46">
        <v>0.8</v>
      </c>
      <c r="H1008" s="46">
        <v>0.8</v>
      </c>
      <c r="I1008" s="47">
        <v>0</v>
      </c>
    </row>
    <row r="1009" spans="1:25" ht="21.6" x14ac:dyDescent="0.2">
      <c r="B1009" s="77"/>
      <c r="C1009" s="39" t="s">
        <v>51</v>
      </c>
      <c r="D1009" s="45">
        <v>124</v>
      </c>
      <c r="E1009" s="46">
        <v>88.7</v>
      </c>
      <c r="F1009" s="46">
        <v>7.3</v>
      </c>
      <c r="G1009" s="46">
        <v>1.6</v>
      </c>
      <c r="H1009" s="46">
        <v>2.4</v>
      </c>
      <c r="I1009" s="47">
        <v>0</v>
      </c>
    </row>
    <row r="1010" spans="1:25" ht="21.6" x14ac:dyDescent="0.2">
      <c r="B1010" s="77"/>
      <c r="C1010" s="39" t="s">
        <v>52</v>
      </c>
      <c r="D1010" s="45">
        <v>312</v>
      </c>
      <c r="E1010" s="46">
        <v>81.7</v>
      </c>
      <c r="F1010" s="46">
        <v>11.9</v>
      </c>
      <c r="G1010" s="46">
        <v>1.9</v>
      </c>
      <c r="H1010" s="46">
        <v>4.2</v>
      </c>
      <c r="I1010" s="47">
        <v>0.3</v>
      </c>
    </row>
    <row r="1011" spans="1:25" x14ac:dyDescent="0.2">
      <c r="B1011" s="77"/>
      <c r="C1011" s="39" t="s">
        <v>53</v>
      </c>
      <c r="D1011" s="45">
        <v>269</v>
      </c>
      <c r="E1011" s="46">
        <v>80.3</v>
      </c>
      <c r="F1011" s="46">
        <v>15.2</v>
      </c>
      <c r="G1011" s="46">
        <v>1.9</v>
      </c>
      <c r="H1011" s="46">
        <v>2.6</v>
      </c>
      <c r="I1011" s="47">
        <v>0</v>
      </c>
    </row>
    <row r="1012" spans="1:25" ht="21.6" x14ac:dyDescent="0.2">
      <c r="B1012" s="77"/>
      <c r="C1012" s="39" t="s">
        <v>54</v>
      </c>
      <c r="D1012" s="45">
        <v>511</v>
      </c>
      <c r="E1012" s="46">
        <v>85.9</v>
      </c>
      <c r="F1012" s="46">
        <v>9.4</v>
      </c>
      <c r="G1012" s="46">
        <v>1</v>
      </c>
      <c r="H1012" s="46">
        <v>3.3</v>
      </c>
      <c r="I1012" s="47">
        <v>0.4</v>
      </c>
    </row>
    <row r="1013" spans="1:25" ht="21.6" x14ac:dyDescent="0.2">
      <c r="B1013" s="77"/>
      <c r="C1013" s="39" t="s">
        <v>55</v>
      </c>
      <c r="D1013" s="45">
        <v>615</v>
      </c>
      <c r="E1013" s="46">
        <v>85.7</v>
      </c>
      <c r="F1013" s="46">
        <v>9.4</v>
      </c>
      <c r="G1013" s="46">
        <v>0.8</v>
      </c>
      <c r="H1013" s="46">
        <v>3.4</v>
      </c>
      <c r="I1013" s="47">
        <v>0.7</v>
      </c>
    </row>
    <row r="1014" spans="1:25" ht="21.6" x14ac:dyDescent="0.2">
      <c r="B1014" s="77"/>
      <c r="C1014" s="39" t="s">
        <v>56</v>
      </c>
      <c r="D1014" s="45">
        <v>800</v>
      </c>
      <c r="E1014" s="46">
        <v>85.8</v>
      </c>
      <c r="F1014" s="46">
        <v>8.8000000000000007</v>
      </c>
      <c r="G1014" s="46">
        <v>0.6</v>
      </c>
      <c r="H1014" s="46">
        <v>4</v>
      </c>
      <c r="I1014" s="47">
        <v>0.9</v>
      </c>
    </row>
    <row r="1015" spans="1:25" x14ac:dyDescent="0.2">
      <c r="B1015" s="77"/>
      <c r="C1015" s="40" t="s">
        <v>57</v>
      </c>
      <c r="D1015" s="48">
        <v>798</v>
      </c>
      <c r="E1015" s="49">
        <v>85</v>
      </c>
      <c r="F1015" s="49">
        <v>10.5</v>
      </c>
      <c r="G1015" s="49">
        <v>1.6</v>
      </c>
      <c r="H1015" s="49">
        <v>2.2999999999999998</v>
      </c>
      <c r="I1015" s="50">
        <v>0.6</v>
      </c>
    </row>
    <row r="1017" spans="1:25" x14ac:dyDescent="0.2">
      <c r="C1017" t="s">
        <v>35</v>
      </c>
    </row>
    <row r="1018" spans="1:25" x14ac:dyDescent="0.2">
      <c r="B1018" s="75" t="s">
        <v>275</v>
      </c>
      <c r="C1018" s="76"/>
      <c r="D1018" s="76"/>
      <c r="E1018" s="76"/>
      <c r="F1018" s="76"/>
      <c r="G1018" s="76"/>
      <c r="H1018" s="76"/>
      <c r="I1018" s="76"/>
      <c r="J1018" s="76"/>
      <c r="K1018" s="76"/>
      <c r="L1018" s="76"/>
      <c r="M1018" s="76"/>
      <c r="N1018" s="76"/>
      <c r="O1018" s="76"/>
      <c r="P1018" s="76"/>
      <c r="Q1018" s="76"/>
      <c r="R1018" s="76"/>
      <c r="S1018" s="76"/>
      <c r="T1018" s="76"/>
      <c r="U1018" s="76"/>
      <c r="V1018" s="76"/>
      <c r="W1018" s="76"/>
      <c r="X1018" s="76"/>
      <c r="Y1018" s="76"/>
    </row>
    <row r="1019" spans="1:25" s="32" customFormat="1" ht="47.25" customHeight="1" x14ac:dyDescent="0.15">
      <c r="A1019" s="31"/>
      <c r="D1019" s="33" t="s">
        <v>378</v>
      </c>
      <c r="E1019" s="36" t="s">
        <v>511</v>
      </c>
      <c r="F1019" s="55" t="s">
        <v>512</v>
      </c>
      <c r="G1019" s="55" t="s">
        <v>513</v>
      </c>
      <c r="H1019" s="55" t="s">
        <v>514</v>
      </c>
      <c r="I1019" s="37" t="s">
        <v>480</v>
      </c>
      <c r="J1019" s="35" t="s">
        <v>381</v>
      </c>
    </row>
    <row r="1020" spans="1:25" ht="21.6" x14ac:dyDescent="0.2">
      <c r="B1020" s="77" t="s">
        <v>37</v>
      </c>
      <c r="C1020" s="38" t="s">
        <v>58</v>
      </c>
      <c r="D1020" s="51">
        <v>609</v>
      </c>
      <c r="E1020" s="52">
        <v>85.4</v>
      </c>
      <c r="F1020" s="52">
        <v>9.6999999999999993</v>
      </c>
      <c r="G1020" s="52">
        <v>0.7</v>
      </c>
      <c r="H1020" s="52">
        <v>3.4</v>
      </c>
      <c r="I1020" s="53">
        <v>0.8</v>
      </c>
    </row>
    <row r="1021" spans="1:25" ht="21.6" x14ac:dyDescent="0.2">
      <c r="B1021" s="77"/>
      <c r="C1021" s="39" t="s">
        <v>59</v>
      </c>
      <c r="D1021" s="45">
        <v>1391</v>
      </c>
      <c r="E1021" s="46">
        <v>79.400000000000006</v>
      </c>
      <c r="F1021" s="46">
        <v>12.6</v>
      </c>
      <c r="G1021" s="46">
        <v>1.8</v>
      </c>
      <c r="H1021" s="46">
        <v>5</v>
      </c>
      <c r="I1021" s="47">
        <v>1.2</v>
      </c>
    </row>
    <row r="1022" spans="1:25" x14ac:dyDescent="0.2">
      <c r="B1022" s="77"/>
      <c r="C1022" s="39" t="s">
        <v>60</v>
      </c>
      <c r="D1022" s="45">
        <v>1325</v>
      </c>
      <c r="E1022" s="46">
        <v>81.400000000000006</v>
      </c>
      <c r="F1022" s="46">
        <v>12.3</v>
      </c>
      <c r="G1022" s="46">
        <v>1.1000000000000001</v>
      </c>
      <c r="H1022" s="46">
        <v>3.8</v>
      </c>
      <c r="I1022" s="47">
        <v>1.4</v>
      </c>
    </row>
    <row r="1023" spans="1:25" x14ac:dyDescent="0.2">
      <c r="B1023" s="77"/>
      <c r="C1023" s="39" t="s">
        <v>61</v>
      </c>
      <c r="D1023" s="45">
        <v>675</v>
      </c>
      <c r="E1023" s="46">
        <v>80.900000000000006</v>
      </c>
      <c r="F1023" s="46">
        <v>10.5</v>
      </c>
      <c r="G1023" s="46">
        <v>2.1</v>
      </c>
      <c r="H1023" s="46">
        <v>5.9</v>
      </c>
      <c r="I1023" s="47">
        <v>0.6</v>
      </c>
    </row>
    <row r="1024" spans="1:25" x14ac:dyDescent="0.2">
      <c r="B1024" s="77"/>
      <c r="C1024" s="39" t="s">
        <v>62</v>
      </c>
      <c r="D1024" s="45">
        <v>1086</v>
      </c>
      <c r="E1024" s="46">
        <v>86.6</v>
      </c>
      <c r="F1024" s="46">
        <v>8.8000000000000007</v>
      </c>
      <c r="G1024" s="46">
        <v>1.1000000000000001</v>
      </c>
      <c r="H1024" s="46">
        <v>2.2999999999999998</v>
      </c>
      <c r="I1024" s="47">
        <v>1.1000000000000001</v>
      </c>
    </row>
    <row r="1025" spans="2:9" ht="21.6" x14ac:dyDescent="0.2">
      <c r="B1025" s="77"/>
      <c r="C1025" s="39" t="s">
        <v>63</v>
      </c>
      <c r="D1025" s="45">
        <v>203</v>
      </c>
      <c r="E1025" s="46">
        <v>71.900000000000006</v>
      </c>
      <c r="F1025" s="46">
        <v>14.8</v>
      </c>
      <c r="G1025" s="46">
        <v>1</v>
      </c>
      <c r="H1025" s="46">
        <v>8.9</v>
      </c>
      <c r="I1025" s="47">
        <v>3.4</v>
      </c>
    </row>
    <row r="1026" spans="2:9" x14ac:dyDescent="0.2">
      <c r="B1026" s="77"/>
      <c r="C1026" s="39" t="s">
        <v>64</v>
      </c>
      <c r="D1026" s="45">
        <v>263</v>
      </c>
      <c r="E1026" s="46">
        <v>90.9</v>
      </c>
      <c r="F1026" s="46">
        <v>7.6</v>
      </c>
      <c r="G1026" s="46">
        <v>0.4</v>
      </c>
      <c r="H1026" s="46">
        <v>0.8</v>
      </c>
      <c r="I1026" s="47">
        <v>0.4</v>
      </c>
    </row>
    <row r="1027" spans="2:9" x14ac:dyDescent="0.2">
      <c r="B1027" s="77"/>
      <c r="C1027" s="39" t="s">
        <v>65</v>
      </c>
      <c r="D1027" s="45">
        <v>312</v>
      </c>
      <c r="E1027" s="46">
        <v>89.4</v>
      </c>
      <c r="F1027" s="46">
        <v>8</v>
      </c>
      <c r="G1027" s="46">
        <v>1.3</v>
      </c>
      <c r="H1027" s="46">
        <v>0.3</v>
      </c>
      <c r="I1027" s="47">
        <v>1</v>
      </c>
    </row>
    <row r="1028" spans="2:9" x14ac:dyDescent="0.2">
      <c r="B1028" s="77"/>
      <c r="C1028" s="39" t="s">
        <v>66</v>
      </c>
      <c r="D1028" s="45">
        <v>230</v>
      </c>
      <c r="E1028" s="46">
        <v>91.3</v>
      </c>
      <c r="F1028" s="46">
        <v>6.1</v>
      </c>
      <c r="G1028" s="46">
        <v>0.4</v>
      </c>
      <c r="H1028" s="46">
        <v>1.7</v>
      </c>
      <c r="I1028" s="47">
        <v>0.4</v>
      </c>
    </row>
    <row r="1029" spans="2:9" x14ac:dyDescent="0.2">
      <c r="B1029" s="77"/>
      <c r="C1029" s="39" t="s">
        <v>67</v>
      </c>
      <c r="D1029" s="45">
        <v>78</v>
      </c>
      <c r="E1029" s="46">
        <v>85.9</v>
      </c>
      <c r="F1029" s="46">
        <v>9</v>
      </c>
      <c r="G1029" s="46">
        <v>5.0999999999999996</v>
      </c>
      <c r="H1029" s="46">
        <v>0</v>
      </c>
      <c r="I1029" s="47">
        <v>0</v>
      </c>
    </row>
    <row r="1030" spans="2:9" x14ac:dyDescent="0.2">
      <c r="B1030" s="77"/>
      <c r="C1030" s="39" t="s">
        <v>68</v>
      </c>
      <c r="D1030" s="45">
        <v>897</v>
      </c>
      <c r="E1030" s="46">
        <v>90.9</v>
      </c>
      <c r="F1030" s="46">
        <v>6.6</v>
      </c>
      <c r="G1030" s="46">
        <v>0.3</v>
      </c>
      <c r="H1030" s="46">
        <v>1.6</v>
      </c>
      <c r="I1030" s="47">
        <v>0.7</v>
      </c>
    </row>
    <row r="1031" spans="2:9" x14ac:dyDescent="0.2">
      <c r="B1031" s="77"/>
      <c r="C1031" s="39" t="s">
        <v>69</v>
      </c>
      <c r="D1031" s="45">
        <v>189</v>
      </c>
      <c r="E1031" s="46">
        <v>66.7</v>
      </c>
      <c r="F1031" s="46">
        <v>19.600000000000001</v>
      </c>
      <c r="G1031" s="46">
        <v>4.8</v>
      </c>
      <c r="H1031" s="46">
        <v>5.8</v>
      </c>
      <c r="I1031" s="47">
        <v>3.2</v>
      </c>
    </row>
    <row r="1032" spans="2:9" x14ac:dyDescent="0.2">
      <c r="B1032" s="77"/>
      <c r="C1032" s="39" t="s">
        <v>70</v>
      </c>
      <c r="D1032" s="45">
        <v>914</v>
      </c>
      <c r="E1032" s="46">
        <v>74.8</v>
      </c>
      <c r="F1032" s="46">
        <v>15.1</v>
      </c>
      <c r="G1032" s="46">
        <v>1.9</v>
      </c>
      <c r="H1032" s="46">
        <v>7.1</v>
      </c>
      <c r="I1032" s="47">
        <v>1.1000000000000001</v>
      </c>
    </row>
    <row r="1033" spans="2:9" ht="21.6" x14ac:dyDescent="0.2">
      <c r="B1033" s="77"/>
      <c r="C1033" s="39" t="s">
        <v>63</v>
      </c>
      <c r="D1033" s="45">
        <v>193</v>
      </c>
      <c r="E1033" s="46">
        <v>59.6</v>
      </c>
      <c r="F1033" s="46">
        <v>20.7</v>
      </c>
      <c r="G1033" s="46">
        <v>1</v>
      </c>
      <c r="H1033" s="46">
        <v>16.100000000000001</v>
      </c>
      <c r="I1033" s="47">
        <v>2.6</v>
      </c>
    </row>
    <row r="1034" spans="2:9" x14ac:dyDescent="0.2">
      <c r="B1034" s="77"/>
      <c r="C1034" s="39" t="s">
        <v>64</v>
      </c>
      <c r="D1034" s="45">
        <v>203</v>
      </c>
      <c r="E1034" s="46">
        <v>79.3</v>
      </c>
      <c r="F1034" s="46">
        <v>16.3</v>
      </c>
      <c r="G1034" s="46">
        <v>1.5</v>
      </c>
      <c r="H1034" s="46">
        <v>2.5</v>
      </c>
      <c r="I1034" s="47">
        <v>0.5</v>
      </c>
    </row>
    <row r="1035" spans="2:9" x14ac:dyDescent="0.2">
      <c r="B1035" s="77"/>
      <c r="C1035" s="39" t="s">
        <v>65</v>
      </c>
      <c r="D1035" s="45">
        <v>263</v>
      </c>
      <c r="E1035" s="46">
        <v>74.099999999999994</v>
      </c>
      <c r="F1035" s="46">
        <v>17.5</v>
      </c>
      <c r="G1035" s="46">
        <v>2.7</v>
      </c>
      <c r="H1035" s="46">
        <v>4.2</v>
      </c>
      <c r="I1035" s="47">
        <v>1.5</v>
      </c>
    </row>
    <row r="1036" spans="2:9" x14ac:dyDescent="0.2">
      <c r="B1036" s="77"/>
      <c r="C1036" s="39" t="s">
        <v>66</v>
      </c>
      <c r="D1036" s="45">
        <v>194</v>
      </c>
      <c r="E1036" s="46">
        <v>83</v>
      </c>
      <c r="F1036" s="46">
        <v>8.8000000000000007</v>
      </c>
      <c r="G1036" s="46">
        <v>1.5</v>
      </c>
      <c r="H1036" s="46">
        <v>6.7</v>
      </c>
      <c r="I1036" s="47">
        <v>0</v>
      </c>
    </row>
    <row r="1037" spans="2:9" x14ac:dyDescent="0.2">
      <c r="B1037" s="77"/>
      <c r="C1037" s="39" t="s">
        <v>67</v>
      </c>
      <c r="D1037" s="45">
        <v>61</v>
      </c>
      <c r="E1037" s="46">
        <v>85.2</v>
      </c>
      <c r="F1037" s="46">
        <v>3.3</v>
      </c>
      <c r="G1037" s="46">
        <v>3.3</v>
      </c>
      <c r="H1037" s="46">
        <v>8.1999999999999993</v>
      </c>
      <c r="I1037" s="47">
        <v>0</v>
      </c>
    </row>
    <row r="1038" spans="2:9" x14ac:dyDescent="0.2">
      <c r="B1038" s="77"/>
      <c r="C1038" s="39" t="s">
        <v>68</v>
      </c>
      <c r="D1038" s="45">
        <v>416</v>
      </c>
      <c r="E1038" s="46">
        <v>86.1</v>
      </c>
      <c r="F1038" s="46">
        <v>8.6999999999999993</v>
      </c>
      <c r="G1038" s="46">
        <v>0.2</v>
      </c>
      <c r="H1038" s="46">
        <v>4.3</v>
      </c>
      <c r="I1038" s="47">
        <v>0.7</v>
      </c>
    </row>
    <row r="1039" spans="2:9" x14ac:dyDescent="0.2">
      <c r="B1039" s="77"/>
      <c r="C1039" s="40" t="s">
        <v>69</v>
      </c>
      <c r="D1039" s="48">
        <v>498</v>
      </c>
      <c r="E1039" s="49">
        <v>65.5</v>
      </c>
      <c r="F1039" s="49">
        <v>20.5</v>
      </c>
      <c r="G1039" s="49">
        <v>3.2</v>
      </c>
      <c r="H1039" s="49">
        <v>9.4</v>
      </c>
      <c r="I1039" s="50">
        <v>1.4</v>
      </c>
    </row>
    <row r="1041" spans="1:25" x14ac:dyDescent="0.2">
      <c r="A1041" s="26" t="s">
        <v>25</v>
      </c>
      <c r="B1041" t="s">
        <v>35</v>
      </c>
      <c r="C1041" t="s">
        <v>35</v>
      </c>
    </row>
    <row r="1042" spans="1:25" x14ac:dyDescent="0.2">
      <c r="B1042" s="75" t="s">
        <v>96</v>
      </c>
      <c r="C1042" s="76"/>
      <c r="D1042" s="76"/>
      <c r="E1042" s="76"/>
      <c r="F1042" s="76"/>
      <c r="G1042" s="76"/>
      <c r="H1042" s="76"/>
      <c r="I1042" s="76"/>
      <c r="J1042" s="76"/>
      <c r="K1042" s="76"/>
      <c r="L1042" s="76"/>
      <c r="M1042" s="76"/>
      <c r="N1042" s="76"/>
      <c r="O1042" s="76"/>
      <c r="P1042" s="76"/>
      <c r="Q1042" s="76"/>
      <c r="R1042" s="76"/>
      <c r="S1042" s="76"/>
      <c r="T1042" s="76"/>
      <c r="U1042" s="76"/>
      <c r="V1042" s="76"/>
      <c r="W1042" s="76"/>
      <c r="X1042" s="76"/>
      <c r="Y1042" s="76"/>
    </row>
    <row r="1043" spans="1:25" s="32" customFormat="1" ht="36.450000000000003" customHeight="1" x14ac:dyDescent="0.15">
      <c r="A1043" s="31"/>
      <c r="D1043" s="33" t="s">
        <v>378</v>
      </c>
      <c r="E1043" s="36" t="s">
        <v>515</v>
      </c>
      <c r="F1043" s="55" t="s">
        <v>516</v>
      </c>
      <c r="G1043" s="55" t="s">
        <v>513</v>
      </c>
      <c r="H1043" s="55" t="s">
        <v>514</v>
      </c>
      <c r="I1043" s="37" t="s">
        <v>480</v>
      </c>
      <c r="J1043" s="35" t="s">
        <v>381</v>
      </c>
    </row>
    <row r="1044" spans="1:25" x14ac:dyDescent="0.2">
      <c r="B1044" s="5"/>
      <c r="C1044" s="41" t="s">
        <v>38</v>
      </c>
      <c r="D1044" s="42">
        <v>2000</v>
      </c>
      <c r="E1044" s="43">
        <v>66.099999999999994</v>
      </c>
      <c r="F1044" s="43">
        <v>26.9</v>
      </c>
      <c r="G1044" s="43">
        <v>1.5</v>
      </c>
      <c r="H1044" s="43">
        <v>4.5</v>
      </c>
      <c r="I1044" s="44">
        <v>1.1000000000000001</v>
      </c>
    </row>
    <row r="1045" spans="1:25" x14ac:dyDescent="0.2">
      <c r="B1045" s="77" t="s">
        <v>37</v>
      </c>
      <c r="C1045" s="39" t="s">
        <v>39</v>
      </c>
      <c r="D1045" s="45">
        <v>111</v>
      </c>
      <c r="E1045" s="46">
        <v>85.6</v>
      </c>
      <c r="F1045" s="46">
        <v>12.6</v>
      </c>
      <c r="G1045" s="46">
        <v>0.9</v>
      </c>
      <c r="H1045" s="46">
        <v>0.9</v>
      </c>
      <c r="I1045" s="47">
        <v>0</v>
      </c>
    </row>
    <row r="1046" spans="1:25" x14ac:dyDescent="0.2">
      <c r="B1046" s="77"/>
      <c r="C1046" s="39" t="s">
        <v>40</v>
      </c>
      <c r="D1046" s="45">
        <v>450</v>
      </c>
      <c r="E1046" s="46">
        <v>78.2</v>
      </c>
      <c r="F1046" s="46">
        <v>17.600000000000001</v>
      </c>
      <c r="G1046" s="46">
        <v>1.3</v>
      </c>
      <c r="H1046" s="46">
        <v>2.9</v>
      </c>
      <c r="I1046" s="47">
        <v>0</v>
      </c>
    </row>
    <row r="1047" spans="1:25" ht="21.6" x14ac:dyDescent="0.2">
      <c r="B1047" s="77"/>
      <c r="C1047" s="39" t="s">
        <v>41</v>
      </c>
      <c r="D1047" s="45">
        <v>30</v>
      </c>
      <c r="E1047" s="46">
        <v>46.7</v>
      </c>
      <c r="F1047" s="46">
        <v>36.700000000000003</v>
      </c>
      <c r="G1047" s="46">
        <v>3.3</v>
      </c>
      <c r="H1047" s="46">
        <v>10</v>
      </c>
      <c r="I1047" s="47">
        <v>3.3</v>
      </c>
    </row>
    <row r="1048" spans="1:25" ht="21.6" x14ac:dyDescent="0.2">
      <c r="B1048" s="77"/>
      <c r="C1048" s="39" t="s">
        <v>42</v>
      </c>
      <c r="D1048" s="45">
        <v>336</v>
      </c>
      <c r="E1048" s="46">
        <v>78.599999999999994</v>
      </c>
      <c r="F1048" s="46">
        <v>15.8</v>
      </c>
      <c r="G1048" s="46">
        <v>0.3</v>
      </c>
      <c r="H1048" s="46">
        <v>3.3</v>
      </c>
      <c r="I1048" s="47">
        <v>2.1</v>
      </c>
    </row>
    <row r="1049" spans="1:25" ht="21.6" x14ac:dyDescent="0.2">
      <c r="B1049" s="77"/>
      <c r="C1049" s="39" t="s">
        <v>43</v>
      </c>
      <c r="D1049" s="45">
        <v>327</v>
      </c>
      <c r="E1049" s="46">
        <v>47.7</v>
      </c>
      <c r="F1049" s="46">
        <v>41.3</v>
      </c>
      <c r="G1049" s="46">
        <v>2.1</v>
      </c>
      <c r="H1049" s="46">
        <v>7.3</v>
      </c>
      <c r="I1049" s="47">
        <v>1.5</v>
      </c>
    </row>
    <row r="1050" spans="1:25" ht="21.6" x14ac:dyDescent="0.2">
      <c r="B1050" s="77"/>
      <c r="C1050" s="39" t="s">
        <v>44</v>
      </c>
      <c r="D1050" s="45">
        <v>181</v>
      </c>
      <c r="E1050" s="46">
        <v>75.7</v>
      </c>
      <c r="F1050" s="46">
        <v>18.8</v>
      </c>
      <c r="G1050" s="46">
        <v>1.7</v>
      </c>
      <c r="H1050" s="46">
        <v>3.3</v>
      </c>
      <c r="I1050" s="47">
        <v>0.6</v>
      </c>
    </row>
    <row r="1051" spans="1:25" ht="21.6" x14ac:dyDescent="0.2">
      <c r="B1051" s="77"/>
      <c r="C1051" s="39" t="s">
        <v>45</v>
      </c>
      <c r="D1051" s="45">
        <v>565</v>
      </c>
      <c r="E1051" s="46">
        <v>53.8</v>
      </c>
      <c r="F1051" s="46">
        <v>37.299999999999997</v>
      </c>
      <c r="G1051" s="46">
        <v>1.8</v>
      </c>
      <c r="H1051" s="46">
        <v>5.7</v>
      </c>
      <c r="I1051" s="47">
        <v>1.4</v>
      </c>
    </row>
    <row r="1052" spans="1:25" ht="21.6" x14ac:dyDescent="0.2">
      <c r="B1052" s="77"/>
      <c r="C1052" s="39" t="s">
        <v>46</v>
      </c>
      <c r="D1052" s="45">
        <v>473</v>
      </c>
      <c r="E1052" s="46">
        <v>48.6</v>
      </c>
      <c r="F1052" s="46">
        <v>41.2</v>
      </c>
      <c r="G1052" s="46">
        <v>2.7</v>
      </c>
      <c r="H1052" s="46">
        <v>6.8</v>
      </c>
      <c r="I1052" s="47">
        <v>0.6</v>
      </c>
    </row>
    <row r="1053" spans="1:25" ht="21.6" x14ac:dyDescent="0.2">
      <c r="B1053" s="77"/>
      <c r="C1053" s="39" t="s">
        <v>47</v>
      </c>
      <c r="D1053" s="45">
        <v>441</v>
      </c>
      <c r="E1053" s="46">
        <v>71.2</v>
      </c>
      <c r="F1053" s="46">
        <v>23.8</v>
      </c>
      <c r="G1053" s="46">
        <v>1.1000000000000001</v>
      </c>
      <c r="H1053" s="46">
        <v>2.7</v>
      </c>
      <c r="I1053" s="47">
        <v>1.1000000000000001</v>
      </c>
    </row>
    <row r="1054" spans="1:25" ht="21.6" x14ac:dyDescent="0.2">
      <c r="B1054" s="77"/>
      <c r="C1054" s="39" t="s">
        <v>48</v>
      </c>
      <c r="D1054" s="45">
        <v>305</v>
      </c>
      <c r="E1054" s="46">
        <v>80</v>
      </c>
      <c r="F1054" s="46">
        <v>18</v>
      </c>
      <c r="G1054" s="46">
        <v>0.7</v>
      </c>
      <c r="H1054" s="46">
        <v>1.3</v>
      </c>
      <c r="I1054" s="47">
        <v>0</v>
      </c>
    </row>
    <row r="1055" spans="1:25" ht="21.6" x14ac:dyDescent="0.2">
      <c r="B1055" s="77"/>
      <c r="C1055" s="39" t="s">
        <v>49</v>
      </c>
      <c r="D1055" s="45">
        <v>223</v>
      </c>
      <c r="E1055" s="46">
        <v>79.8</v>
      </c>
      <c r="F1055" s="46">
        <v>17</v>
      </c>
      <c r="G1055" s="46">
        <v>0.4</v>
      </c>
      <c r="H1055" s="46">
        <v>2.2000000000000002</v>
      </c>
      <c r="I1055" s="47">
        <v>0.4</v>
      </c>
    </row>
    <row r="1056" spans="1:25" ht="21.6" x14ac:dyDescent="0.2">
      <c r="B1056" s="77"/>
      <c r="C1056" s="39" t="s">
        <v>50</v>
      </c>
      <c r="D1056" s="45">
        <v>123</v>
      </c>
      <c r="E1056" s="46">
        <v>85.4</v>
      </c>
      <c r="F1056" s="46">
        <v>13</v>
      </c>
      <c r="G1056" s="46">
        <v>0.8</v>
      </c>
      <c r="H1056" s="46">
        <v>0.8</v>
      </c>
      <c r="I1056" s="47">
        <v>0</v>
      </c>
    </row>
    <row r="1057" spans="1:25" ht="21.6" x14ac:dyDescent="0.2">
      <c r="B1057" s="77"/>
      <c r="C1057" s="39" t="s">
        <v>51</v>
      </c>
      <c r="D1057" s="45">
        <v>124</v>
      </c>
      <c r="E1057" s="46">
        <v>76.599999999999994</v>
      </c>
      <c r="F1057" s="46">
        <v>19.399999999999999</v>
      </c>
      <c r="G1057" s="46">
        <v>1.6</v>
      </c>
      <c r="H1057" s="46">
        <v>2.4</v>
      </c>
      <c r="I1057" s="47">
        <v>0</v>
      </c>
    </row>
    <row r="1058" spans="1:25" ht="21.6" x14ac:dyDescent="0.2">
      <c r="B1058" s="77"/>
      <c r="C1058" s="39" t="s">
        <v>52</v>
      </c>
      <c r="D1058" s="45">
        <v>312</v>
      </c>
      <c r="E1058" s="46">
        <v>64.7</v>
      </c>
      <c r="F1058" s="46">
        <v>28.8</v>
      </c>
      <c r="G1058" s="46">
        <v>1.9</v>
      </c>
      <c r="H1058" s="46">
        <v>4.2</v>
      </c>
      <c r="I1058" s="47">
        <v>0.3</v>
      </c>
    </row>
    <row r="1059" spans="1:25" x14ac:dyDescent="0.2">
      <c r="B1059" s="77"/>
      <c r="C1059" s="39" t="s">
        <v>53</v>
      </c>
      <c r="D1059" s="45">
        <v>269</v>
      </c>
      <c r="E1059" s="46">
        <v>64.7</v>
      </c>
      <c r="F1059" s="46">
        <v>30.9</v>
      </c>
      <c r="G1059" s="46">
        <v>1.9</v>
      </c>
      <c r="H1059" s="46">
        <v>2.6</v>
      </c>
      <c r="I1059" s="47">
        <v>0</v>
      </c>
    </row>
    <row r="1060" spans="1:25" ht="21.6" x14ac:dyDescent="0.2">
      <c r="B1060" s="77"/>
      <c r="C1060" s="39" t="s">
        <v>54</v>
      </c>
      <c r="D1060" s="45">
        <v>511</v>
      </c>
      <c r="E1060" s="46">
        <v>76.7</v>
      </c>
      <c r="F1060" s="46">
        <v>18.600000000000001</v>
      </c>
      <c r="G1060" s="46">
        <v>1</v>
      </c>
      <c r="H1060" s="46">
        <v>3.3</v>
      </c>
      <c r="I1060" s="47">
        <v>0.4</v>
      </c>
    </row>
    <row r="1061" spans="1:25" ht="21.6" x14ac:dyDescent="0.2">
      <c r="B1061" s="77"/>
      <c r="C1061" s="39" t="s">
        <v>55</v>
      </c>
      <c r="D1061" s="45">
        <v>615</v>
      </c>
      <c r="E1061" s="46">
        <v>76.3</v>
      </c>
      <c r="F1061" s="46">
        <v>18.899999999999999</v>
      </c>
      <c r="G1061" s="46">
        <v>0.8</v>
      </c>
      <c r="H1061" s="46">
        <v>3.4</v>
      </c>
      <c r="I1061" s="47">
        <v>0.7</v>
      </c>
    </row>
    <row r="1062" spans="1:25" ht="21.6" x14ac:dyDescent="0.2">
      <c r="B1062" s="77"/>
      <c r="C1062" s="39" t="s">
        <v>56</v>
      </c>
      <c r="D1062" s="45">
        <v>800</v>
      </c>
      <c r="E1062" s="46">
        <v>76.599999999999994</v>
      </c>
      <c r="F1062" s="46">
        <v>17.899999999999999</v>
      </c>
      <c r="G1062" s="46">
        <v>0.6</v>
      </c>
      <c r="H1062" s="46">
        <v>4</v>
      </c>
      <c r="I1062" s="47">
        <v>0.9</v>
      </c>
    </row>
    <row r="1063" spans="1:25" x14ac:dyDescent="0.2">
      <c r="B1063" s="77"/>
      <c r="C1063" s="40" t="s">
        <v>57</v>
      </c>
      <c r="D1063" s="48">
        <v>798</v>
      </c>
      <c r="E1063" s="49">
        <v>71.7</v>
      </c>
      <c r="F1063" s="49">
        <v>23.8</v>
      </c>
      <c r="G1063" s="49">
        <v>1.6</v>
      </c>
      <c r="H1063" s="49">
        <v>2.2999999999999998</v>
      </c>
      <c r="I1063" s="50">
        <v>0.6</v>
      </c>
    </row>
    <row r="1065" spans="1:25" x14ac:dyDescent="0.2">
      <c r="C1065" t="s">
        <v>35</v>
      </c>
    </row>
    <row r="1066" spans="1:25" x14ac:dyDescent="0.2">
      <c r="B1066" s="75" t="s">
        <v>276</v>
      </c>
      <c r="C1066" s="76"/>
      <c r="D1066" s="76"/>
      <c r="E1066" s="76"/>
      <c r="F1066" s="76"/>
      <c r="G1066" s="76"/>
      <c r="H1066" s="76"/>
      <c r="I1066" s="76"/>
      <c r="J1066" s="76"/>
      <c r="K1066" s="76"/>
      <c r="L1066" s="76"/>
      <c r="M1066" s="76"/>
      <c r="N1066" s="76"/>
      <c r="O1066" s="76"/>
      <c r="P1066" s="76"/>
      <c r="Q1066" s="76"/>
      <c r="R1066" s="76"/>
      <c r="S1066" s="76"/>
      <c r="T1066" s="76"/>
      <c r="U1066" s="76"/>
      <c r="V1066" s="76"/>
      <c r="W1066" s="76"/>
      <c r="X1066" s="76"/>
      <c r="Y1066" s="76"/>
    </row>
    <row r="1067" spans="1:25" s="32" customFormat="1" ht="36.450000000000003" customHeight="1" x14ac:dyDescent="0.15">
      <c r="A1067" s="31"/>
      <c r="D1067" s="33" t="s">
        <v>378</v>
      </c>
      <c r="E1067" s="36" t="s">
        <v>515</v>
      </c>
      <c r="F1067" s="55" t="s">
        <v>516</v>
      </c>
      <c r="G1067" s="55" t="s">
        <v>513</v>
      </c>
      <c r="H1067" s="55" t="s">
        <v>514</v>
      </c>
      <c r="I1067" s="37" t="s">
        <v>480</v>
      </c>
      <c r="J1067" s="35" t="s">
        <v>381</v>
      </c>
    </row>
    <row r="1068" spans="1:25" ht="21.6" x14ac:dyDescent="0.2">
      <c r="B1068" s="77" t="s">
        <v>37</v>
      </c>
      <c r="C1068" s="38" t="s">
        <v>58</v>
      </c>
      <c r="D1068" s="51">
        <v>609</v>
      </c>
      <c r="E1068" s="52">
        <v>79.599999999999994</v>
      </c>
      <c r="F1068" s="52">
        <v>15.4</v>
      </c>
      <c r="G1068" s="52">
        <v>0.7</v>
      </c>
      <c r="H1068" s="52">
        <v>3.4</v>
      </c>
      <c r="I1068" s="53">
        <v>0.8</v>
      </c>
    </row>
    <row r="1069" spans="1:25" ht="21.6" x14ac:dyDescent="0.2">
      <c r="B1069" s="77"/>
      <c r="C1069" s="39" t="s">
        <v>59</v>
      </c>
      <c r="D1069" s="45">
        <v>1391</v>
      </c>
      <c r="E1069" s="46">
        <v>60.2</v>
      </c>
      <c r="F1069" s="46">
        <v>31.8</v>
      </c>
      <c r="G1069" s="46">
        <v>1.8</v>
      </c>
      <c r="H1069" s="46">
        <v>5</v>
      </c>
      <c r="I1069" s="47">
        <v>1.2</v>
      </c>
    </row>
    <row r="1070" spans="1:25" x14ac:dyDescent="0.2">
      <c r="B1070" s="77"/>
      <c r="C1070" s="39" t="s">
        <v>60</v>
      </c>
      <c r="D1070" s="45">
        <v>1325</v>
      </c>
      <c r="E1070" s="46">
        <v>66.900000000000006</v>
      </c>
      <c r="F1070" s="46">
        <v>26.8</v>
      </c>
      <c r="G1070" s="46">
        <v>1.1000000000000001</v>
      </c>
      <c r="H1070" s="46">
        <v>3.8</v>
      </c>
      <c r="I1070" s="47">
        <v>1.4</v>
      </c>
    </row>
    <row r="1071" spans="1:25" x14ac:dyDescent="0.2">
      <c r="B1071" s="77"/>
      <c r="C1071" s="39" t="s">
        <v>61</v>
      </c>
      <c r="D1071" s="45">
        <v>675</v>
      </c>
      <c r="E1071" s="46">
        <v>64.400000000000006</v>
      </c>
      <c r="F1071" s="46">
        <v>27</v>
      </c>
      <c r="G1071" s="46">
        <v>2.1</v>
      </c>
      <c r="H1071" s="46">
        <v>5.9</v>
      </c>
      <c r="I1071" s="47">
        <v>0.6</v>
      </c>
    </row>
    <row r="1072" spans="1:25" x14ac:dyDescent="0.2">
      <c r="B1072" s="77"/>
      <c r="C1072" s="39" t="s">
        <v>62</v>
      </c>
      <c r="D1072" s="45">
        <v>1086</v>
      </c>
      <c r="E1072" s="46">
        <v>82.1</v>
      </c>
      <c r="F1072" s="46">
        <v>13.4</v>
      </c>
      <c r="G1072" s="46">
        <v>1.1000000000000001</v>
      </c>
      <c r="H1072" s="46">
        <v>2.2999999999999998</v>
      </c>
      <c r="I1072" s="47">
        <v>1.1000000000000001</v>
      </c>
    </row>
    <row r="1073" spans="2:9" ht="21.6" x14ac:dyDescent="0.2">
      <c r="B1073" s="77"/>
      <c r="C1073" s="39" t="s">
        <v>63</v>
      </c>
      <c r="D1073" s="45">
        <v>203</v>
      </c>
      <c r="E1073" s="46">
        <v>63.1</v>
      </c>
      <c r="F1073" s="46">
        <v>23.6</v>
      </c>
      <c r="G1073" s="46">
        <v>1</v>
      </c>
      <c r="H1073" s="46">
        <v>8.9</v>
      </c>
      <c r="I1073" s="47">
        <v>3.4</v>
      </c>
    </row>
    <row r="1074" spans="2:9" x14ac:dyDescent="0.2">
      <c r="B1074" s="77"/>
      <c r="C1074" s="39" t="s">
        <v>64</v>
      </c>
      <c r="D1074" s="45">
        <v>263</v>
      </c>
      <c r="E1074" s="46">
        <v>86.7</v>
      </c>
      <c r="F1074" s="46">
        <v>11.8</v>
      </c>
      <c r="G1074" s="46">
        <v>0.4</v>
      </c>
      <c r="H1074" s="46">
        <v>0.8</v>
      </c>
      <c r="I1074" s="47">
        <v>0.4</v>
      </c>
    </row>
    <row r="1075" spans="2:9" x14ac:dyDescent="0.2">
      <c r="B1075" s="77"/>
      <c r="C1075" s="39" t="s">
        <v>65</v>
      </c>
      <c r="D1075" s="45">
        <v>312</v>
      </c>
      <c r="E1075" s="46">
        <v>89.7</v>
      </c>
      <c r="F1075" s="46">
        <v>7.7</v>
      </c>
      <c r="G1075" s="46">
        <v>1.3</v>
      </c>
      <c r="H1075" s="46">
        <v>0.3</v>
      </c>
      <c r="I1075" s="47">
        <v>1</v>
      </c>
    </row>
    <row r="1076" spans="2:9" x14ac:dyDescent="0.2">
      <c r="B1076" s="77"/>
      <c r="C1076" s="39" t="s">
        <v>66</v>
      </c>
      <c r="D1076" s="45">
        <v>230</v>
      </c>
      <c r="E1076" s="46">
        <v>89.1</v>
      </c>
      <c r="F1076" s="46">
        <v>8.3000000000000007</v>
      </c>
      <c r="G1076" s="46">
        <v>0.4</v>
      </c>
      <c r="H1076" s="46">
        <v>1.7</v>
      </c>
      <c r="I1076" s="47">
        <v>0.4</v>
      </c>
    </row>
    <row r="1077" spans="2:9" x14ac:dyDescent="0.2">
      <c r="B1077" s="77"/>
      <c r="C1077" s="39" t="s">
        <v>67</v>
      </c>
      <c r="D1077" s="45">
        <v>78</v>
      </c>
      <c r="E1077" s="46">
        <v>65.400000000000006</v>
      </c>
      <c r="F1077" s="46">
        <v>29.5</v>
      </c>
      <c r="G1077" s="46">
        <v>5.0999999999999996</v>
      </c>
      <c r="H1077" s="46">
        <v>0</v>
      </c>
      <c r="I1077" s="47">
        <v>0</v>
      </c>
    </row>
    <row r="1078" spans="2:9" x14ac:dyDescent="0.2">
      <c r="B1078" s="77"/>
      <c r="C1078" s="39" t="s">
        <v>68</v>
      </c>
      <c r="D1078" s="45">
        <v>897</v>
      </c>
      <c r="E1078" s="46">
        <v>95.4</v>
      </c>
      <c r="F1078" s="46">
        <v>2</v>
      </c>
      <c r="G1078" s="46">
        <v>0.3</v>
      </c>
      <c r="H1078" s="46">
        <v>1.6</v>
      </c>
      <c r="I1078" s="47">
        <v>0.7</v>
      </c>
    </row>
    <row r="1079" spans="2:9" x14ac:dyDescent="0.2">
      <c r="B1079" s="77"/>
      <c r="C1079" s="39" t="s">
        <v>69</v>
      </c>
      <c r="D1079" s="45">
        <v>189</v>
      </c>
      <c r="E1079" s="46">
        <v>19</v>
      </c>
      <c r="F1079" s="46">
        <v>67.2</v>
      </c>
      <c r="G1079" s="46">
        <v>4.8</v>
      </c>
      <c r="H1079" s="46">
        <v>5.8</v>
      </c>
      <c r="I1079" s="47">
        <v>3.2</v>
      </c>
    </row>
    <row r="1080" spans="2:9" x14ac:dyDescent="0.2">
      <c r="B1080" s="77"/>
      <c r="C1080" s="39" t="s">
        <v>70</v>
      </c>
      <c r="D1080" s="45">
        <v>914</v>
      </c>
      <c r="E1080" s="46">
        <v>47</v>
      </c>
      <c r="F1080" s="46">
        <v>42.9</v>
      </c>
      <c r="G1080" s="46">
        <v>1.9</v>
      </c>
      <c r="H1080" s="46">
        <v>7.1</v>
      </c>
      <c r="I1080" s="47">
        <v>1.1000000000000001</v>
      </c>
    </row>
    <row r="1081" spans="2:9" ht="21.6" x14ac:dyDescent="0.2">
      <c r="B1081" s="77"/>
      <c r="C1081" s="39" t="s">
        <v>63</v>
      </c>
      <c r="D1081" s="45">
        <v>193</v>
      </c>
      <c r="E1081" s="46">
        <v>57</v>
      </c>
      <c r="F1081" s="46">
        <v>23.3</v>
      </c>
      <c r="G1081" s="46">
        <v>1</v>
      </c>
      <c r="H1081" s="46">
        <v>16.100000000000001</v>
      </c>
      <c r="I1081" s="47">
        <v>2.6</v>
      </c>
    </row>
    <row r="1082" spans="2:9" x14ac:dyDescent="0.2">
      <c r="B1082" s="77"/>
      <c r="C1082" s="39" t="s">
        <v>64</v>
      </c>
      <c r="D1082" s="45">
        <v>203</v>
      </c>
      <c r="E1082" s="46">
        <v>60.1</v>
      </c>
      <c r="F1082" s="46">
        <v>35.5</v>
      </c>
      <c r="G1082" s="46">
        <v>1.5</v>
      </c>
      <c r="H1082" s="46">
        <v>2.5</v>
      </c>
      <c r="I1082" s="47">
        <v>0.5</v>
      </c>
    </row>
    <row r="1083" spans="2:9" x14ac:dyDescent="0.2">
      <c r="B1083" s="77"/>
      <c r="C1083" s="39" t="s">
        <v>65</v>
      </c>
      <c r="D1083" s="45">
        <v>263</v>
      </c>
      <c r="E1083" s="46">
        <v>41.4</v>
      </c>
      <c r="F1083" s="46">
        <v>50.2</v>
      </c>
      <c r="G1083" s="46">
        <v>2.7</v>
      </c>
      <c r="H1083" s="46">
        <v>4.2</v>
      </c>
      <c r="I1083" s="47">
        <v>1.5</v>
      </c>
    </row>
    <row r="1084" spans="2:9" x14ac:dyDescent="0.2">
      <c r="B1084" s="77"/>
      <c r="C1084" s="39" t="s">
        <v>66</v>
      </c>
      <c r="D1084" s="45">
        <v>194</v>
      </c>
      <c r="E1084" s="46">
        <v>37.6</v>
      </c>
      <c r="F1084" s="46">
        <v>54.1</v>
      </c>
      <c r="G1084" s="46">
        <v>1.5</v>
      </c>
      <c r="H1084" s="46">
        <v>6.7</v>
      </c>
      <c r="I1084" s="47">
        <v>0</v>
      </c>
    </row>
    <row r="1085" spans="2:9" x14ac:dyDescent="0.2">
      <c r="B1085" s="77"/>
      <c r="C1085" s="39" t="s">
        <v>67</v>
      </c>
      <c r="D1085" s="45">
        <v>61</v>
      </c>
      <c r="E1085" s="46">
        <v>26.2</v>
      </c>
      <c r="F1085" s="46">
        <v>62.3</v>
      </c>
      <c r="G1085" s="46">
        <v>3.3</v>
      </c>
      <c r="H1085" s="46">
        <v>8.1999999999999993</v>
      </c>
      <c r="I1085" s="47">
        <v>0</v>
      </c>
    </row>
    <row r="1086" spans="2:9" x14ac:dyDescent="0.2">
      <c r="B1086" s="77"/>
      <c r="C1086" s="39" t="s">
        <v>68</v>
      </c>
      <c r="D1086" s="45">
        <v>416</v>
      </c>
      <c r="E1086" s="46">
        <v>91.8</v>
      </c>
      <c r="F1086" s="46">
        <v>2.9</v>
      </c>
      <c r="G1086" s="46">
        <v>0.2</v>
      </c>
      <c r="H1086" s="46">
        <v>4.3</v>
      </c>
      <c r="I1086" s="47">
        <v>0.7</v>
      </c>
    </row>
    <row r="1087" spans="2:9" x14ac:dyDescent="0.2">
      <c r="B1087" s="77"/>
      <c r="C1087" s="40" t="s">
        <v>69</v>
      </c>
      <c r="D1087" s="48">
        <v>498</v>
      </c>
      <c r="E1087" s="49">
        <v>9.6</v>
      </c>
      <c r="F1087" s="49">
        <v>76.3</v>
      </c>
      <c r="G1087" s="49">
        <v>3.2</v>
      </c>
      <c r="H1087" s="49">
        <v>9.4</v>
      </c>
      <c r="I1087" s="50">
        <v>1.4</v>
      </c>
    </row>
    <row r="1089" spans="1:25" x14ac:dyDescent="0.2">
      <c r="A1089" s="26" t="s">
        <v>25</v>
      </c>
      <c r="B1089" t="s">
        <v>35</v>
      </c>
      <c r="C1089" t="s">
        <v>35</v>
      </c>
    </row>
    <row r="1090" spans="1:25" x14ac:dyDescent="0.2">
      <c r="B1090" s="75" t="s">
        <v>97</v>
      </c>
      <c r="C1090" s="76"/>
      <c r="D1090" s="76"/>
      <c r="E1090" s="76"/>
      <c r="F1090" s="76"/>
      <c r="G1090" s="76"/>
      <c r="H1090" s="76"/>
      <c r="I1090" s="76"/>
      <c r="J1090" s="76"/>
      <c r="K1090" s="76"/>
      <c r="L1090" s="76"/>
      <c r="M1090" s="76"/>
      <c r="N1090" s="76"/>
      <c r="O1090" s="76"/>
      <c r="P1090" s="76"/>
      <c r="Q1090" s="76"/>
      <c r="R1090" s="76"/>
      <c r="S1090" s="76"/>
      <c r="T1090" s="76"/>
      <c r="U1090" s="76"/>
      <c r="V1090" s="76"/>
      <c r="W1090" s="76"/>
      <c r="X1090" s="76"/>
      <c r="Y1090" s="76"/>
    </row>
    <row r="1091" spans="1:25" s="32" customFormat="1" ht="47.25" customHeight="1" x14ac:dyDescent="0.15">
      <c r="A1091" s="31"/>
      <c r="D1091" s="33" t="s">
        <v>378</v>
      </c>
      <c r="E1091" s="36" t="s">
        <v>517</v>
      </c>
      <c r="F1091" s="37" t="s">
        <v>518</v>
      </c>
      <c r="G1091" s="35" t="s">
        <v>381</v>
      </c>
    </row>
    <row r="1092" spans="1:25" x14ac:dyDescent="0.2">
      <c r="B1092" s="5"/>
      <c r="C1092" s="41" t="s">
        <v>38</v>
      </c>
      <c r="D1092" s="42">
        <v>2000</v>
      </c>
      <c r="E1092" s="43">
        <v>94.4</v>
      </c>
      <c r="F1092" s="44">
        <v>5.6</v>
      </c>
    </row>
    <row r="1093" spans="1:25" x14ac:dyDescent="0.2">
      <c r="B1093" s="77" t="s">
        <v>37</v>
      </c>
      <c r="C1093" s="39" t="s">
        <v>39</v>
      </c>
      <c r="D1093" s="45">
        <v>111</v>
      </c>
      <c r="E1093" s="46">
        <v>99.1</v>
      </c>
      <c r="F1093" s="47">
        <v>0.9</v>
      </c>
    </row>
    <row r="1094" spans="1:25" x14ac:dyDescent="0.2">
      <c r="B1094" s="77"/>
      <c r="C1094" s="39" t="s">
        <v>40</v>
      </c>
      <c r="D1094" s="45">
        <v>450</v>
      </c>
      <c r="E1094" s="46">
        <v>97.1</v>
      </c>
      <c r="F1094" s="47">
        <v>2.9</v>
      </c>
    </row>
    <row r="1095" spans="1:25" ht="21.6" x14ac:dyDescent="0.2">
      <c r="B1095" s="77"/>
      <c r="C1095" s="39" t="s">
        <v>41</v>
      </c>
      <c r="D1095" s="45">
        <v>30</v>
      </c>
      <c r="E1095" s="46">
        <v>86.7</v>
      </c>
      <c r="F1095" s="47">
        <v>13.3</v>
      </c>
    </row>
    <row r="1096" spans="1:25" ht="21.6" x14ac:dyDescent="0.2">
      <c r="B1096" s="77"/>
      <c r="C1096" s="39" t="s">
        <v>42</v>
      </c>
      <c r="D1096" s="45">
        <v>336</v>
      </c>
      <c r="E1096" s="46">
        <v>94.6</v>
      </c>
      <c r="F1096" s="47">
        <v>5.4</v>
      </c>
    </row>
    <row r="1097" spans="1:25" ht="21.6" x14ac:dyDescent="0.2">
      <c r="B1097" s="77"/>
      <c r="C1097" s="39" t="s">
        <v>43</v>
      </c>
      <c r="D1097" s="45">
        <v>327</v>
      </c>
      <c r="E1097" s="46">
        <v>91.1</v>
      </c>
      <c r="F1097" s="47">
        <v>8.9</v>
      </c>
    </row>
    <row r="1098" spans="1:25" ht="21.6" x14ac:dyDescent="0.2">
      <c r="B1098" s="77"/>
      <c r="C1098" s="39" t="s">
        <v>44</v>
      </c>
      <c r="D1098" s="45">
        <v>181</v>
      </c>
      <c r="E1098" s="46">
        <v>96.1</v>
      </c>
      <c r="F1098" s="47">
        <v>3.9</v>
      </c>
    </row>
    <row r="1099" spans="1:25" ht="21.6" x14ac:dyDescent="0.2">
      <c r="B1099" s="77"/>
      <c r="C1099" s="39" t="s">
        <v>45</v>
      </c>
      <c r="D1099" s="45">
        <v>565</v>
      </c>
      <c r="E1099" s="46">
        <v>92.9</v>
      </c>
      <c r="F1099" s="47">
        <v>7.1</v>
      </c>
    </row>
    <row r="1100" spans="1:25" ht="21.6" x14ac:dyDescent="0.2">
      <c r="B1100" s="77"/>
      <c r="C1100" s="39" t="s">
        <v>46</v>
      </c>
      <c r="D1100" s="45">
        <v>473</v>
      </c>
      <c r="E1100" s="46">
        <v>92.6</v>
      </c>
      <c r="F1100" s="47">
        <v>7.4</v>
      </c>
    </row>
    <row r="1101" spans="1:25" ht="21.6" x14ac:dyDescent="0.2">
      <c r="B1101" s="77"/>
      <c r="C1101" s="39" t="s">
        <v>47</v>
      </c>
      <c r="D1101" s="45">
        <v>441</v>
      </c>
      <c r="E1101" s="46">
        <v>96.1</v>
      </c>
      <c r="F1101" s="47">
        <v>3.9</v>
      </c>
    </row>
    <row r="1102" spans="1:25" ht="21.6" x14ac:dyDescent="0.2">
      <c r="B1102" s="77"/>
      <c r="C1102" s="39" t="s">
        <v>48</v>
      </c>
      <c r="D1102" s="45">
        <v>305</v>
      </c>
      <c r="E1102" s="46">
        <v>98.7</v>
      </c>
      <c r="F1102" s="47">
        <v>1.3</v>
      </c>
    </row>
    <row r="1103" spans="1:25" ht="21.6" x14ac:dyDescent="0.2">
      <c r="B1103" s="77"/>
      <c r="C1103" s="39" t="s">
        <v>49</v>
      </c>
      <c r="D1103" s="45">
        <v>223</v>
      </c>
      <c r="E1103" s="46">
        <v>97.3</v>
      </c>
      <c r="F1103" s="47">
        <v>2.7</v>
      </c>
    </row>
    <row r="1104" spans="1:25" ht="21.6" x14ac:dyDescent="0.2">
      <c r="B1104" s="77"/>
      <c r="C1104" s="39" t="s">
        <v>50</v>
      </c>
      <c r="D1104" s="45">
        <v>123</v>
      </c>
      <c r="E1104" s="46">
        <v>99.2</v>
      </c>
      <c r="F1104" s="47">
        <v>0.8</v>
      </c>
    </row>
    <row r="1105" spans="1:25" ht="21.6" x14ac:dyDescent="0.2">
      <c r="B1105" s="77"/>
      <c r="C1105" s="39" t="s">
        <v>51</v>
      </c>
      <c r="D1105" s="45">
        <v>124</v>
      </c>
      <c r="E1105" s="46">
        <v>97.6</v>
      </c>
      <c r="F1105" s="47">
        <v>2.4</v>
      </c>
    </row>
    <row r="1106" spans="1:25" ht="21.6" x14ac:dyDescent="0.2">
      <c r="B1106" s="77"/>
      <c r="C1106" s="39" t="s">
        <v>52</v>
      </c>
      <c r="D1106" s="45">
        <v>312</v>
      </c>
      <c r="E1106" s="46">
        <v>95.5</v>
      </c>
      <c r="F1106" s="47">
        <v>4.5</v>
      </c>
    </row>
    <row r="1107" spans="1:25" x14ac:dyDescent="0.2">
      <c r="B1107" s="77"/>
      <c r="C1107" s="39" t="s">
        <v>53</v>
      </c>
      <c r="D1107" s="45">
        <v>269</v>
      </c>
      <c r="E1107" s="46">
        <v>97.4</v>
      </c>
      <c r="F1107" s="47">
        <v>2.6</v>
      </c>
    </row>
    <row r="1108" spans="1:25" ht="21.6" x14ac:dyDescent="0.2">
      <c r="B1108" s="77"/>
      <c r="C1108" s="39" t="s">
        <v>54</v>
      </c>
      <c r="D1108" s="45">
        <v>511</v>
      </c>
      <c r="E1108" s="46">
        <v>96.3</v>
      </c>
      <c r="F1108" s="47">
        <v>3.7</v>
      </c>
    </row>
    <row r="1109" spans="1:25" ht="21.6" x14ac:dyDescent="0.2">
      <c r="B1109" s="77"/>
      <c r="C1109" s="39" t="s">
        <v>55</v>
      </c>
      <c r="D1109" s="45">
        <v>615</v>
      </c>
      <c r="E1109" s="46">
        <v>95.9</v>
      </c>
      <c r="F1109" s="47">
        <v>4.0999999999999996</v>
      </c>
    </row>
    <row r="1110" spans="1:25" ht="21.6" x14ac:dyDescent="0.2">
      <c r="B1110" s="77"/>
      <c r="C1110" s="39" t="s">
        <v>56</v>
      </c>
      <c r="D1110" s="45">
        <v>800</v>
      </c>
      <c r="E1110" s="46">
        <v>95.1</v>
      </c>
      <c r="F1110" s="47">
        <v>4.9000000000000004</v>
      </c>
    </row>
    <row r="1111" spans="1:25" x14ac:dyDescent="0.2">
      <c r="B1111" s="77"/>
      <c r="C1111" s="40" t="s">
        <v>57</v>
      </c>
      <c r="D1111" s="48">
        <v>798</v>
      </c>
      <c r="E1111" s="49">
        <v>97.1</v>
      </c>
      <c r="F1111" s="50">
        <v>2.9</v>
      </c>
    </row>
    <row r="1113" spans="1:25" x14ac:dyDescent="0.2">
      <c r="C1113" t="s">
        <v>35</v>
      </c>
    </row>
    <row r="1114" spans="1:25" x14ac:dyDescent="0.2">
      <c r="B1114" s="75" t="s">
        <v>277</v>
      </c>
      <c r="C1114" s="76"/>
      <c r="D1114" s="76"/>
      <c r="E1114" s="76"/>
      <c r="F1114" s="76"/>
      <c r="G1114" s="76"/>
      <c r="H1114" s="76"/>
      <c r="I1114" s="76"/>
      <c r="J1114" s="76"/>
      <c r="K1114" s="76"/>
      <c r="L1114" s="76"/>
      <c r="M1114" s="76"/>
      <c r="N1114" s="76"/>
      <c r="O1114" s="76"/>
      <c r="P1114" s="76"/>
      <c r="Q1114" s="76"/>
      <c r="R1114" s="76"/>
      <c r="S1114" s="76"/>
      <c r="T1114" s="76"/>
      <c r="U1114" s="76"/>
      <c r="V1114" s="76"/>
      <c r="W1114" s="76"/>
      <c r="X1114" s="76"/>
      <c r="Y1114" s="76"/>
    </row>
    <row r="1115" spans="1:25" s="32" customFormat="1" ht="47.25" customHeight="1" x14ac:dyDescent="0.15">
      <c r="A1115" s="31"/>
      <c r="D1115" s="33" t="s">
        <v>378</v>
      </c>
      <c r="E1115" s="36" t="s">
        <v>517</v>
      </c>
      <c r="F1115" s="37" t="s">
        <v>518</v>
      </c>
      <c r="G1115" s="35" t="s">
        <v>381</v>
      </c>
    </row>
    <row r="1116" spans="1:25" ht="21.6" x14ac:dyDescent="0.2">
      <c r="B1116" s="77" t="s">
        <v>37</v>
      </c>
      <c r="C1116" s="38" t="s">
        <v>58</v>
      </c>
      <c r="D1116" s="51">
        <v>609</v>
      </c>
      <c r="E1116" s="52">
        <v>95.7</v>
      </c>
      <c r="F1116" s="53">
        <v>4.3</v>
      </c>
    </row>
    <row r="1117" spans="1:25" ht="21.6" x14ac:dyDescent="0.2">
      <c r="B1117" s="77"/>
      <c r="C1117" s="39" t="s">
        <v>59</v>
      </c>
      <c r="D1117" s="45">
        <v>1391</v>
      </c>
      <c r="E1117" s="46">
        <v>93.8</v>
      </c>
      <c r="F1117" s="47">
        <v>6.2</v>
      </c>
    </row>
    <row r="1118" spans="1:25" x14ac:dyDescent="0.2">
      <c r="B1118" s="77"/>
      <c r="C1118" s="39" t="s">
        <v>60</v>
      </c>
      <c r="D1118" s="45">
        <v>1325</v>
      </c>
      <c r="E1118" s="46">
        <v>94.9</v>
      </c>
      <c r="F1118" s="47">
        <v>5.0999999999999996</v>
      </c>
    </row>
    <row r="1119" spans="1:25" x14ac:dyDescent="0.2">
      <c r="B1119" s="77"/>
      <c r="C1119" s="39" t="s">
        <v>61</v>
      </c>
      <c r="D1119" s="45">
        <v>675</v>
      </c>
      <c r="E1119" s="46">
        <v>93.5</v>
      </c>
      <c r="F1119" s="47">
        <v>6.5</v>
      </c>
    </row>
    <row r="1120" spans="1:25" x14ac:dyDescent="0.2">
      <c r="B1120" s="77"/>
      <c r="C1120" s="39" t="s">
        <v>62</v>
      </c>
      <c r="D1120" s="45">
        <v>1086</v>
      </c>
      <c r="E1120" s="46">
        <v>96.6</v>
      </c>
      <c r="F1120" s="47">
        <v>3.4</v>
      </c>
    </row>
    <row r="1121" spans="2:6" ht="21.6" x14ac:dyDescent="0.2">
      <c r="B1121" s="77"/>
      <c r="C1121" s="39" t="s">
        <v>63</v>
      </c>
      <c r="D1121" s="45">
        <v>203</v>
      </c>
      <c r="E1121" s="46">
        <v>87.7</v>
      </c>
      <c r="F1121" s="47">
        <v>12.3</v>
      </c>
    </row>
    <row r="1122" spans="2:6" x14ac:dyDescent="0.2">
      <c r="B1122" s="77"/>
      <c r="C1122" s="39" t="s">
        <v>64</v>
      </c>
      <c r="D1122" s="45">
        <v>263</v>
      </c>
      <c r="E1122" s="46">
        <v>98.9</v>
      </c>
      <c r="F1122" s="47">
        <v>1.1000000000000001</v>
      </c>
    </row>
    <row r="1123" spans="2:6" x14ac:dyDescent="0.2">
      <c r="B1123" s="77"/>
      <c r="C1123" s="39" t="s">
        <v>65</v>
      </c>
      <c r="D1123" s="45">
        <v>312</v>
      </c>
      <c r="E1123" s="46">
        <v>98.7</v>
      </c>
      <c r="F1123" s="47">
        <v>1.3</v>
      </c>
    </row>
    <row r="1124" spans="2:6" x14ac:dyDescent="0.2">
      <c r="B1124" s="77"/>
      <c r="C1124" s="39" t="s">
        <v>66</v>
      </c>
      <c r="D1124" s="45">
        <v>230</v>
      </c>
      <c r="E1124" s="46">
        <v>97.8</v>
      </c>
      <c r="F1124" s="47">
        <v>2.2000000000000002</v>
      </c>
    </row>
    <row r="1125" spans="2:6" x14ac:dyDescent="0.2">
      <c r="B1125" s="77"/>
      <c r="C1125" s="39" t="s">
        <v>67</v>
      </c>
      <c r="D1125" s="45">
        <v>78</v>
      </c>
      <c r="E1125" s="46">
        <v>100</v>
      </c>
      <c r="F1125" s="47">
        <v>0</v>
      </c>
    </row>
    <row r="1126" spans="2:6" x14ac:dyDescent="0.2">
      <c r="B1126" s="77"/>
      <c r="C1126" s="39" t="s">
        <v>68</v>
      </c>
      <c r="D1126" s="45">
        <v>897</v>
      </c>
      <c r="E1126" s="46">
        <v>97.8</v>
      </c>
      <c r="F1126" s="47">
        <v>2.2000000000000002</v>
      </c>
    </row>
    <row r="1127" spans="2:6" x14ac:dyDescent="0.2">
      <c r="B1127" s="77"/>
      <c r="C1127" s="39" t="s">
        <v>69</v>
      </c>
      <c r="D1127" s="45">
        <v>189</v>
      </c>
      <c r="E1127" s="46">
        <v>91</v>
      </c>
      <c r="F1127" s="47">
        <v>9</v>
      </c>
    </row>
    <row r="1128" spans="2:6" x14ac:dyDescent="0.2">
      <c r="B1128" s="77"/>
      <c r="C1128" s="39" t="s">
        <v>70</v>
      </c>
      <c r="D1128" s="45">
        <v>914</v>
      </c>
      <c r="E1128" s="46">
        <v>91.8</v>
      </c>
      <c r="F1128" s="47">
        <v>8.1999999999999993</v>
      </c>
    </row>
    <row r="1129" spans="2:6" ht="21.6" x14ac:dyDescent="0.2">
      <c r="B1129" s="77"/>
      <c r="C1129" s="39" t="s">
        <v>63</v>
      </c>
      <c r="D1129" s="45">
        <v>193</v>
      </c>
      <c r="E1129" s="46">
        <v>81.3</v>
      </c>
      <c r="F1129" s="47">
        <v>18.7</v>
      </c>
    </row>
    <row r="1130" spans="2:6" x14ac:dyDescent="0.2">
      <c r="B1130" s="77"/>
      <c r="C1130" s="39" t="s">
        <v>64</v>
      </c>
      <c r="D1130" s="45">
        <v>203</v>
      </c>
      <c r="E1130" s="46">
        <v>97</v>
      </c>
      <c r="F1130" s="47">
        <v>3</v>
      </c>
    </row>
    <row r="1131" spans="2:6" x14ac:dyDescent="0.2">
      <c r="B1131" s="77"/>
      <c r="C1131" s="39" t="s">
        <v>65</v>
      </c>
      <c r="D1131" s="45">
        <v>263</v>
      </c>
      <c r="E1131" s="46">
        <v>94.3</v>
      </c>
      <c r="F1131" s="47">
        <v>5.7</v>
      </c>
    </row>
    <row r="1132" spans="2:6" x14ac:dyDescent="0.2">
      <c r="B1132" s="77"/>
      <c r="C1132" s="39" t="s">
        <v>66</v>
      </c>
      <c r="D1132" s="45">
        <v>194</v>
      </c>
      <c r="E1132" s="46">
        <v>93.3</v>
      </c>
      <c r="F1132" s="47">
        <v>6.7</v>
      </c>
    </row>
    <row r="1133" spans="2:6" x14ac:dyDescent="0.2">
      <c r="B1133" s="77"/>
      <c r="C1133" s="39" t="s">
        <v>67</v>
      </c>
      <c r="D1133" s="45">
        <v>61</v>
      </c>
      <c r="E1133" s="46">
        <v>91.8</v>
      </c>
      <c r="F1133" s="47">
        <v>8.1999999999999993</v>
      </c>
    </row>
    <row r="1134" spans="2:6" x14ac:dyDescent="0.2">
      <c r="B1134" s="77"/>
      <c r="C1134" s="39" t="s">
        <v>68</v>
      </c>
      <c r="D1134" s="45">
        <v>416</v>
      </c>
      <c r="E1134" s="46">
        <v>95</v>
      </c>
      <c r="F1134" s="47">
        <v>5</v>
      </c>
    </row>
    <row r="1135" spans="2:6" x14ac:dyDescent="0.2">
      <c r="B1135" s="77"/>
      <c r="C1135" s="40" t="s">
        <v>69</v>
      </c>
      <c r="D1135" s="48">
        <v>498</v>
      </c>
      <c r="E1135" s="49">
        <v>89.2</v>
      </c>
      <c r="F1135" s="50">
        <v>10.8</v>
      </c>
    </row>
    <row r="1137" spans="1:25" x14ac:dyDescent="0.2">
      <c r="A1137" s="26" t="s">
        <v>25</v>
      </c>
      <c r="B1137" t="s">
        <v>35</v>
      </c>
      <c r="C1137" t="s">
        <v>35</v>
      </c>
    </row>
    <row r="1138" spans="1:25" x14ac:dyDescent="0.2">
      <c r="B1138" s="75" t="s">
        <v>98</v>
      </c>
      <c r="C1138" s="76"/>
      <c r="D1138" s="76"/>
      <c r="E1138" s="76"/>
      <c r="F1138" s="76"/>
      <c r="G1138" s="76"/>
      <c r="H1138" s="76"/>
      <c r="I1138" s="76"/>
      <c r="J1138" s="76"/>
      <c r="K1138" s="76"/>
      <c r="L1138" s="76"/>
      <c r="M1138" s="76"/>
      <c r="N1138" s="76"/>
      <c r="O1138" s="76"/>
      <c r="P1138" s="76"/>
      <c r="Q1138" s="76"/>
      <c r="R1138" s="76"/>
      <c r="S1138" s="76"/>
      <c r="T1138" s="76"/>
      <c r="U1138" s="76"/>
      <c r="V1138" s="76"/>
      <c r="W1138" s="76"/>
      <c r="X1138" s="76"/>
      <c r="Y1138" s="76"/>
    </row>
    <row r="1139" spans="1:25" s="32" customFormat="1" ht="47.25" customHeight="1" x14ac:dyDescent="0.15">
      <c r="A1139" s="31"/>
      <c r="D1139" s="33" t="s">
        <v>378</v>
      </c>
      <c r="E1139" s="36" t="s">
        <v>519</v>
      </c>
      <c r="F1139" s="55" t="s">
        <v>520</v>
      </c>
      <c r="G1139" s="55" t="s">
        <v>521</v>
      </c>
      <c r="H1139" s="55" t="s">
        <v>522</v>
      </c>
      <c r="I1139" s="55" t="s">
        <v>523</v>
      </c>
      <c r="J1139" s="55" t="s">
        <v>480</v>
      </c>
      <c r="K1139" s="56" t="s">
        <v>387</v>
      </c>
      <c r="L1139" s="57" t="s">
        <v>388</v>
      </c>
      <c r="M1139" s="54" t="s">
        <v>381</v>
      </c>
    </row>
    <row r="1140" spans="1:25" x14ac:dyDescent="0.2">
      <c r="B1140" s="5"/>
      <c r="C1140" s="41" t="s">
        <v>38</v>
      </c>
      <c r="D1140" s="42">
        <v>2000</v>
      </c>
      <c r="E1140" s="43">
        <v>1.3</v>
      </c>
      <c r="F1140" s="43">
        <v>6</v>
      </c>
      <c r="G1140" s="43">
        <v>32.299999999999997</v>
      </c>
      <c r="H1140" s="43">
        <v>29.5</v>
      </c>
      <c r="I1140" s="43">
        <v>27.5</v>
      </c>
      <c r="J1140" s="43">
        <v>3.5</v>
      </c>
      <c r="K1140" s="43">
        <v>-39.299999999999997</v>
      </c>
      <c r="L1140" s="58">
        <v>-50</v>
      </c>
    </row>
    <row r="1141" spans="1:25" x14ac:dyDescent="0.2">
      <c r="B1141" s="77" t="s">
        <v>37</v>
      </c>
      <c r="C1141" s="39" t="s">
        <v>39</v>
      </c>
      <c r="D1141" s="45">
        <v>111</v>
      </c>
      <c r="E1141" s="46">
        <v>3.6</v>
      </c>
      <c r="F1141" s="46">
        <v>3.6</v>
      </c>
      <c r="G1141" s="46">
        <v>29.7</v>
      </c>
      <c r="H1141" s="46">
        <v>34.200000000000003</v>
      </c>
      <c r="I1141" s="46">
        <v>27</v>
      </c>
      <c r="J1141" s="46">
        <v>1.8</v>
      </c>
      <c r="K1141" s="46">
        <v>-39.4</v>
      </c>
      <c r="L1141" s="59">
        <v>-50</v>
      </c>
    </row>
    <row r="1142" spans="1:25" x14ac:dyDescent="0.2">
      <c r="B1142" s="77"/>
      <c r="C1142" s="39" t="s">
        <v>40</v>
      </c>
      <c r="D1142" s="45">
        <v>450</v>
      </c>
      <c r="E1142" s="46">
        <v>0.7</v>
      </c>
      <c r="F1142" s="46">
        <v>6.2</v>
      </c>
      <c r="G1142" s="46">
        <v>33.1</v>
      </c>
      <c r="H1142" s="46">
        <v>28.9</v>
      </c>
      <c r="I1142" s="46">
        <v>28.7</v>
      </c>
      <c r="J1142" s="46">
        <v>2.4</v>
      </c>
      <c r="K1142" s="46">
        <v>-40.299999999999997</v>
      </c>
      <c r="L1142" s="59">
        <v>-50</v>
      </c>
    </row>
    <row r="1143" spans="1:25" ht="21.6" x14ac:dyDescent="0.2">
      <c r="B1143" s="77"/>
      <c r="C1143" s="39" t="s">
        <v>41</v>
      </c>
      <c r="D1143" s="45">
        <v>30</v>
      </c>
      <c r="E1143" s="46">
        <v>0</v>
      </c>
      <c r="F1143" s="46">
        <v>13.3</v>
      </c>
      <c r="G1143" s="46">
        <v>30</v>
      </c>
      <c r="H1143" s="46">
        <v>33.299999999999997</v>
      </c>
      <c r="I1143" s="46">
        <v>16.7</v>
      </c>
      <c r="J1143" s="46">
        <v>6.7</v>
      </c>
      <c r="K1143" s="46">
        <v>-28.6</v>
      </c>
      <c r="L1143" s="59">
        <v>-50</v>
      </c>
    </row>
    <row r="1144" spans="1:25" ht="21.6" x14ac:dyDescent="0.2">
      <c r="B1144" s="77"/>
      <c r="C1144" s="39" t="s">
        <v>42</v>
      </c>
      <c r="D1144" s="45">
        <v>336</v>
      </c>
      <c r="E1144" s="46">
        <v>2.1</v>
      </c>
      <c r="F1144" s="46">
        <v>4.5</v>
      </c>
      <c r="G1144" s="46">
        <v>39</v>
      </c>
      <c r="H1144" s="46">
        <v>27.7</v>
      </c>
      <c r="I1144" s="46">
        <v>25.6</v>
      </c>
      <c r="J1144" s="46">
        <v>1.2</v>
      </c>
      <c r="K1144" s="46">
        <v>-35.5</v>
      </c>
      <c r="L1144" s="59">
        <v>-50</v>
      </c>
    </row>
    <row r="1145" spans="1:25" ht="21.6" x14ac:dyDescent="0.2">
      <c r="B1145" s="77"/>
      <c r="C1145" s="39" t="s">
        <v>43</v>
      </c>
      <c r="D1145" s="45">
        <v>327</v>
      </c>
      <c r="E1145" s="46">
        <v>0</v>
      </c>
      <c r="F1145" s="46">
        <v>6.4</v>
      </c>
      <c r="G1145" s="46">
        <v>26.6</v>
      </c>
      <c r="H1145" s="46">
        <v>33.299999999999997</v>
      </c>
      <c r="I1145" s="46">
        <v>28.1</v>
      </c>
      <c r="J1145" s="46">
        <v>5.5</v>
      </c>
      <c r="K1145" s="46">
        <v>-44</v>
      </c>
      <c r="L1145" s="59">
        <v>-50</v>
      </c>
    </row>
    <row r="1146" spans="1:25" ht="21.6" x14ac:dyDescent="0.2">
      <c r="B1146" s="77"/>
      <c r="C1146" s="39" t="s">
        <v>44</v>
      </c>
      <c r="D1146" s="45">
        <v>181</v>
      </c>
      <c r="E1146" s="46">
        <v>1.7</v>
      </c>
      <c r="F1146" s="46">
        <v>9.4</v>
      </c>
      <c r="G1146" s="46">
        <v>34.299999999999997</v>
      </c>
      <c r="H1146" s="46">
        <v>30.4</v>
      </c>
      <c r="I1146" s="46">
        <v>22.7</v>
      </c>
      <c r="J1146" s="46">
        <v>1.7</v>
      </c>
      <c r="K1146" s="46">
        <v>-32</v>
      </c>
      <c r="L1146" s="59">
        <v>-50</v>
      </c>
    </row>
    <row r="1147" spans="1:25" ht="21.6" x14ac:dyDescent="0.2">
      <c r="B1147" s="77"/>
      <c r="C1147" s="39" t="s">
        <v>45</v>
      </c>
      <c r="D1147" s="45">
        <v>565</v>
      </c>
      <c r="E1147" s="46">
        <v>1.4</v>
      </c>
      <c r="F1147" s="46">
        <v>5.5</v>
      </c>
      <c r="G1147" s="46">
        <v>31</v>
      </c>
      <c r="H1147" s="46">
        <v>27.4</v>
      </c>
      <c r="I1147" s="46">
        <v>29.4</v>
      </c>
      <c r="J1147" s="46">
        <v>5.3</v>
      </c>
      <c r="K1147" s="46">
        <v>-41.1</v>
      </c>
      <c r="L1147" s="59">
        <v>-50</v>
      </c>
    </row>
    <row r="1148" spans="1:25" ht="21.6" x14ac:dyDescent="0.2">
      <c r="B1148" s="77"/>
      <c r="C1148" s="39" t="s">
        <v>46</v>
      </c>
      <c r="D1148" s="45">
        <v>473</v>
      </c>
      <c r="E1148" s="46">
        <v>1.5</v>
      </c>
      <c r="F1148" s="46">
        <v>4.9000000000000004</v>
      </c>
      <c r="G1148" s="46">
        <v>31.1</v>
      </c>
      <c r="H1148" s="46">
        <v>26.2</v>
      </c>
      <c r="I1148" s="46">
        <v>31.3</v>
      </c>
      <c r="J1148" s="46">
        <v>5.0999999999999996</v>
      </c>
      <c r="K1148" s="46">
        <v>-42.7</v>
      </c>
      <c r="L1148" s="59">
        <v>-50</v>
      </c>
    </row>
    <row r="1149" spans="1:25" ht="21.6" x14ac:dyDescent="0.2">
      <c r="B1149" s="77"/>
      <c r="C1149" s="39" t="s">
        <v>47</v>
      </c>
      <c r="D1149" s="45">
        <v>441</v>
      </c>
      <c r="E1149" s="46">
        <v>0.9</v>
      </c>
      <c r="F1149" s="46">
        <v>5.2</v>
      </c>
      <c r="G1149" s="46">
        <v>30.8</v>
      </c>
      <c r="H1149" s="46">
        <v>31.1</v>
      </c>
      <c r="I1149" s="46">
        <v>28.8</v>
      </c>
      <c r="J1149" s="46">
        <v>3.2</v>
      </c>
      <c r="K1149" s="46">
        <v>-42.2</v>
      </c>
      <c r="L1149" s="59">
        <v>-50</v>
      </c>
    </row>
    <row r="1150" spans="1:25" ht="21.6" x14ac:dyDescent="0.2">
      <c r="B1150" s="77"/>
      <c r="C1150" s="39" t="s">
        <v>48</v>
      </c>
      <c r="D1150" s="45">
        <v>305</v>
      </c>
      <c r="E1150" s="46">
        <v>2</v>
      </c>
      <c r="F1150" s="46">
        <v>6.9</v>
      </c>
      <c r="G1150" s="46">
        <v>29.5</v>
      </c>
      <c r="H1150" s="46">
        <v>33.1</v>
      </c>
      <c r="I1150" s="46">
        <v>27.5</v>
      </c>
      <c r="J1150" s="46">
        <v>1</v>
      </c>
      <c r="K1150" s="46">
        <v>-39.1</v>
      </c>
      <c r="L1150" s="59">
        <v>-50</v>
      </c>
    </row>
    <row r="1151" spans="1:25" ht="21.6" x14ac:dyDescent="0.2">
      <c r="B1151" s="77"/>
      <c r="C1151" s="39" t="s">
        <v>49</v>
      </c>
      <c r="D1151" s="45">
        <v>223</v>
      </c>
      <c r="E1151" s="46">
        <v>1.3</v>
      </c>
      <c r="F1151" s="46">
        <v>9</v>
      </c>
      <c r="G1151" s="46">
        <v>35</v>
      </c>
      <c r="H1151" s="46">
        <v>30.5</v>
      </c>
      <c r="I1151" s="46">
        <v>23.8</v>
      </c>
      <c r="J1151" s="46">
        <v>0.4</v>
      </c>
      <c r="K1151" s="46">
        <v>-33.299999999999997</v>
      </c>
      <c r="L1151" s="59">
        <v>-50</v>
      </c>
    </row>
    <row r="1152" spans="1:25" ht="21.6" x14ac:dyDescent="0.2">
      <c r="B1152" s="77"/>
      <c r="C1152" s="39" t="s">
        <v>50</v>
      </c>
      <c r="D1152" s="45">
        <v>123</v>
      </c>
      <c r="E1152" s="46">
        <v>1.6</v>
      </c>
      <c r="F1152" s="46">
        <v>13</v>
      </c>
      <c r="G1152" s="46">
        <v>35</v>
      </c>
      <c r="H1152" s="46">
        <v>30.1</v>
      </c>
      <c r="I1152" s="46">
        <v>17.899999999999999</v>
      </c>
      <c r="J1152" s="46">
        <v>2.4</v>
      </c>
      <c r="K1152" s="46">
        <v>-25.4</v>
      </c>
      <c r="L1152" s="59">
        <v>0</v>
      </c>
    </row>
    <row r="1153" spans="1:25" ht="21.6" x14ac:dyDescent="0.2">
      <c r="B1153" s="77"/>
      <c r="C1153" s="39" t="s">
        <v>51</v>
      </c>
      <c r="D1153" s="45">
        <v>124</v>
      </c>
      <c r="E1153" s="46">
        <v>1.6</v>
      </c>
      <c r="F1153" s="46">
        <v>4.8</v>
      </c>
      <c r="G1153" s="46">
        <v>36.299999999999997</v>
      </c>
      <c r="H1153" s="46">
        <v>32.299999999999997</v>
      </c>
      <c r="I1153" s="46">
        <v>24.2</v>
      </c>
      <c r="J1153" s="46">
        <v>0.8</v>
      </c>
      <c r="K1153" s="46">
        <v>-36.6</v>
      </c>
      <c r="L1153" s="59">
        <v>-50</v>
      </c>
    </row>
    <row r="1154" spans="1:25" ht="21.6" x14ac:dyDescent="0.2">
      <c r="B1154" s="77"/>
      <c r="C1154" s="39" t="s">
        <v>52</v>
      </c>
      <c r="D1154" s="45">
        <v>312</v>
      </c>
      <c r="E1154" s="46">
        <v>0.3</v>
      </c>
      <c r="F1154" s="46">
        <v>3.2</v>
      </c>
      <c r="G1154" s="46">
        <v>31.4</v>
      </c>
      <c r="H1154" s="46">
        <v>33</v>
      </c>
      <c r="I1154" s="46">
        <v>27.9</v>
      </c>
      <c r="J1154" s="46">
        <v>4.2</v>
      </c>
      <c r="K1154" s="46">
        <v>-44.3</v>
      </c>
      <c r="L1154" s="59">
        <v>-50</v>
      </c>
    </row>
    <row r="1155" spans="1:25" x14ac:dyDescent="0.2">
      <c r="B1155" s="77"/>
      <c r="C1155" s="39" t="s">
        <v>53</v>
      </c>
      <c r="D1155" s="45">
        <v>269</v>
      </c>
      <c r="E1155" s="46">
        <v>1.5</v>
      </c>
      <c r="F1155" s="46">
        <v>7.4</v>
      </c>
      <c r="G1155" s="46">
        <v>25.3</v>
      </c>
      <c r="H1155" s="46">
        <v>33.5</v>
      </c>
      <c r="I1155" s="46">
        <v>30.1</v>
      </c>
      <c r="J1155" s="46">
        <v>2.2000000000000002</v>
      </c>
      <c r="K1155" s="46">
        <v>-42.6</v>
      </c>
      <c r="L1155" s="59">
        <v>-50</v>
      </c>
    </row>
    <row r="1156" spans="1:25" ht="21.6" x14ac:dyDescent="0.2">
      <c r="B1156" s="77"/>
      <c r="C1156" s="39" t="s">
        <v>54</v>
      </c>
      <c r="D1156" s="45">
        <v>511</v>
      </c>
      <c r="E1156" s="46">
        <v>1.6</v>
      </c>
      <c r="F1156" s="46">
        <v>6.1</v>
      </c>
      <c r="G1156" s="46">
        <v>31.7</v>
      </c>
      <c r="H1156" s="46">
        <v>28.4</v>
      </c>
      <c r="I1156" s="46">
        <v>30.1</v>
      </c>
      <c r="J1156" s="46">
        <v>2.2000000000000002</v>
      </c>
      <c r="K1156" s="46">
        <v>-40.6</v>
      </c>
      <c r="L1156" s="59">
        <v>-50</v>
      </c>
    </row>
    <row r="1157" spans="1:25" ht="21.6" x14ac:dyDescent="0.2">
      <c r="B1157" s="77"/>
      <c r="C1157" s="39" t="s">
        <v>55</v>
      </c>
      <c r="D1157" s="45">
        <v>615</v>
      </c>
      <c r="E1157" s="46">
        <v>2</v>
      </c>
      <c r="F1157" s="46">
        <v>8.5</v>
      </c>
      <c r="G1157" s="46">
        <v>35.6</v>
      </c>
      <c r="H1157" s="46">
        <v>27.8</v>
      </c>
      <c r="I1157" s="46">
        <v>23.7</v>
      </c>
      <c r="J1157" s="46">
        <v>2.4</v>
      </c>
      <c r="K1157" s="46">
        <v>-32.299999999999997</v>
      </c>
      <c r="L1157" s="59">
        <v>-50</v>
      </c>
    </row>
    <row r="1158" spans="1:25" ht="21.6" x14ac:dyDescent="0.2">
      <c r="B1158" s="77"/>
      <c r="C1158" s="39" t="s">
        <v>56</v>
      </c>
      <c r="D1158" s="45">
        <v>800</v>
      </c>
      <c r="E1158" s="46">
        <v>2.1</v>
      </c>
      <c r="F1158" s="46">
        <v>8.8000000000000007</v>
      </c>
      <c r="G1158" s="46">
        <v>32.299999999999997</v>
      </c>
      <c r="H1158" s="46">
        <v>27.8</v>
      </c>
      <c r="I1158" s="46">
        <v>27</v>
      </c>
      <c r="J1158" s="46">
        <v>2.1</v>
      </c>
      <c r="K1158" s="46">
        <v>-35.1</v>
      </c>
      <c r="L1158" s="59">
        <v>-50</v>
      </c>
    </row>
    <row r="1159" spans="1:25" x14ac:dyDescent="0.2">
      <c r="B1159" s="77"/>
      <c r="C1159" s="40" t="s">
        <v>57</v>
      </c>
      <c r="D1159" s="48">
        <v>798</v>
      </c>
      <c r="E1159" s="49">
        <v>0.9</v>
      </c>
      <c r="F1159" s="49">
        <v>5</v>
      </c>
      <c r="G1159" s="49">
        <v>30.6</v>
      </c>
      <c r="H1159" s="49">
        <v>32.700000000000003</v>
      </c>
      <c r="I1159" s="49">
        <v>28.1</v>
      </c>
      <c r="J1159" s="49">
        <v>2.8</v>
      </c>
      <c r="K1159" s="49">
        <v>-42.2</v>
      </c>
      <c r="L1159" s="60">
        <v>-50</v>
      </c>
    </row>
    <row r="1160" spans="1:25" x14ac:dyDescent="0.2">
      <c r="B1160" s="7" t="s">
        <v>71</v>
      </c>
      <c r="C1160" s="4" t="s">
        <v>99</v>
      </c>
    </row>
    <row r="1161" spans="1:25" x14ac:dyDescent="0.2">
      <c r="B1161" s="4"/>
      <c r="C1161" s="4" t="s">
        <v>73</v>
      </c>
    </row>
    <row r="1163" spans="1:25" x14ac:dyDescent="0.2">
      <c r="C1163" t="s">
        <v>35</v>
      </c>
    </row>
    <row r="1164" spans="1:25" x14ac:dyDescent="0.2">
      <c r="B1164" s="75" t="s">
        <v>278</v>
      </c>
      <c r="C1164" s="76"/>
      <c r="D1164" s="76"/>
      <c r="E1164" s="76"/>
      <c r="F1164" s="76"/>
      <c r="G1164" s="76"/>
      <c r="H1164" s="76"/>
      <c r="I1164" s="76"/>
      <c r="J1164" s="76"/>
      <c r="K1164" s="76"/>
      <c r="L1164" s="76"/>
      <c r="M1164" s="76"/>
      <c r="N1164" s="76"/>
      <c r="O1164" s="76"/>
      <c r="P1164" s="76"/>
      <c r="Q1164" s="76"/>
      <c r="R1164" s="76"/>
      <c r="S1164" s="76"/>
      <c r="T1164" s="76"/>
      <c r="U1164" s="76"/>
      <c r="V1164" s="76"/>
      <c r="W1164" s="76"/>
      <c r="X1164" s="76"/>
      <c r="Y1164" s="76"/>
    </row>
    <row r="1165" spans="1:25" s="32" customFormat="1" ht="47.25" customHeight="1" x14ac:dyDescent="0.15">
      <c r="A1165" s="31"/>
      <c r="D1165" s="33" t="s">
        <v>378</v>
      </c>
      <c r="E1165" s="36" t="s">
        <v>519</v>
      </c>
      <c r="F1165" s="55" t="s">
        <v>520</v>
      </c>
      <c r="G1165" s="55" t="s">
        <v>521</v>
      </c>
      <c r="H1165" s="55" t="s">
        <v>522</v>
      </c>
      <c r="I1165" s="55" t="s">
        <v>523</v>
      </c>
      <c r="J1165" s="55" t="s">
        <v>480</v>
      </c>
      <c r="K1165" s="56" t="s">
        <v>387</v>
      </c>
      <c r="L1165" s="57" t="s">
        <v>388</v>
      </c>
      <c r="M1165" s="54" t="s">
        <v>381</v>
      </c>
    </row>
    <row r="1166" spans="1:25" ht="21.6" x14ac:dyDescent="0.2">
      <c r="B1166" s="77" t="s">
        <v>37</v>
      </c>
      <c r="C1166" s="38" t="s">
        <v>58</v>
      </c>
      <c r="D1166" s="51">
        <v>609</v>
      </c>
      <c r="E1166" s="52">
        <v>2.5</v>
      </c>
      <c r="F1166" s="52">
        <v>9.4</v>
      </c>
      <c r="G1166" s="52">
        <v>33.200000000000003</v>
      </c>
      <c r="H1166" s="52">
        <v>26.9</v>
      </c>
      <c r="I1166" s="52">
        <v>25.9</v>
      </c>
      <c r="J1166" s="52">
        <v>2.1</v>
      </c>
      <c r="K1166" s="52">
        <v>-33</v>
      </c>
      <c r="L1166" s="61">
        <v>-50</v>
      </c>
    </row>
    <row r="1167" spans="1:25" ht="21.6" x14ac:dyDescent="0.2">
      <c r="B1167" s="77"/>
      <c r="C1167" s="39" t="s">
        <v>59</v>
      </c>
      <c r="D1167" s="45">
        <v>1391</v>
      </c>
      <c r="E1167" s="46">
        <v>0.7</v>
      </c>
      <c r="F1167" s="46">
        <v>4.5</v>
      </c>
      <c r="G1167" s="46">
        <v>31.9</v>
      </c>
      <c r="H1167" s="46">
        <v>30.6</v>
      </c>
      <c r="I1167" s="46">
        <v>28.1</v>
      </c>
      <c r="J1167" s="46">
        <v>4.0999999999999996</v>
      </c>
      <c r="K1167" s="46">
        <v>-42.2</v>
      </c>
      <c r="L1167" s="59">
        <v>-50</v>
      </c>
    </row>
    <row r="1168" spans="1:25" x14ac:dyDescent="0.2">
      <c r="B1168" s="77"/>
      <c r="C1168" s="39" t="s">
        <v>60</v>
      </c>
      <c r="D1168" s="45">
        <v>1325</v>
      </c>
      <c r="E1168" s="46">
        <v>1.4</v>
      </c>
      <c r="F1168" s="46">
        <v>6.6</v>
      </c>
      <c r="G1168" s="46">
        <v>33.1</v>
      </c>
      <c r="H1168" s="46">
        <v>28.5</v>
      </c>
      <c r="I1168" s="46">
        <v>26.9</v>
      </c>
      <c r="J1168" s="46">
        <v>3.4</v>
      </c>
      <c r="K1168" s="46">
        <v>-37.799999999999997</v>
      </c>
      <c r="L1168" s="59">
        <v>-50</v>
      </c>
    </row>
    <row r="1169" spans="2:12" x14ac:dyDescent="0.2">
      <c r="B1169" s="77"/>
      <c r="C1169" s="39" t="s">
        <v>61</v>
      </c>
      <c r="D1169" s="45">
        <v>675</v>
      </c>
      <c r="E1169" s="46">
        <v>0.9</v>
      </c>
      <c r="F1169" s="46">
        <v>4.9000000000000004</v>
      </c>
      <c r="G1169" s="46">
        <v>30.7</v>
      </c>
      <c r="H1169" s="46">
        <v>31.4</v>
      </c>
      <c r="I1169" s="46">
        <v>28.4</v>
      </c>
      <c r="J1169" s="46">
        <v>3.7</v>
      </c>
      <c r="K1169" s="46">
        <v>-42.4</v>
      </c>
      <c r="L1169" s="59">
        <v>-50</v>
      </c>
    </row>
    <row r="1170" spans="2:12" x14ac:dyDescent="0.2">
      <c r="B1170" s="77"/>
      <c r="C1170" s="39" t="s">
        <v>62</v>
      </c>
      <c r="D1170" s="45">
        <v>1086</v>
      </c>
      <c r="E1170" s="46">
        <v>1.6</v>
      </c>
      <c r="F1170" s="46">
        <v>6.4</v>
      </c>
      <c r="G1170" s="46">
        <v>35.1</v>
      </c>
      <c r="H1170" s="46">
        <v>27.8</v>
      </c>
      <c r="I1170" s="46">
        <v>26.7</v>
      </c>
      <c r="J1170" s="46">
        <v>2.4</v>
      </c>
      <c r="K1170" s="46">
        <v>-36.700000000000003</v>
      </c>
      <c r="L1170" s="59">
        <v>-50</v>
      </c>
    </row>
    <row r="1171" spans="2:12" ht="21.6" x14ac:dyDescent="0.2">
      <c r="B1171" s="77"/>
      <c r="C1171" s="39" t="s">
        <v>63</v>
      </c>
      <c r="D1171" s="45">
        <v>203</v>
      </c>
      <c r="E1171" s="46">
        <v>4.4000000000000004</v>
      </c>
      <c r="F1171" s="46">
        <v>8.9</v>
      </c>
      <c r="G1171" s="46">
        <v>38.4</v>
      </c>
      <c r="H1171" s="46">
        <v>24.6</v>
      </c>
      <c r="I1171" s="46">
        <v>18.2</v>
      </c>
      <c r="J1171" s="46">
        <v>5.4</v>
      </c>
      <c r="K1171" s="46">
        <v>-22.9</v>
      </c>
      <c r="L1171" s="59">
        <v>0</v>
      </c>
    </row>
    <row r="1172" spans="2:12" x14ac:dyDescent="0.2">
      <c r="B1172" s="77"/>
      <c r="C1172" s="39" t="s">
        <v>64</v>
      </c>
      <c r="D1172" s="45">
        <v>263</v>
      </c>
      <c r="E1172" s="46">
        <v>1.1000000000000001</v>
      </c>
      <c r="F1172" s="46">
        <v>6.8</v>
      </c>
      <c r="G1172" s="46">
        <v>35.700000000000003</v>
      </c>
      <c r="H1172" s="46">
        <v>24.3</v>
      </c>
      <c r="I1172" s="46">
        <v>29.7</v>
      </c>
      <c r="J1172" s="46">
        <v>2.2999999999999998</v>
      </c>
      <c r="K1172" s="46">
        <v>-38.1</v>
      </c>
      <c r="L1172" s="59">
        <v>-50</v>
      </c>
    </row>
    <row r="1173" spans="2:12" x14ac:dyDescent="0.2">
      <c r="B1173" s="77"/>
      <c r="C1173" s="39" t="s">
        <v>65</v>
      </c>
      <c r="D1173" s="45">
        <v>312</v>
      </c>
      <c r="E1173" s="46">
        <v>0.3</v>
      </c>
      <c r="F1173" s="46">
        <v>6.4</v>
      </c>
      <c r="G1173" s="46">
        <v>32.1</v>
      </c>
      <c r="H1173" s="46">
        <v>31.1</v>
      </c>
      <c r="I1173" s="46">
        <v>27.6</v>
      </c>
      <c r="J1173" s="46">
        <v>2.6</v>
      </c>
      <c r="K1173" s="46">
        <v>-40.6</v>
      </c>
      <c r="L1173" s="59">
        <v>-50</v>
      </c>
    </row>
    <row r="1174" spans="2:12" x14ac:dyDescent="0.2">
      <c r="B1174" s="77"/>
      <c r="C1174" s="39" t="s">
        <v>66</v>
      </c>
      <c r="D1174" s="45">
        <v>230</v>
      </c>
      <c r="E1174" s="46">
        <v>1.3</v>
      </c>
      <c r="F1174" s="46">
        <v>4.3</v>
      </c>
      <c r="G1174" s="46">
        <v>37.799999999999997</v>
      </c>
      <c r="H1174" s="46">
        <v>27.8</v>
      </c>
      <c r="I1174" s="46">
        <v>28.7</v>
      </c>
      <c r="J1174" s="46">
        <v>0</v>
      </c>
      <c r="K1174" s="46">
        <v>-39.1</v>
      </c>
      <c r="L1174" s="59">
        <v>-50</v>
      </c>
    </row>
    <row r="1175" spans="2:12" x14ac:dyDescent="0.2">
      <c r="B1175" s="77"/>
      <c r="C1175" s="39" t="s">
        <v>67</v>
      </c>
      <c r="D1175" s="45">
        <v>78</v>
      </c>
      <c r="E1175" s="46">
        <v>1.3</v>
      </c>
      <c r="F1175" s="46">
        <v>5.0999999999999996</v>
      </c>
      <c r="G1175" s="46">
        <v>28.2</v>
      </c>
      <c r="H1175" s="46">
        <v>34.6</v>
      </c>
      <c r="I1175" s="46">
        <v>29.5</v>
      </c>
      <c r="J1175" s="46">
        <v>1.3</v>
      </c>
      <c r="K1175" s="46">
        <v>-43.5</v>
      </c>
      <c r="L1175" s="59">
        <v>-50</v>
      </c>
    </row>
    <row r="1176" spans="2:12" x14ac:dyDescent="0.2">
      <c r="B1176" s="77"/>
      <c r="C1176" s="39" t="s">
        <v>68</v>
      </c>
      <c r="D1176" s="45">
        <v>897</v>
      </c>
      <c r="E1176" s="46">
        <v>1.8</v>
      </c>
      <c r="F1176" s="46">
        <v>6.8</v>
      </c>
      <c r="G1176" s="46">
        <v>34.9</v>
      </c>
      <c r="H1176" s="46">
        <v>28</v>
      </c>
      <c r="I1176" s="46">
        <v>26.9</v>
      </c>
      <c r="J1176" s="46">
        <v>1.7</v>
      </c>
      <c r="K1176" s="46">
        <v>-36.299999999999997</v>
      </c>
      <c r="L1176" s="59">
        <v>-50</v>
      </c>
    </row>
    <row r="1177" spans="2:12" x14ac:dyDescent="0.2">
      <c r="B1177" s="77"/>
      <c r="C1177" s="39" t="s">
        <v>69</v>
      </c>
      <c r="D1177" s="45">
        <v>189</v>
      </c>
      <c r="E1177" s="46">
        <v>0.5</v>
      </c>
      <c r="F1177" s="46">
        <v>4.8</v>
      </c>
      <c r="G1177" s="46">
        <v>36</v>
      </c>
      <c r="H1177" s="46">
        <v>27</v>
      </c>
      <c r="I1177" s="46">
        <v>25.9</v>
      </c>
      <c r="J1177" s="46">
        <v>5.8</v>
      </c>
      <c r="K1177" s="46">
        <v>-38.799999999999997</v>
      </c>
      <c r="L1177" s="59">
        <v>-50</v>
      </c>
    </row>
    <row r="1178" spans="2:12" x14ac:dyDescent="0.2">
      <c r="B1178" s="77"/>
      <c r="C1178" s="39" t="s">
        <v>70</v>
      </c>
      <c r="D1178" s="45">
        <v>914</v>
      </c>
      <c r="E1178" s="46">
        <v>0.9</v>
      </c>
      <c r="F1178" s="46">
        <v>5.5</v>
      </c>
      <c r="G1178" s="46">
        <v>29</v>
      </c>
      <c r="H1178" s="46">
        <v>31.5</v>
      </c>
      <c r="I1178" s="46">
        <v>28.3</v>
      </c>
      <c r="J1178" s="46">
        <v>4.8</v>
      </c>
      <c r="K1178" s="46">
        <v>-42.5</v>
      </c>
      <c r="L1178" s="59">
        <v>-50</v>
      </c>
    </row>
    <row r="1179" spans="2:12" ht="21.6" x14ac:dyDescent="0.2">
      <c r="B1179" s="77"/>
      <c r="C1179" s="39" t="s">
        <v>63</v>
      </c>
      <c r="D1179" s="45">
        <v>193</v>
      </c>
      <c r="E1179" s="46">
        <v>1.6</v>
      </c>
      <c r="F1179" s="46">
        <v>8.3000000000000007</v>
      </c>
      <c r="G1179" s="46">
        <v>32.6</v>
      </c>
      <c r="H1179" s="46">
        <v>31.6</v>
      </c>
      <c r="I1179" s="46">
        <v>19.2</v>
      </c>
      <c r="J1179" s="46">
        <v>6.7</v>
      </c>
      <c r="K1179" s="46">
        <v>-31.4</v>
      </c>
      <c r="L1179" s="59">
        <v>-50</v>
      </c>
    </row>
    <row r="1180" spans="2:12" x14ac:dyDescent="0.2">
      <c r="B1180" s="77"/>
      <c r="C1180" s="39" t="s">
        <v>64</v>
      </c>
      <c r="D1180" s="45">
        <v>203</v>
      </c>
      <c r="E1180" s="46">
        <v>0</v>
      </c>
      <c r="F1180" s="46">
        <v>6.4</v>
      </c>
      <c r="G1180" s="46">
        <v>31.5</v>
      </c>
      <c r="H1180" s="46">
        <v>28.1</v>
      </c>
      <c r="I1180" s="46">
        <v>31.5</v>
      </c>
      <c r="J1180" s="46">
        <v>2.5</v>
      </c>
      <c r="K1180" s="46">
        <v>-43.4</v>
      </c>
      <c r="L1180" s="59">
        <v>-50</v>
      </c>
    </row>
    <row r="1181" spans="2:12" x14ac:dyDescent="0.2">
      <c r="B1181" s="77"/>
      <c r="C1181" s="39" t="s">
        <v>65</v>
      </c>
      <c r="D1181" s="45">
        <v>263</v>
      </c>
      <c r="E1181" s="46">
        <v>1.1000000000000001</v>
      </c>
      <c r="F1181" s="46">
        <v>4.9000000000000004</v>
      </c>
      <c r="G1181" s="46">
        <v>29.7</v>
      </c>
      <c r="H1181" s="46">
        <v>29.7</v>
      </c>
      <c r="I1181" s="46">
        <v>28.9</v>
      </c>
      <c r="J1181" s="46">
        <v>5.7</v>
      </c>
      <c r="K1181" s="46">
        <v>-42.5</v>
      </c>
      <c r="L1181" s="59">
        <v>-50</v>
      </c>
    </row>
    <row r="1182" spans="2:12" x14ac:dyDescent="0.2">
      <c r="B1182" s="77"/>
      <c r="C1182" s="39" t="s">
        <v>66</v>
      </c>
      <c r="D1182" s="45">
        <v>194</v>
      </c>
      <c r="E1182" s="46">
        <v>1</v>
      </c>
      <c r="F1182" s="46">
        <v>2.6</v>
      </c>
      <c r="G1182" s="46">
        <v>25.8</v>
      </c>
      <c r="H1182" s="46">
        <v>35.1</v>
      </c>
      <c r="I1182" s="46">
        <v>30.9</v>
      </c>
      <c r="J1182" s="46">
        <v>4.5999999999999996</v>
      </c>
      <c r="K1182" s="46">
        <v>-48.4</v>
      </c>
      <c r="L1182" s="59">
        <v>-50</v>
      </c>
    </row>
    <row r="1183" spans="2:12" x14ac:dyDescent="0.2">
      <c r="B1183" s="77"/>
      <c r="C1183" s="39" t="s">
        <v>67</v>
      </c>
      <c r="D1183" s="45">
        <v>61</v>
      </c>
      <c r="E1183" s="46">
        <v>0</v>
      </c>
      <c r="F1183" s="46">
        <v>4.9000000000000004</v>
      </c>
      <c r="G1183" s="46">
        <v>16.399999999999999</v>
      </c>
      <c r="H1183" s="46">
        <v>39.299999999999997</v>
      </c>
      <c r="I1183" s="46">
        <v>36.1</v>
      </c>
      <c r="J1183" s="46">
        <v>3.3</v>
      </c>
      <c r="K1183" s="46">
        <v>-55.1</v>
      </c>
      <c r="L1183" s="59">
        <v>-50</v>
      </c>
    </row>
    <row r="1184" spans="2:12" x14ac:dyDescent="0.2">
      <c r="B1184" s="77"/>
      <c r="C1184" s="39" t="s">
        <v>68</v>
      </c>
      <c r="D1184" s="45">
        <v>416</v>
      </c>
      <c r="E1184" s="46">
        <v>1.4</v>
      </c>
      <c r="F1184" s="46">
        <v>7.9</v>
      </c>
      <c r="G1184" s="46">
        <v>30.8</v>
      </c>
      <c r="H1184" s="46">
        <v>31.5</v>
      </c>
      <c r="I1184" s="46">
        <v>25.5</v>
      </c>
      <c r="J1184" s="46">
        <v>2.9</v>
      </c>
      <c r="K1184" s="46">
        <v>-36.9</v>
      </c>
      <c r="L1184" s="59">
        <v>-50</v>
      </c>
    </row>
    <row r="1185" spans="1:25" x14ac:dyDescent="0.2">
      <c r="B1185" s="77"/>
      <c r="C1185" s="40" t="s">
        <v>69</v>
      </c>
      <c r="D1185" s="48">
        <v>498</v>
      </c>
      <c r="E1185" s="49">
        <v>0.4</v>
      </c>
      <c r="F1185" s="49">
        <v>3.4</v>
      </c>
      <c r="G1185" s="49">
        <v>27.5</v>
      </c>
      <c r="H1185" s="49">
        <v>31.5</v>
      </c>
      <c r="I1185" s="49">
        <v>30.7</v>
      </c>
      <c r="J1185" s="49">
        <v>6.4</v>
      </c>
      <c r="K1185" s="49">
        <v>-47.4</v>
      </c>
      <c r="L1185" s="60">
        <v>-50</v>
      </c>
    </row>
    <row r="1186" spans="1:25" x14ac:dyDescent="0.2">
      <c r="B1186" s="7" t="s">
        <v>71</v>
      </c>
      <c r="C1186" s="4" t="s">
        <v>99</v>
      </c>
    </row>
    <row r="1187" spans="1:25" x14ac:dyDescent="0.2">
      <c r="B1187" s="4"/>
      <c r="C1187" s="4" t="s">
        <v>73</v>
      </c>
    </row>
    <row r="1189" spans="1:25" x14ac:dyDescent="0.2">
      <c r="A1189" s="26" t="s">
        <v>25</v>
      </c>
      <c r="B1189" t="s">
        <v>35</v>
      </c>
      <c r="C1189" t="s">
        <v>35</v>
      </c>
    </row>
    <row r="1190" spans="1:25" x14ac:dyDescent="0.2">
      <c r="B1190" s="75" t="s">
        <v>100</v>
      </c>
      <c r="C1190" s="76"/>
      <c r="D1190" s="76"/>
      <c r="E1190" s="76"/>
      <c r="F1190" s="76"/>
      <c r="G1190" s="76"/>
      <c r="H1190" s="76"/>
      <c r="I1190" s="76"/>
      <c r="J1190" s="76"/>
      <c r="K1190" s="76"/>
      <c r="L1190" s="76"/>
      <c r="M1190" s="76"/>
      <c r="N1190" s="76"/>
      <c r="O1190" s="76"/>
      <c r="P1190" s="76"/>
      <c r="Q1190" s="76"/>
      <c r="R1190" s="76"/>
      <c r="S1190" s="76"/>
      <c r="T1190" s="76"/>
      <c r="U1190" s="76"/>
      <c r="V1190" s="76"/>
      <c r="W1190" s="76"/>
      <c r="X1190" s="76"/>
      <c r="Y1190" s="76"/>
    </row>
    <row r="1191" spans="1:25" s="32" customFormat="1" ht="36.450000000000003" customHeight="1" x14ac:dyDescent="0.15">
      <c r="A1191" s="31"/>
      <c r="D1191" s="33" t="s">
        <v>378</v>
      </c>
      <c r="E1191" s="36" t="s">
        <v>524</v>
      </c>
      <c r="F1191" s="55" t="s">
        <v>525</v>
      </c>
      <c r="G1191" s="55" t="s">
        <v>526</v>
      </c>
      <c r="H1191" s="37" t="s">
        <v>480</v>
      </c>
      <c r="I1191" s="35" t="s">
        <v>381</v>
      </c>
    </row>
    <row r="1192" spans="1:25" x14ac:dyDescent="0.2">
      <c r="B1192" s="5"/>
      <c r="C1192" s="41" t="s">
        <v>38</v>
      </c>
      <c r="D1192" s="42">
        <v>2000</v>
      </c>
      <c r="E1192" s="43">
        <v>7.3</v>
      </c>
      <c r="F1192" s="43">
        <v>32.299999999999997</v>
      </c>
      <c r="G1192" s="43">
        <v>57</v>
      </c>
      <c r="H1192" s="44">
        <v>3.5</v>
      </c>
    </row>
    <row r="1193" spans="1:25" x14ac:dyDescent="0.2">
      <c r="B1193" s="77" t="s">
        <v>37</v>
      </c>
      <c r="C1193" s="39" t="s">
        <v>39</v>
      </c>
      <c r="D1193" s="45">
        <v>111</v>
      </c>
      <c r="E1193" s="46">
        <v>7.2</v>
      </c>
      <c r="F1193" s="46">
        <v>29.7</v>
      </c>
      <c r="G1193" s="46">
        <v>61.3</v>
      </c>
      <c r="H1193" s="47">
        <v>1.8</v>
      </c>
    </row>
    <row r="1194" spans="1:25" x14ac:dyDescent="0.2">
      <c r="B1194" s="77"/>
      <c r="C1194" s="39" t="s">
        <v>40</v>
      </c>
      <c r="D1194" s="45">
        <v>450</v>
      </c>
      <c r="E1194" s="46">
        <v>6.9</v>
      </c>
      <c r="F1194" s="46">
        <v>33.1</v>
      </c>
      <c r="G1194" s="46">
        <v>57.6</v>
      </c>
      <c r="H1194" s="47">
        <v>2.4</v>
      </c>
    </row>
    <row r="1195" spans="1:25" ht="21.6" x14ac:dyDescent="0.2">
      <c r="B1195" s="77"/>
      <c r="C1195" s="39" t="s">
        <v>41</v>
      </c>
      <c r="D1195" s="45">
        <v>30</v>
      </c>
      <c r="E1195" s="46">
        <v>13.3</v>
      </c>
      <c r="F1195" s="46">
        <v>30</v>
      </c>
      <c r="G1195" s="46">
        <v>50</v>
      </c>
      <c r="H1195" s="47">
        <v>6.7</v>
      </c>
    </row>
    <row r="1196" spans="1:25" ht="21.6" x14ac:dyDescent="0.2">
      <c r="B1196" s="77"/>
      <c r="C1196" s="39" t="s">
        <v>42</v>
      </c>
      <c r="D1196" s="45">
        <v>336</v>
      </c>
      <c r="E1196" s="46">
        <v>6.5</v>
      </c>
      <c r="F1196" s="46">
        <v>39</v>
      </c>
      <c r="G1196" s="46">
        <v>53.3</v>
      </c>
      <c r="H1196" s="47">
        <v>1.2</v>
      </c>
    </row>
    <row r="1197" spans="1:25" ht="21.6" x14ac:dyDescent="0.2">
      <c r="B1197" s="77"/>
      <c r="C1197" s="39" t="s">
        <v>43</v>
      </c>
      <c r="D1197" s="45">
        <v>327</v>
      </c>
      <c r="E1197" s="46">
        <v>6.4</v>
      </c>
      <c r="F1197" s="46">
        <v>26.6</v>
      </c>
      <c r="G1197" s="46">
        <v>61.5</v>
      </c>
      <c r="H1197" s="47">
        <v>5.5</v>
      </c>
    </row>
    <row r="1198" spans="1:25" ht="21.6" x14ac:dyDescent="0.2">
      <c r="B1198" s="77"/>
      <c r="C1198" s="39" t="s">
        <v>44</v>
      </c>
      <c r="D1198" s="45">
        <v>181</v>
      </c>
      <c r="E1198" s="46">
        <v>11</v>
      </c>
      <c r="F1198" s="46">
        <v>34.299999999999997</v>
      </c>
      <c r="G1198" s="46">
        <v>53</v>
      </c>
      <c r="H1198" s="47">
        <v>1.7</v>
      </c>
    </row>
    <row r="1199" spans="1:25" ht="21.6" x14ac:dyDescent="0.2">
      <c r="B1199" s="77"/>
      <c r="C1199" s="39" t="s">
        <v>45</v>
      </c>
      <c r="D1199" s="45">
        <v>565</v>
      </c>
      <c r="E1199" s="46">
        <v>6.9</v>
      </c>
      <c r="F1199" s="46">
        <v>31</v>
      </c>
      <c r="G1199" s="46">
        <v>56.8</v>
      </c>
      <c r="H1199" s="47">
        <v>5.3</v>
      </c>
    </row>
    <row r="1200" spans="1:25" ht="21.6" x14ac:dyDescent="0.2">
      <c r="B1200" s="77"/>
      <c r="C1200" s="39" t="s">
        <v>46</v>
      </c>
      <c r="D1200" s="45">
        <v>473</v>
      </c>
      <c r="E1200" s="46">
        <v>6.3</v>
      </c>
      <c r="F1200" s="46">
        <v>31.1</v>
      </c>
      <c r="G1200" s="46">
        <v>57.5</v>
      </c>
      <c r="H1200" s="47">
        <v>5.0999999999999996</v>
      </c>
    </row>
    <row r="1201" spans="1:25" ht="21.6" x14ac:dyDescent="0.2">
      <c r="B1201" s="77"/>
      <c r="C1201" s="39" t="s">
        <v>47</v>
      </c>
      <c r="D1201" s="45">
        <v>441</v>
      </c>
      <c r="E1201" s="46">
        <v>6.1</v>
      </c>
      <c r="F1201" s="46">
        <v>30.8</v>
      </c>
      <c r="G1201" s="46">
        <v>59.9</v>
      </c>
      <c r="H1201" s="47">
        <v>3.2</v>
      </c>
    </row>
    <row r="1202" spans="1:25" ht="21.6" x14ac:dyDescent="0.2">
      <c r="B1202" s="77"/>
      <c r="C1202" s="39" t="s">
        <v>48</v>
      </c>
      <c r="D1202" s="45">
        <v>305</v>
      </c>
      <c r="E1202" s="46">
        <v>8.9</v>
      </c>
      <c r="F1202" s="46">
        <v>29.5</v>
      </c>
      <c r="G1202" s="46">
        <v>60.7</v>
      </c>
      <c r="H1202" s="47">
        <v>1</v>
      </c>
    </row>
    <row r="1203" spans="1:25" ht="21.6" x14ac:dyDescent="0.2">
      <c r="B1203" s="77"/>
      <c r="C1203" s="39" t="s">
        <v>49</v>
      </c>
      <c r="D1203" s="45">
        <v>223</v>
      </c>
      <c r="E1203" s="46">
        <v>10.3</v>
      </c>
      <c r="F1203" s="46">
        <v>35</v>
      </c>
      <c r="G1203" s="46">
        <v>54.3</v>
      </c>
      <c r="H1203" s="47">
        <v>0.4</v>
      </c>
    </row>
    <row r="1204" spans="1:25" ht="21.6" x14ac:dyDescent="0.2">
      <c r="B1204" s="77"/>
      <c r="C1204" s="39" t="s">
        <v>50</v>
      </c>
      <c r="D1204" s="45">
        <v>123</v>
      </c>
      <c r="E1204" s="46">
        <v>14.6</v>
      </c>
      <c r="F1204" s="46">
        <v>35</v>
      </c>
      <c r="G1204" s="46">
        <v>48</v>
      </c>
      <c r="H1204" s="47">
        <v>2.4</v>
      </c>
    </row>
    <row r="1205" spans="1:25" ht="21.6" x14ac:dyDescent="0.2">
      <c r="B1205" s="77"/>
      <c r="C1205" s="39" t="s">
        <v>51</v>
      </c>
      <c r="D1205" s="45">
        <v>124</v>
      </c>
      <c r="E1205" s="46">
        <v>6.5</v>
      </c>
      <c r="F1205" s="46">
        <v>36.299999999999997</v>
      </c>
      <c r="G1205" s="46">
        <v>56.5</v>
      </c>
      <c r="H1205" s="47">
        <v>0.8</v>
      </c>
    </row>
    <row r="1206" spans="1:25" ht="21.6" x14ac:dyDescent="0.2">
      <c r="B1206" s="77"/>
      <c r="C1206" s="39" t="s">
        <v>52</v>
      </c>
      <c r="D1206" s="45">
        <v>312</v>
      </c>
      <c r="E1206" s="46">
        <v>3.5</v>
      </c>
      <c r="F1206" s="46">
        <v>31.4</v>
      </c>
      <c r="G1206" s="46">
        <v>60.9</v>
      </c>
      <c r="H1206" s="47">
        <v>4.2</v>
      </c>
    </row>
    <row r="1207" spans="1:25" x14ac:dyDescent="0.2">
      <c r="B1207" s="77"/>
      <c r="C1207" s="39" t="s">
        <v>53</v>
      </c>
      <c r="D1207" s="45">
        <v>269</v>
      </c>
      <c r="E1207" s="46">
        <v>8.9</v>
      </c>
      <c r="F1207" s="46">
        <v>25.3</v>
      </c>
      <c r="G1207" s="46">
        <v>63.6</v>
      </c>
      <c r="H1207" s="47">
        <v>2.2000000000000002</v>
      </c>
    </row>
    <row r="1208" spans="1:25" ht="21.6" x14ac:dyDescent="0.2">
      <c r="B1208" s="77"/>
      <c r="C1208" s="39" t="s">
        <v>54</v>
      </c>
      <c r="D1208" s="45">
        <v>511</v>
      </c>
      <c r="E1208" s="46">
        <v>7.6</v>
      </c>
      <c r="F1208" s="46">
        <v>31.7</v>
      </c>
      <c r="G1208" s="46">
        <v>58.5</v>
      </c>
      <c r="H1208" s="47">
        <v>2.2000000000000002</v>
      </c>
    </row>
    <row r="1209" spans="1:25" ht="21.6" x14ac:dyDescent="0.2">
      <c r="B1209" s="77"/>
      <c r="C1209" s="39" t="s">
        <v>55</v>
      </c>
      <c r="D1209" s="45">
        <v>615</v>
      </c>
      <c r="E1209" s="46">
        <v>10.4</v>
      </c>
      <c r="F1209" s="46">
        <v>35.6</v>
      </c>
      <c r="G1209" s="46">
        <v>51.5</v>
      </c>
      <c r="H1209" s="47">
        <v>2.4</v>
      </c>
    </row>
    <row r="1210" spans="1:25" ht="21.6" x14ac:dyDescent="0.2">
      <c r="B1210" s="77"/>
      <c r="C1210" s="39" t="s">
        <v>56</v>
      </c>
      <c r="D1210" s="45">
        <v>800</v>
      </c>
      <c r="E1210" s="46">
        <v>10.9</v>
      </c>
      <c r="F1210" s="46">
        <v>32.299999999999997</v>
      </c>
      <c r="G1210" s="46">
        <v>54.8</v>
      </c>
      <c r="H1210" s="47">
        <v>2.1</v>
      </c>
    </row>
    <row r="1211" spans="1:25" x14ac:dyDescent="0.2">
      <c r="B1211" s="77"/>
      <c r="C1211" s="40" t="s">
        <v>57</v>
      </c>
      <c r="D1211" s="48">
        <v>798</v>
      </c>
      <c r="E1211" s="49">
        <v>5.9</v>
      </c>
      <c r="F1211" s="49">
        <v>30.6</v>
      </c>
      <c r="G1211" s="49">
        <v>60.8</v>
      </c>
      <c r="H1211" s="50">
        <v>2.8</v>
      </c>
    </row>
    <row r="1213" spans="1:25" x14ac:dyDescent="0.2">
      <c r="C1213" t="s">
        <v>35</v>
      </c>
    </row>
    <row r="1214" spans="1:25" x14ac:dyDescent="0.2">
      <c r="B1214" s="75" t="s">
        <v>279</v>
      </c>
      <c r="C1214" s="76"/>
      <c r="D1214" s="76"/>
      <c r="E1214" s="76"/>
      <c r="F1214" s="76"/>
      <c r="G1214" s="76"/>
      <c r="H1214" s="76"/>
      <c r="I1214" s="76"/>
      <c r="J1214" s="76"/>
      <c r="K1214" s="76"/>
      <c r="L1214" s="76"/>
      <c r="M1214" s="76"/>
      <c r="N1214" s="76"/>
      <c r="O1214" s="76"/>
      <c r="P1214" s="76"/>
      <c r="Q1214" s="76"/>
      <c r="R1214" s="76"/>
      <c r="S1214" s="76"/>
      <c r="T1214" s="76"/>
      <c r="U1214" s="76"/>
      <c r="V1214" s="76"/>
      <c r="W1214" s="76"/>
      <c r="X1214" s="76"/>
      <c r="Y1214" s="76"/>
    </row>
    <row r="1215" spans="1:25" s="32" customFormat="1" ht="36.450000000000003" customHeight="1" x14ac:dyDescent="0.15">
      <c r="A1215" s="31"/>
      <c r="D1215" s="33" t="s">
        <v>378</v>
      </c>
      <c r="E1215" s="36" t="s">
        <v>524</v>
      </c>
      <c r="F1215" s="55" t="s">
        <v>525</v>
      </c>
      <c r="G1215" s="55" t="s">
        <v>526</v>
      </c>
      <c r="H1215" s="37" t="s">
        <v>480</v>
      </c>
      <c r="I1215" s="35" t="s">
        <v>381</v>
      </c>
    </row>
    <row r="1216" spans="1:25" ht="21.6" x14ac:dyDescent="0.2">
      <c r="B1216" s="77" t="s">
        <v>37</v>
      </c>
      <c r="C1216" s="38" t="s">
        <v>58</v>
      </c>
      <c r="D1216" s="51">
        <v>609</v>
      </c>
      <c r="E1216" s="52">
        <v>11.8</v>
      </c>
      <c r="F1216" s="52">
        <v>33.200000000000003</v>
      </c>
      <c r="G1216" s="52">
        <v>52.9</v>
      </c>
      <c r="H1216" s="53">
        <v>2.1</v>
      </c>
    </row>
    <row r="1217" spans="2:8" ht="21.6" x14ac:dyDescent="0.2">
      <c r="B1217" s="77"/>
      <c r="C1217" s="39" t="s">
        <v>59</v>
      </c>
      <c r="D1217" s="45">
        <v>1391</v>
      </c>
      <c r="E1217" s="46">
        <v>5.2</v>
      </c>
      <c r="F1217" s="46">
        <v>31.9</v>
      </c>
      <c r="G1217" s="46">
        <v>58.7</v>
      </c>
      <c r="H1217" s="47">
        <v>4.0999999999999996</v>
      </c>
    </row>
    <row r="1218" spans="2:8" x14ac:dyDescent="0.2">
      <c r="B1218" s="77"/>
      <c r="C1218" s="39" t="s">
        <v>60</v>
      </c>
      <c r="D1218" s="45">
        <v>1325</v>
      </c>
      <c r="E1218" s="46">
        <v>8</v>
      </c>
      <c r="F1218" s="46">
        <v>33.1</v>
      </c>
      <c r="G1218" s="46">
        <v>55.5</v>
      </c>
      <c r="H1218" s="47">
        <v>3.4</v>
      </c>
    </row>
    <row r="1219" spans="2:8" x14ac:dyDescent="0.2">
      <c r="B1219" s="77"/>
      <c r="C1219" s="39" t="s">
        <v>61</v>
      </c>
      <c r="D1219" s="45">
        <v>675</v>
      </c>
      <c r="E1219" s="46">
        <v>5.8</v>
      </c>
      <c r="F1219" s="46">
        <v>30.7</v>
      </c>
      <c r="G1219" s="46">
        <v>59.9</v>
      </c>
      <c r="H1219" s="47">
        <v>3.7</v>
      </c>
    </row>
    <row r="1220" spans="2:8" x14ac:dyDescent="0.2">
      <c r="B1220" s="77"/>
      <c r="C1220" s="39" t="s">
        <v>62</v>
      </c>
      <c r="D1220" s="45">
        <v>1086</v>
      </c>
      <c r="E1220" s="46">
        <v>8</v>
      </c>
      <c r="F1220" s="46">
        <v>35.1</v>
      </c>
      <c r="G1220" s="46">
        <v>54.5</v>
      </c>
      <c r="H1220" s="47">
        <v>2.4</v>
      </c>
    </row>
    <row r="1221" spans="2:8" ht="21.6" x14ac:dyDescent="0.2">
      <c r="B1221" s="77"/>
      <c r="C1221" s="39" t="s">
        <v>63</v>
      </c>
      <c r="D1221" s="45">
        <v>203</v>
      </c>
      <c r="E1221" s="46">
        <v>13.3</v>
      </c>
      <c r="F1221" s="46">
        <v>38.4</v>
      </c>
      <c r="G1221" s="46">
        <v>42.9</v>
      </c>
      <c r="H1221" s="47">
        <v>5.4</v>
      </c>
    </row>
    <row r="1222" spans="2:8" x14ac:dyDescent="0.2">
      <c r="B1222" s="77"/>
      <c r="C1222" s="39" t="s">
        <v>64</v>
      </c>
      <c r="D1222" s="45">
        <v>263</v>
      </c>
      <c r="E1222" s="46">
        <v>8</v>
      </c>
      <c r="F1222" s="46">
        <v>35.700000000000003</v>
      </c>
      <c r="G1222" s="46">
        <v>54</v>
      </c>
      <c r="H1222" s="47">
        <v>2.2999999999999998</v>
      </c>
    </row>
    <row r="1223" spans="2:8" x14ac:dyDescent="0.2">
      <c r="B1223" s="77"/>
      <c r="C1223" s="39" t="s">
        <v>65</v>
      </c>
      <c r="D1223" s="45">
        <v>312</v>
      </c>
      <c r="E1223" s="46">
        <v>6.7</v>
      </c>
      <c r="F1223" s="46">
        <v>32.1</v>
      </c>
      <c r="G1223" s="46">
        <v>58.7</v>
      </c>
      <c r="H1223" s="47">
        <v>2.6</v>
      </c>
    </row>
    <row r="1224" spans="2:8" x14ac:dyDescent="0.2">
      <c r="B1224" s="77"/>
      <c r="C1224" s="39" t="s">
        <v>66</v>
      </c>
      <c r="D1224" s="45">
        <v>230</v>
      </c>
      <c r="E1224" s="46">
        <v>5.7</v>
      </c>
      <c r="F1224" s="46">
        <v>37.799999999999997</v>
      </c>
      <c r="G1224" s="46">
        <v>56.5</v>
      </c>
      <c r="H1224" s="47">
        <v>0</v>
      </c>
    </row>
    <row r="1225" spans="2:8" x14ac:dyDescent="0.2">
      <c r="B1225" s="77"/>
      <c r="C1225" s="39" t="s">
        <v>67</v>
      </c>
      <c r="D1225" s="45">
        <v>78</v>
      </c>
      <c r="E1225" s="46">
        <v>6.4</v>
      </c>
      <c r="F1225" s="46">
        <v>28.2</v>
      </c>
      <c r="G1225" s="46">
        <v>64.099999999999994</v>
      </c>
      <c r="H1225" s="47">
        <v>1.3</v>
      </c>
    </row>
    <row r="1226" spans="2:8" x14ac:dyDescent="0.2">
      <c r="B1226" s="77"/>
      <c r="C1226" s="39" t="s">
        <v>68</v>
      </c>
      <c r="D1226" s="45">
        <v>897</v>
      </c>
      <c r="E1226" s="46">
        <v>8.6</v>
      </c>
      <c r="F1226" s="46">
        <v>34.9</v>
      </c>
      <c r="G1226" s="46">
        <v>54.8</v>
      </c>
      <c r="H1226" s="47">
        <v>1.7</v>
      </c>
    </row>
    <row r="1227" spans="2:8" x14ac:dyDescent="0.2">
      <c r="B1227" s="77"/>
      <c r="C1227" s="39" t="s">
        <v>69</v>
      </c>
      <c r="D1227" s="45">
        <v>189</v>
      </c>
      <c r="E1227" s="46">
        <v>5.3</v>
      </c>
      <c r="F1227" s="46">
        <v>36</v>
      </c>
      <c r="G1227" s="46">
        <v>52.9</v>
      </c>
      <c r="H1227" s="47">
        <v>5.8</v>
      </c>
    </row>
    <row r="1228" spans="2:8" x14ac:dyDescent="0.2">
      <c r="B1228" s="77"/>
      <c r="C1228" s="39" t="s">
        <v>70</v>
      </c>
      <c r="D1228" s="45">
        <v>914</v>
      </c>
      <c r="E1228" s="46">
        <v>6.3</v>
      </c>
      <c r="F1228" s="46">
        <v>29</v>
      </c>
      <c r="G1228" s="46">
        <v>59.8</v>
      </c>
      <c r="H1228" s="47">
        <v>4.8</v>
      </c>
    </row>
    <row r="1229" spans="2:8" ht="21.6" x14ac:dyDescent="0.2">
      <c r="B1229" s="77"/>
      <c r="C1229" s="39" t="s">
        <v>63</v>
      </c>
      <c r="D1229" s="45">
        <v>193</v>
      </c>
      <c r="E1229" s="46">
        <v>9.8000000000000007</v>
      </c>
      <c r="F1229" s="46">
        <v>32.6</v>
      </c>
      <c r="G1229" s="46">
        <v>50.8</v>
      </c>
      <c r="H1229" s="47">
        <v>6.7</v>
      </c>
    </row>
    <row r="1230" spans="2:8" x14ac:dyDescent="0.2">
      <c r="B1230" s="77"/>
      <c r="C1230" s="39" t="s">
        <v>64</v>
      </c>
      <c r="D1230" s="45">
        <v>203</v>
      </c>
      <c r="E1230" s="46">
        <v>6.4</v>
      </c>
      <c r="F1230" s="46">
        <v>31.5</v>
      </c>
      <c r="G1230" s="46">
        <v>59.6</v>
      </c>
      <c r="H1230" s="47">
        <v>2.5</v>
      </c>
    </row>
    <row r="1231" spans="2:8" x14ac:dyDescent="0.2">
      <c r="B1231" s="77"/>
      <c r="C1231" s="39" t="s">
        <v>65</v>
      </c>
      <c r="D1231" s="45">
        <v>263</v>
      </c>
      <c r="E1231" s="46">
        <v>6.1</v>
      </c>
      <c r="F1231" s="46">
        <v>29.7</v>
      </c>
      <c r="G1231" s="46">
        <v>58.6</v>
      </c>
      <c r="H1231" s="47">
        <v>5.7</v>
      </c>
    </row>
    <row r="1232" spans="2:8" x14ac:dyDescent="0.2">
      <c r="B1232" s="77"/>
      <c r="C1232" s="39" t="s">
        <v>66</v>
      </c>
      <c r="D1232" s="45">
        <v>194</v>
      </c>
      <c r="E1232" s="46">
        <v>3.6</v>
      </c>
      <c r="F1232" s="46">
        <v>25.8</v>
      </c>
      <c r="G1232" s="46">
        <v>66</v>
      </c>
      <c r="H1232" s="47">
        <v>4.5999999999999996</v>
      </c>
    </row>
    <row r="1233" spans="1:25" x14ac:dyDescent="0.2">
      <c r="B1233" s="77"/>
      <c r="C1233" s="39" t="s">
        <v>67</v>
      </c>
      <c r="D1233" s="45">
        <v>61</v>
      </c>
      <c r="E1233" s="46">
        <v>4.9000000000000004</v>
      </c>
      <c r="F1233" s="46">
        <v>16.399999999999999</v>
      </c>
      <c r="G1233" s="46">
        <v>75.400000000000006</v>
      </c>
      <c r="H1233" s="47">
        <v>3.3</v>
      </c>
    </row>
    <row r="1234" spans="1:25" x14ac:dyDescent="0.2">
      <c r="B1234" s="77"/>
      <c r="C1234" s="39" t="s">
        <v>68</v>
      </c>
      <c r="D1234" s="45">
        <v>416</v>
      </c>
      <c r="E1234" s="46">
        <v>9.4</v>
      </c>
      <c r="F1234" s="46">
        <v>30.8</v>
      </c>
      <c r="G1234" s="46">
        <v>57</v>
      </c>
      <c r="H1234" s="47">
        <v>2.9</v>
      </c>
    </row>
    <row r="1235" spans="1:25" x14ac:dyDescent="0.2">
      <c r="B1235" s="77"/>
      <c r="C1235" s="40" t="s">
        <v>69</v>
      </c>
      <c r="D1235" s="48">
        <v>498</v>
      </c>
      <c r="E1235" s="49">
        <v>3.8</v>
      </c>
      <c r="F1235" s="49">
        <v>27.5</v>
      </c>
      <c r="G1235" s="49">
        <v>62.2</v>
      </c>
      <c r="H1235" s="50">
        <v>6.4</v>
      </c>
    </row>
    <row r="1237" spans="1:25" x14ac:dyDescent="0.2">
      <c r="A1237" s="26" t="s">
        <v>25</v>
      </c>
      <c r="B1237" t="s">
        <v>35</v>
      </c>
      <c r="C1237" t="s">
        <v>35</v>
      </c>
    </row>
    <row r="1238" spans="1:25" x14ac:dyDescent="0.2">
      <c r="B1238" s="75" t="s">
        <v>101</v>
      </c>
      <c r="C1238" s="76"/>
      <c r="D1238" s="76"/>
      <c r="E1238" s="76"/>
      <c r="F1238" s="76"/>
      <c r="G1238" s="76"/>
      <c r="H1238" s="76"/>
      <c r="I1238" s="76"/>
      <c r="J1238" s="76"/>
      <c r="K1238" s="76"/>
      <c r="L1238" s="76"/>
      <c r="M1238" s="76"/>
      <c r="N1238" s="76"/>
      <c r="O1238" s="76"/>
      <c r="P1238" s="76"/>
      <c r="Q1238" s="76"/>
      <c r="R1238" s="76"/>
      <c r="S1238" s="76"/>
      <c r="T1238" s="76"/>
      <c r="U1238" s="76"/>
      <c r="V1238" s="76"/>
      <c r="W1238" s="76"/>
      <c r="X1238" s="76"/>
      <c r="Y1238" s="76"/>
    </row>
    <row r="1239" spans="1:25" s="32" customFormat="1" ht="47.25" customHeight="1" x14ac:dyDescent="0.15">
      <c r="A1239" s="31"/>
      <c r="D1239" s="33" t="s">
        <v>378</v>
      </c>
      <c r="E1239" s="36" t="s">
        <v>527</v>
      </c>
      <c r="F1239" s="55" t="s">
        <v>528</v>
      </c>
      <c r="G1239" s="55" t="s">
        <v>521</v>
      </c>
      <c r="H1239" s="55" t="s">
        <v>529</v>
      </c>
      <c r="I1239" s="55" t="s">
        <v>530</v>
      </c>
      <c r="J1239" s="55" t="s">
        <v>480</v>
      </c>
      <c r="K1239" s="56" t="s">
        <v>387</v>
      </c>
      <c r="L1239" s="57" t="s">
        <v>388</v>
      </c>
      <c r="M1239" s="54" t="s">
        <v>381</v>
      </c>
    </row>
    <row r="1240" spans="1:25" x14ac:dyDescent="0.2">
      <c r="B1240" s="5"/>
      <c r="C1240" s="41" t="s">
        <v>38</v>
      </c>
      <c r="D1240" s="42">
        <v>2000</v>
      </c>
      <c r="E1240" s="43">
        <v>2.8</v>
      </c>
      <c r="F1240" s="43">
        <v>24</v>
      </c>
      <c r="G1240" s="43">
        <v>38.5</v>
      </c>
      <c r="H1240" s="43">
        <v>16.5</v>
      </c>
      <c r="I1240" s="43">
        <v>10.8</v>
      </c>
      <c r="J1240" s="43">
        <v>7.5</v>
      </c>
      <c r="K1240" s="43">
        <v>-4.5999999999999996</v>
      </c>
      <c r="L1240" s="58">
        <v>0</v>
      </c>
    </row>
    <row r="1241" spans="1:25" x14ac:dyDescent="0.2">
      <c r="B1241" s="77" t="s">
        <v>37</v>
      </c>
      <c r="C1241" s="39" t="s">
        <v>39</v>
      </c>
      <c r="D1241" s="45">
        <v>111</v>
      </c>
      <c r="E1241" s="46">
        <v>3.6</v>
      </c>
      <c r="F1241" s="46">
        <v>25.2</v>
      </c>
      <c r="G1241" s="46">
        <v>41.4</v>
      </c>
      <c r="H1241" s="46">
        <v>13.5</v>
      </c>
      <c r="I1241" s="46">
        <v>9</v>
      </c>
      <c r="J1241" s="46">
        <v>7.2</v>
      </c>
      <c r="K1241" s="46">
        <v>0.5</v>
      </c>
      <c r="L1241" s="59">
        <v>0</v>
      </c>
    </row>
    <row r="1242" spans="1:25" x14ac:dyDescent="0.2">
      <c r="B1242" s="77"/>
      <c r="C1242" s="39" t="s">
        <v>40</v>
      </c>
      <c r="D1242" s="45">
        <v>450</v>
      </c>
      <c r="E1242" s="46">
        <v>1.8</v>
      </c>
      <c r="F1242" s="46">
        <v>25.1</v>
      </c>
      <c r="G1242" s="46">
        <v>40.700000000000003</v>
      </c>
      <c r="H1242" s="46">
        <v>14.2</v>
      </c>
      <c r="I1242" s="46">
        <v>12.7</v>
      </c>
      <c r="J1242" s="46">
        <v>5.6</v>
      </c>
      <c r="K1242" s="46">
        <v>-5.8</v>
      </c>
      <c r="L1242" s="59">
        <v>0</v>
      </c>
    </row>
    <row r="1243" spans="1:25" ht="21.6" x14ac:dyDescent="0.2">
      <c r="B1243" s="77"/>
      <c r="C1243" s="39" t="s">
        <v>41</v>
      </c>
      <c r="D1243" s="45">
        <v>30</v>
      </c>
      <c r="E1243" s="46">
        <v>3.3</v>
      </c>
      <c r="F1243" s="46">
        <v>16.7</v>
      </c>
      <c r="G1243" s="46">
        <v>23.3</v>
      </c>
      <c r="H1243" s="46">
        <v>30</v>
      </c>
      <c r="I1243" s="46">
        <v>6.7</v>
      </c>
      <c r="J1243" s="46">
        <v>20</v>
      </c>
      <c r="K1243" s="46">
        <v>-12.5</v>
      </c>
      <c r="L1243" s="59">
        <v>0</v>
      </c>
    </row>
    <row r="1244" spans="1:25" ht="21.6" x14ac:dyDescent="0.2">
      <c r="B1244" s="77"/>
      <c r="C1244" s="39" t="s">
        <v>42</v>
      </c>
      <c r="D1244" s="45">
        <v>336</v>
      </c>
      <c r="E1244" s="46">
        <v>3.9</v>
      </c>
      <c r="F1244" s="46">
        <v>23.5</v>
      </c>
      <c r="G1244" s="46">
        <v>44</v>
      </c>
      <c r="H1244" s="46">
        <v>11.9</v>
      </c>
      <c r="I1244" s="46">
        <v>10.4</v>
      </c>
      <c r="J1244" s="46">
        <v>6.3</v>
      </c>
      <c r="K1244" s="46">
        <v>-0.8</v>
      </c>
      <c r="L1244" s="59">
        <v>0</v>
      </c>
    </row>
    <row r="1245" spans="1:25" ht="21.6" x14ac:dyDescent="0.2">
      <c r="B1245" s="77"/>
      <c r="C1245" s="39" t="s">
        <v>43</v>
      </c>
      <c r="D1245" s="45">
        <v>327</v>
      </c>
      <c r="E1245" s="46">
        <v>1.5</v>
      </c>
      <c r="F1245" s="46">
        <v>26.3</v>
      </c>
      <c r="G1245" s="46">
        <v>35.200000000000003</v>
      </c>
      <c r="H1245" s="46">
        <v>17.399999999999999</v>
      </c>
      <c r="I1245" s="46">
        <v>10.4</v>
      </c>
      <c r="J1245" s="46">
        <v>9.1999999999999993</v>
      </c>
      <c r="K1245" s="46">
        <v>-4.9000000000000004</v>
      </c>
      <c r="L1245" s="59">
        <v>0</v>
      </c>
    </row>
    <row r="1246" spans="1:25" ht="21.6" x14ac:dyDescent="0.2">
      <c r="B1246" s="77"/>
      <c r="C1246" s="39" t="s">
        <v>44</v>
      </c>
      <c r="D1246" s="45">
        <v>181</v>
      </c>
      <c r="E1246" s="46">
        <v>5.5</v>
      </c>
      <c r="F1246" s="46">
        <v>22.1</v>
      </c>
      <c r="G1246" s="46">
        <v>30.9</v>
      </c>
      <c r="H1246" s="46">
        <v>22.1</v>
      </c>
      <c r="I1246" s="46">
        <v>10.5</v>
      </c>
      <c r="J1246" s="46">
        <v>8.8000000000000007</v>
      </c>
      <c r="K1246" s="46">
        <v>-5.5</v>
      </c>
      <c r="L1246" s="59">
        <v>0</v>
      </c>
    </row>
    <row r="1247" spans="1:25" ht="21.6" x14ac:dyDescent="0.2">
      <c r="B1247" s="77"/>
      <c r="C1247" s="39" t="s">
        <v>45</v>
      </c>
      <c r="D1247" s="45">
        <v>565</v>
      </c>
      <c r="E1247" s="46">
        <v>2.7</v>
      </c>
      <c r="F1247" s="46">
        <v>22.8</v>
      </c>
      <c r="G1247" s="46">
        <v>37.9</v>
      </c>
      <c r="H1247" s="46">
        <v>18.399999999999999</v>
      </c>
      <c r="I1247" s="46">
        <v>10.4</v>
      </c>
      <c r="J1247" s="46">
        <v>7.8</v>
      </c>
      <c r="K1247" s="46">
        <v>-6</v>
      </c>
      <c r="L1247" s="59">
        <v>0</v>
      </c>
    </row>
    <row r="1248" spans="1:25" ht="21.6" x14ac:dyDescent="0.2">
      <c r="B1248" s="77"/>
      <c r="C1248" s="39" t="s">
        <v>46</v>
      </c>
      <c r="D1248" s="45">
        <v>473</v>
      </c>
      <c r="E1248" s="46">
        <v>2.5</v>
      </c>
      <c r="F1248" s="46">
        <v>16.100000000000001</v>
      </c>
      <c r="G1248" s="46">
        <v>38.700000000000003</v>
      </c>
      <c r="H1248" s="46">
        <v>17.8</v>
      </c>
      <c r="I1248" s="46">
        <v>14.2</v>
      </c>
      <c r="J1248" s="46">
        <v>10.8</v>
      </c>
      <c r="K1248" s="46">
        <v>-14</v>
      </c>
      <c r="L1248" s="59">
        <v>0</v>
      </c>
    </row>
    <row r="1249" spans="2:25" ht="21.6" x14ac:dyDescent="0.2">
      <c r="B1249" s="77"/>
      <c r="C1249" s="39" t="s">
        <v>47</v>
      </c>
      <c r="D1249" s="45">
        <v>441</v>
      </c>
      <c r="E1249" s="46">
        <v>2.7</v>
      </c>
      <c r="F1249" s="46">
        <v>26.8</v>
      </c>
      <c r="G1249" s="46">
        <v>34</v>
      </c>
      <c r="H1249" s="46">
        <v>17.7</v>
      </c>
      <c r="I1249" s="46">
        <v>12</v>
      </c>
      <c r="J1249" s="46">
        <v>6.8</v>
      </c>
      <c r="K1249" s="46">
        <v>-5.0999999999999996</v>
      </c>
      <c r="L1249" s="59">
        <v>0</v>
      </c>
    </row>
    <row r="1250" spans="2:25" ht="21.6" x14ac:dyDescent="0.2">
      <c r="B1250" s="77"/>
      <c r="C1250" s="39" t="s">
        <v>48</v>
      </c>
      <c r="D1250" s="45">
        <v>305</v>
      </c>
      <c r="E1250" s="46">
        <v>2.2999999999999998</v>
      </c>
      <c r="F1250" s="46">
        <v>25.2</v>
      </c>
      <c r="G1250" s="46">
        <v>41</v>
      </c>
      <c r="H1250" s="46">
        <v>18.399999999999999</v>
      </c>
      <c r="I1250" s="46">
        <v>8.1999999999999993</v>
      </c>
      <c r="J1250" s="46">
        <v>4.9000000000000004</v>
      </c>
      <c r="K1250" s="46">
        <v>-2.6</v>
      </c>
      <c r="L1250" s="59">
        <v>0</v>
      </c>
    </row>
    <row r="1251" spans="2:25" ht="21.6" x14ac:dyDescent="0.2">
      <c r="B1251" s="77"/>
      <c r="C1251" s="39" t="s">
        <v>49</v>
      </c>
      <c r="D1251" s="45">
        <v>223</v>
      </c>
      <c r="E1251" s="46">
        <v>3.6</v>
      </c>
      <c r="F1251" s="46">
        <v>33.200000000000003</v>
      </c>
      <c r="G1251" s="46">
        <v>37.700000000000003</v>
      </c>
      <c r="H1251" s="46">
        <v>13.5</v>
      </c>
      <c r="I1251" s="46">
        <v>7.6</v>
      </c>
      <c r="J1251" s="46">
        <v>4.5</v>
      </c>
      <c r="K1251" s="46">
        <v>6.1</v>
      </c>
      <c r="L1251" s="59">
        <v>0</v>
      </c>
    </row>
    <row r="1252" spans="2:25" ht="21.6" x14ac:dyDescent="0.2">
      <c r="B1252" s="77"/>
      <c r="C1252" s="39" t="s">
        <v>50</v>
      </c>
      <c r="D1252" s="45">
        <v>123</v>
      </c>
      <c r="E1252" s="46">
        <v>4.9000000000000004</v>
      </c>
      <c r="F1252" s="46">
        <v>35</v>
      </c>
      <c r="G1252" s="46">
        <v>36.6</v>
      </c>
      <c r="H1252" s="46">
        <v>13.8</v>
      </c>
      <c r="I1252" s="46">
        <v>6.5</v>
      </c>
      <c r="J1252" s="46">
        <v>3.3</v>
      </c>
      <c r="K1252" s="46">
        <v>9.1999999999999993</v>
      </c>
      <c r="L1252" s="59">
        <v>0</v>
      </c>
    </row>
    <row r="1253" spans="2:25" ht="21.6" x14ac:dyDescent="0.2">
      <c r="B1253" s="77"/>
      <c r="C1253" s="39" t="s">
        <v>51</v>
      </c>
      <c r="D1253" s="45">
        <v>124</v>
      </c>
      <c r="E1253" s="46">
        <v>5.6</v>
      </c>
      <c r="F1253" s="46">
        <v>27.4</v>
      </c>
      <c r="G1253" s="46">
        <v>43.5</v>
      </c>
      <c r="H1253" s="46">
        <v>13.7</v>
      </c>
      <c r="I1253" s="46">
        <v>8.1</v>
      </c>
      <c r="J1253" s="46">
        <v>1.6</v>
      </c>
      <c r="K1253" s="46">
        <v>4.5</v>
      </c>
      <c r="L1253" s="59">
        <v>0</v>
      </c>
    </row>
    <row r="1254" spans="2:25" ht="21.6" x14ac:dyDescent="0.2">
      <c r="B1254" s="77"/>
      <c r="C1254" s="39" t="s">
        <v>52</v>
      </c>
      <c r="D1254" s="45">
        <v>312</v>
      </c>
      <c r="E1254" s="46">
        <v>2.2000000000000002</v>
      </c>
      <c r="F1254" s="46">
        <v>20.5</v>
      </c>
      <c r="G1254" s="46">
        <v>40.4</v>
      </c>
      <c r="H1254" s="46">
        <v>18.600000000000001</v>
      </c>
      <c r="I1254" s="46">
        <v>10.3</v>
      </c>
      <c r="J1254" s="46">
        <v>8</v>
      </c>
      <c r="K1254" s="46">
        <v>-7.7</v>
      </c>
      <c r="L1254" s="59">
        <v>0</v>
      </c>
    </row>
    <row r="1255" spans="2:25" x14ac:dyDescent="0.2">
      <c r="B1255" s="77"/>
      <c r="C1255" s="39" t="s">
        <v>53</v>
      </c>
      <c r="D1255" s="45">
        <v>269</v>
      </c>
      <c r="E1255" s="46">
        <v>3</v>
      </c>
      <c r="F1255" s="46">
        <v>21.6</v>
      </c>
      <c r="G1255" s="46">
        <v>39</v>
      </c>
      <c r="H1255" s="46">
        <v>19</v>
      </c>
      <c r="I1255" s="46">
        <v>10.8</v>
      </c>
      <c r="J1255" s="46">
        <v>6.7</v>
      </c>
      <c r="K1255" s="46">
        <v>-7</v>
      </c>
      <c r="L1255" s="59">
        <v>0</v>
      </c>
    </row>
    <row r="1256" spans="2:25" ht="21.6" x14ac:dyDescent="0.2">
      <c r="B1256" s="77"/>
      <c r="C1256" s="39" t="s">
        <v>54</v>
      </c>
      <c r="D1256" s="45">
        <v>511</v>
      </c>
      <c r="E1256" s="46">
        <v>3.1</v>
      </c>
      <c r="F1256" s="46">
        <v>27</v>
      </c>
      <c r="G1256" s="46">
        <v>37.4</v>
      </c>
      <c r="H1256" s="46">
        <v>17.2</v>
      </c>
      <c r="I1256" s="46">
        <v>10.199999999999999</v>
      </c>
      <c r="J1256" s="46">
        <v>5.0999999999999996</v>
      </c>
      <c r="K1256" s="46">
        <v>-2.2999999999999998</v>
      </c>
      <c r="L1256" s="59">
        <v>0</v>
      </c>
    </row>
    <row r="1257" spans="2:25" ht="21.6" x14ac:dyDescent="0.2">
      <c r="B1257" s="77"/>
      <c r="C1257" s="39" t="s">
        <v>55</v>
      </c>
      <c r="D1257" s="45">
        <v>615</v>
      </c>
      <c r="E1257" s="46">
        <v>3.7</v>
      </c>
      <c r="F1257" s="46">
        <v>28.1</v>
      </c>
      <c r="G1257" s="46">
        <v>37.6</v>
      </c>
      <c r="H1257" s="46">
        <v>14</v>
      </c>
      <c r="I1257" s="46">
        <v>10.9</v>
      </c>
      <c r="J1257" s="46">
        <v>5.7</v>
      </c>
      <c r="K1257" s="46">
        <v>-0.1</v>
      </c>
      <c r="L1257" s="59">
        <v>0</v>
      </c>
    </row>
    <row r="1258" spans="2:25" ht="21.6" x14ac:dyDescent="0.2">
      <c r="B1258" s="77"/>
      <c r="C1258" s="39" t="s">
        <v>56</v>
      </c>
      <c r="D1258" s="45">
        <v>800</v>
      </c>
      <c r="E1258" s="46">
        <v>3.8</v>
      </c>
      <c r="F1258" s="46">
        <v>27.5</v>
      </c>
      <c r="G1258" s="46">
        <v>36.799999999999997</v>
      </c>
      <c r="H1258" s="46">
        <v>13.4</v>
      </c>
      <c r="I1258" s="46">
        <v>12.1</v>
      </c>
      <c r="J1258" s="46">
        <v>6.5</v>
      </c>
      <c r="K1258" s="46">
        <v>-1.4</v>
      </c>
      <c r="L1258" s="59">
        <v>0</v>
      </c>
    </row>
    <row r="1259" spans="2:25" x14ac:dyDescent="0.2">
      <c r="B1259" s="77"/>
      <c r="C1259" s="40" t="s">
        <v>57</v>
      </c>
      <c r="D1259" s="48">
        <v>798</v>
      </c>
      <c r="E1259" s="49">
        <v>2.6</v>
      </c>
      <c r="F1259" s="49">
        <v>24.6</v>
      </c>
      <c r="G1259" s="49">
        <v>38.299999999999997</v>
      </c>
      <c r="H1259" s="49">
        <v>18.2</v>
      </c>
      <c r="I1259" s="49">
        <v>10.3</v>
      </c>
      <c r="J1259" s="49">
        <v>6</v>
      </c>
      <c r="K1259" s="49">
        <v>-4.7</v>
      </c>
      <c r="L1259" s="60">
        <v>0</v>
      </c>
    </row>
    <row r="1260" spans="2:25" x14ac:dyDescent="0.2">
      <c r="B1260" s="7" t="s">
        <v>71</v>
      </c>
      <c r="C1260" s="4" t="s">
        <v>102</v>
      </c>
    </row>
    <row r="1261" spans="2:25" x14ac:dyDescent="0.2">
      <c r="B1261" s="4"/>
      <c r="C1261" s="4" t="s">
        <v>73</v>
      </c>
    </row>
    <row r="1263" spans="2:25" x14ac:dyDescent="0.2">
      <c r="C1263" t="s">
        <v>35</v>
      </c>
    </row>
    <row r="1264" spans="2:25" x14ac:dyDescent="0.2">
      <c r="B1264" s="75" t="s">
        <v>280</v>
      </c>
      <c r="C1264" s="76"/>
      <c r="D1264" s="76"/>
      <c r="E1264" s="76"/>
      <c r="F1264" s="76"/>
      <c r="G1264" s="76"/>
      <c r="H1264" s="76"/>
      <c r="I1264" s="76"/>
      <c r="J1264" s="76"/>
      <c r="K1264" s="76"/>
      <c r="L1264" s="76"/>
      <c r="M1264" s="76"/>
      <c r="N1264" s="76"/>
      <c r="O1264" s="76"/>
      <c r="P1264" s="76"/>
      <c r="Q1264" s="76"/>
      <c r="R1264" s="76"/>
      <c r="S1264" s="76"/>
      <c r="T1264" s="76"/>
      <c r="U1264" s="76"/>
      <c r="V1264" s="76"/>
      <c r="W1264" s="76"/>
      <c r="X1264" s="76"/>
      <c r="Y1264" s="76"/>
    </row>
    <row r="1265" spans="1:13" s="32" customFormat="1" ht="47.25" customHeight="1" x14ac:dyDescent="0.15">
      <c r="A1265" s="31"/>
      <c r="D1265" s="33" t="s">
        <v>378</v>
      </c>
      <c r="E1265" s="36" t="s">
        <v>527</v>
      </c>
      <c r="F1265" s="55" t="s">
        <v>528</v>
      </c>
      <c r="G1265" s="55" t="s">
        <v>521</v>
      </c>
      <c r="H1265" s="55" t="s">
        <v>529</v>
      </c>
      <c r="I1265" s="55" t="s">
        <v>530</v>
      </c>
      <c r="J1265" s="55" t="s">
        <v>480</v>
      </c>
      <c r="K1265" s="56" t="s">
        <v>387</v>
      </c>
      <c r="L1265" s="57" t="s">
        <v>388</v>
      </c>
      <c r="M1265" s="54" t="s">
        <v>381</v>
      </c>
    </row>
    <row r="1266" spans="1:13" ht="21.6" x14ac:dyDescent="0.2">
      <c r="B1266" s="77" t="s">
        <v>37</v>
      </c>
      <c r="C1266" s="38" t="s">
        <v>58</v>
      </c>
      <c r="D1266" s="51">
        <v>609</v>
      </c>
      <c r="E1266" s="52">
        <v>3.4</v>
      </c>
      <c r="F1266" s="52">
        <v>25.9</v>
      </c>
      <c r="G1266" s="52">
        <v>38.799999999999997</v>
      </c>
      <c r="H1266" s="52">
        <v>13.3</v>
      </c>
      <c r="I1266" s="52">
        <v>12.2</v>
      </c>
      <c r="J1266" s="52">
        <v>6.4</v>
      </c>
      <c r="K1266" s="52">
        <v>-2.5</v>
      </c>
      <c r="L1266" s="61">
        <v>0</v>
      </c>
    </row>
    <row r="1267" spans="1:13" ht="21.6" x14ac:dyDescent="0.2">
      <c r="B1267" s="77"/>
      <c r="C1267" s="39" t="s">
        <v>59</v>
      </c>
      <c r="D1267" s="45">
        <v>1391</v>
      </c>
      <c r="E1267" s="46">
        <v>2.5</v>
      </c>
      <c r="F1267" s="46">
        <v>23.1</v>
      </c>
      <c r="G1267" s="46">
        <v>38.299999999999997</v>
      </c>
      <c r="H1267" s="46">
        <v>17.8</v>
      </c>
      <c r="I1267" s="46">
        <v>10.199999999999999</v>
      </c>
      <c r="J1267" s="46">
        <v>8</v>
      </c>
      <c r="K1267" s="46">
        <v>-5.5</v>
      </c>
      <c r="L1267" s="59">
        <v>0</v>
      </c>
    </row>
    <row r="1268" spans="1:13" x14ac:dyDescent="0.2">
      <c r="B1268" s="77"/>
      <c r="C1268" s="39" t="s">
        <v>60</v>
      </c>
      <c r="D1268" s="45">
        <v>1325</v>
      </c>
      <c r="E1268" s="46">
        <v>3.1</v>
      </c>
      <c r="F1268" s="46">
        <v>24.9</v>
      </c>
      <c r="G1268" s="46">
        <v>39.200000000000003</v>
      </c>
      <c r="H1268" s="46">
        <v>14.8</v>
      </c>
      <c r="I1268" s="46">
        <v>10.7</v>
      </c>
      <c r="J1268" s="46">
        <v>7.3</v>
      </c>
      <c r="K1268" s="46">
        <v>-2.8</v>
      </c>
      <c r="L1268" s="59">
        <v>0</v>
      </c>
    </row>
    <row r="1269" spans="1:13" x14ac:dyDescent="0.2">
      <c r="B1269" s="77"/>
      <c r="C1269" s="39" t="s">
        <v>61</v>
      </c>
      <c r="D1269" s="45">
        <v>675</v>
      </c>
      <c r="E1269" s="46">
        <v>2.2000000000000002</v>
      </c>
      <c r="F1269" s="46">
        <v>22.2</v>
      </c>
      <c r="G1269" s="46">
        <v>37</v>
      </c>
      <c r="H1269" s="46">
        <v>19.7</v>
      </c>
      <c r="I1269" s="46">
        <v>11</v>
      </c>
      <c r="J1269" s="46">
        <v>7.9</v>
      </c>
      <c r="K1269" s="46">
        <v>-8.1</v>
      </c>
      <c r="L1269" s="59">
        <v>0</v>
      </c>
    </row>
    <row r="1270" spans="1:13" x14ac:dyDescent="0.2">
      <c r="B1270" s="77"/>
      <c r="C1270" s="39" t="s">
        <v>62</v>
      </c>
      <c r="D1270" s="45">
        <v>1086</v>
      </c>
      <c r="E1270" s="46">
        <v>3.8</v>
      </c>
      <c r="F1270" s="46">
        <v>24.4</v>
      </c>
      <c r="G1270" s="46">
        <v>37.799999999999997</v>
      </c>
      <c r="H1270" s="46">
        <v>16.3</v>
      </c>
      <c r="I1270" s="46">
        <v>12.1</v>
      </c>
      <c r="J1270" s="46">
        <v>5.7</v>
      </c>
      <c r="K1270" s="46">
        <v>-4.5</v>
      </c>
      <c r="L1270" s="59">
        <v>0</v>
      </c>
    </row>
    <row r="1271" spans="1:13" ht="21.6" x14ac:dyDescent="0.2">
      <c r="B1271" s="77"/>
      <c r="C1271" s="39" t="s">
        <v>63</v>
      </c>
      <c r="D1271" s="45">
        <v>203</v>
      </c>
      <c r="E1271" s="46">
        <v>4.9000000000000004</v>
      </c>
      <c r="F1271" s="46">
        <v>21.7</v>
      </c>
      <c r="G1271" s="46">
        <v>40.4</v>
      </c>
      <c r="H1271" s="46">
        <v>15.8</v>
      </c>
      <c r="I1271" s="46">
        <v>9.9</v>
      </c>
      <c r="J1271" s="46">
        <v>7.4</v>
      </c>
      <c r="K1271" s="46">
        <v>-2.1</v>
      </c>
      <c r="L1271" s="59">
        <v>0</v>
      </c>
    </row>
    <row r="1272" spans="1:13" x14ac:dyDescent="0.2">
      <c r="B1272" s="77"/>
      <c r="C1272" s="39" t="s">
        <v>64</v>
      </c>
      <c r="D1272" s="45">
        <v>263</v>
      </c>
      <c r="E1272" s="46">
        <v>3</v>
      </c>
      <c r="F1272" s="46">
        <v>20.5</v>
      </c>
      <c r="G1272" s="46">
        <v>37.6</v>
      </c>
      <c r="H1272" s="46">
        <v>17.5</v>
      </c>
      <c r="I1272" s="46">
        <v>14.4</v>
      </c>
      <c r="J1272" s="46">
        <v>6.8</v>
      </c>
      <c r="K1272" s="46">
        <v>-10.6</v>
      </c>
      <c r="L1272" s="59">
        <v>0</v>
      </c>
    </row>
    <row r="1273" spans="1:13" x14ac:dyDescent="0.2">
      <c r="B1273" s="77"/>
      <c r="C1273" s="39" t="s">
        <v>65</v>
      </c>
      <c r="D1273" s="45">
        <v>312</v>
      </c>
      <c r="E1273" s="46">
        <v>3.2</v>
      </c>
      <c r="F1273" s="46">
        <v>22.4</v>
      </c>
      <c r="G1273" s="46">
        <v>41.3</v>
      </c>
      <c r="H1273" s="46">
        <v>15.4</v>
      </c>
      <c r="I1273" s="46">
        <v>11.2</v>
      </c>
      <c r="J1273" s="46">
        <v>6.4</v>
      </c>
      <c r="K1273" s="46">
        <v>-4.8</v>
      </c>
      <c r="L1273" s="59">
        <v>0</v>
      </c>
    </row>
    <row r="1274" spans="1:13" x14ac:dyDescent="0.2">
      <c r="B1274" s="77"/>
      <c r="C1274" s="39" t="s">
        <v>66</v>
      </c>
      <c r="D1274" s="45">
        <v>230</v>
      </c>
      <c r="E1274" s="46">
        <v>3.5</v>
      </c>
      <c r="F1274" s="46">
        <v>28.3</v>
      </c>
      <c r="G1274" s="46">
        <v>35.200000000000003</v>
      </c>
      <c r="H1274" s="46">
        <v>17</v>
      </c>
      <c r="I1274" s="46">
        <v>13.5</v>
      </c>
      <c r="J1274" s="46">
        <v>2.6</v>
      </c>
      <c r="K1274" s="46">
        <v>-4.5</v>
      </c>
      <c r="L1274" s="59">
        <v>0</v>
      </c>
    </row>
    <row r="1275" spans="1:13" x14ac:dyDescent="0.2">
      <c r="B1275" s="77"/>
      <c r="C1275" s="39" t="s">
        <v>67</v>
      </c>
      <c r="D1275" s="45">
        <v>78</v>
      </c>
      <c r="E1275" s="46">
        <v>6.4</v>
      </c>
      <c r="F1275" s="46">
        <v>41</v>
      </c>
      <c r="G1275" s="46">
        <v>24.4</v>
      </c>
      <c r="H1275" s="46">
        <v>15.4</v>
      </c>
      <c r="I1275" s="46">
        <v>9</v>
      </c>
      <c r="J1275" s="46">
        <v>3.8</v>
      </c>
      <c r="K1275" s="46">
        <v>10.7</v>
      </c>
      <c r="L1275" s="59">
        <v>0</v>
      </c>
    </row>
    <row r="1276" spans="1:13" x14ac:dyDescent="0.2">
      <c r="B1276" s="77"/>
      <c r="C1276" s="39" t="s">
        <v>68</v>
      </c>
      <c r="D1276" s="45">
        <v>897</v>
      </c>
      <c r="E1276" s="46">
        <v>3.9</v>
      </c>
      <c r="F1276" s="46">
        <v>25.1</v>
      </c>
      <c r="G1276" s="46">
        <v>37.9</v>
      </c>
      <c r="H1276" s="46">
        <v>16.100000000000001</v>
      </c>
      <c r="I1276" s="46">
        <v>12.5</v>
      </c>
      <c r="J1276" s="46">
        <v>4.5999999999999996</v>
      </c>
      <c r="K1276" s="46">
        <v>-4.3</v>
      </c>
      <c r="L1276" s="59">
        <v>0</v>
      </c>
    </row>
    <row r="1277" spans="1:13" x14ac:dyDescent="0.2">
      <c r="B1277" s="77"/>
      <c r="C1277" s="39" t="s">
        <v>69</v>
      </c>
      <c r="D1277" s="45">
        <v>189</v>
      </c>
      <c r="E1277" s="46">
        <v>3.2</v>
      </c>
      <c r="F1277" s="46">
        <v>21.2</v>
      </c>
      <c r="G1277" s="46">
        <v>37</v>
      </c>
      <c r="H1277" s="46">
        <v>17.5</v>
      </c>
      <c r="I1277" s="46">
        <v>10.1</v>
      </c>
      <c r="J1277" s="46">
        <v>11.1</v>
      </c>
      <c r="K1277" s="46">
        <v>-5.7</v>
      </c>
      <c r="L1277" s="59">
        <v>0</v>
      </c>
    </row>
    <row r="1278" spans="1:13" x14ac:dyDescent="0.2">
      <c r="B1278" s="77"/>
      <c r="C1278" s="39" t="s">
        <v>70</v>
      </c>
      <c r="D1278" s="45">
        <v>914</v>
      </c>
      <c r="E1278" s="46">
        <v>1.6</v>
      </c>
      <c r="F1278" s="46">
        <v>23.5</v>
      </c>
      <c r="G1278" s="46">
        <v>39.299999999999997</v>
      </c>
      <c r="H1278" s="46">
        <v>16.600000000000001</v>
      </c>
      <c r="I1278" s="46">
        <v>9.3000000000000007</v>
      </c>
      <c r="J1278" s="46">
        <v>9.6</v>
      </c>
      <c r="K1278" s="46">
        <v>-4.7</v>
      </c>
      <c r="L1278" s="59">
        <v>0</v>
      </c>
    </row>
    <row r="1279" spans="1:13" ht="21.6" x14ac:dyDescent="0.2">
      <c r="B1279" s="77"/>
      <c r="C1279" s="39" t="s">
        <v>63</v>
      </c>
      <c r="D1279" s="45">
        <v>193</v>
      </c>
      <c r="E1279" s="46">
        <v>2.1</v>
      </c>
      <c r="F1279" s="46">
        <v>29</v>
      </c>
      <c r="G1279" s="46">
        <v>36.799999999999997</v>
      </c>
      <c r="H1279" s="46">
        <v>13.5</v>
      </c>
      <c r="I1279" s="46">
        <v>6.2</v>
      </c>
      <c r="J1279" s="46">
        <v>12.4</v>
      </c>
      <c r="K1279" s="46">
        <v>4.0999999999999996</v>
      </c>
      <c r="L1279" s="59">
        <v>0</v>
      </c>
    </row>
    <row r="1280" spans="1:13" x14ac:dyDescent="0.2">
      <c r="B1280" s="77"/>
      <c r="C1280" s="39" t="s">
        <v>64</v>
      </c>
      <c r="D1280" s="45">
        <v>203</v>
      </c>
      <c r="E1280" s="46">
        <v>2</v>
      </c>
      <c r="F1280" s="46">
        <v>25.6</v>
      </c>
      <c r="G1280" s="46">
        <v>34</v>
      </c>
      <c r="H1280" s="46">
        <v>17.7</v>
      </c>
      <c r="I1280" s="46">
        <v>13.8</v>
      </c>
      <c r="J1280" s="46">
        <v>6.9</v>
      </c>
      <c r="K1280" s="46">
        <v>-8.5</v>
      </c>
      <c r="L1280" s="59">
        <v>0</v>
      </c>
    </row>
    <row r="1281" spans="1:25" x14ac:dyDescent="0.2">
      <c r="B1281" s="77"/>
      <c r="C1281" s="39" t="s">
        <v>65</v>
      </c>
      <c r="D1281" s="45">
        <v>263</v>
      </c>
      <c r="E1281" s="46">
        <v>1.5</v>
      </c>
      <c r="F1281" s="46">
        <v>16.3</v>
      </c>
      <c r="G1281" s="46">
        <v>45.6</v>
      </c>
      <c r="H1281" s="46">
        <v>18.600000000000001</v>
      </c>
      <c r="I1281" s="46">
        <v>9.1</v>
      </c>
      <c r="J1281" s="46">
        <v>8.6999999999999993</v>
      </c>
      <c r="K1281" s="46">
        <v>-9.6</v>
      </c>
      <c r="L1281" s="59">
        <v>0</v>
      </c>
    </row>
    <row r="1282" spans="1:25" x14ac:dyDescent="0.2">
      <c r="B1282" s="77"/>
      <c r="C1282" s="39" t="s">
        <v>66</v>
      </c>
      <c r="D1282" s="45">
        <v>194</v>
      </c>
      <c r="E1282" s="46">
        <v>1</v>
      </c>
      <c r="F1282" s="46">
        <v>25.8</v>
      </c>
      <c r="G1282" s="46">
        <v>38.1</v>
      </c>
      <c r="H1282" s="46">
        <v>14.9</v>
      </c>
      <c r="I1282" s="46">
        <v>8.1999999999999993</v>
      </c>
      <c r="J1282" s="46">
        <v>11.9</v>
      </c>
      <c r="K1282" s="46">
        <v>-2</v>
      </c>
      <c r="L1282" s="59">
        <v>0</v>
      </c>
    </row>
    <row r="1283" spans="1:25" x14ac:dyDescent="0.2">
      <c r="B1283" s="77"/>
      <c r="C1283" s="39" t="s">
        <v>67</v>
      </c>
      <c r="D1283" s="45">
        <v>61</v>
      </c>
      <c r="E1283" s="46">
        <v>1.6</v>
      </c>
      <c r="F1283" s="46">
        <v>23</v>
      </c>
      <c r="G1283" s="46">
        <v>41</v>
      </c>
      <c r="H1283" s="46">
        <v>19.7</v>
      </c>
      <c r="I1283" s="46">
        <v>8.1999999999999993</v>
      </c>
      <c r="J1283" s="46">
        <v>6.6</v>
      </c>
      <c r="K1283" s="46">
        <v>-5.3</v>
      </c>
      <c r="L1283" s="59">
        <v>0</v>
      </c>
    </row>
    <row r="1284" spans="1:25" x14ac:dyDescent="0.2">
      <c r="B1284" s="77"/>
      <c r="C1284" s="39" t="s">
        <v>68</v>
      </c>
      <c r="D1284" s="45">
        <v>416</v>
      </c>
      <c r="E1284" s="46">
        <v>2.4</v>
      </c>
      <c r="F1284" s="46">
        <v>28.4</v>
      </c>
      <c r="G1284" s="46">
        <v>36.299999999999997</v>
      </c>
      <c r="H1284" s="46">
        <v>17.100000000000001</v>
      </c>
      <c r="I1284" s="46">
        <v>7.5</v>
      </c>
      <c r="J1284" s="46">
        <v>8.4</v>
      </c>
      <c r="K1284" s="46">
        <v>0.7</v>
      </c>
      <c r="L1284" s="59">
        <v>0</v>
      </c>
    </row>
    <row r="1285" spans="1:25" x14ac:dyDescent="0.2">
      <c r="B1285" s="77"/>
      <c r="C1285" s="40" t="s">
        <v>69</v>
      </c>
      <c r="D1285" s="48">
        <v>498</v>
      </c>
      <c r="E1285" s="49">
        <v>1</v>
      </c>
      <c r="F1285" s="49">
        <v>19.5</v>
      </c>
      <c r="G1285" s="49">
        <v>41.8</v>
      </c>
      <c r="H1285" s="49">
        <v>16.3</v>
      </c>
      <c r="I1285" s="49">
        <v>10.8</v>
      </c>
      <c r="J1285" s="49">
        <v>10.6</v>
      </c>
      <c r="K1285" s="49">
        <v>-9.1999999999999993</v>
      </c>
      <c r="L1285" s="60">
        <v>0</v>
      </c>
    </row>
    <row r="1286" spans="1:25" x14ac:dyDescent="0.2">
      <c r="B1286" s="7" t="s">
        <v>71</v>
      </c>
      <c r="C1286" s="4" t="s">
        <v>102</v>
      </c>
    </row>
    <row r="1287" spans="1:25" x14ac:dyDescent="0.2">
      <c r="B1287" s="4"/>
      <c r="C1287" s="4" t="s">
        <v>73</v>
      </c>
    </row>
    <row r="1289" spans="1:25" x14ac:dyDescent="0.2">
      <c r="A1289" s="26" t="s">
        <v>25</v>
      </c>
      <c r="B1289" t="s">
        <v>35</v>
      </c>
      <c r="C1289" t="s">
        <v>35</v>
      </c>
    </row>
    <row r="1290" spans="1:25" x14ac:dyDescent="0.2">
      <c r="B1290" s="75" t="s">
        <v>103</v>
      </c>
      <c r="C1290" s="76"/>
      <c r="D1290" s="76"/>
      <c r="E1290" s="76"/>
      <c r="F1290" s="76"/>
      <c r="G1290" s="76"/>
      <c r="H1290" s="76"/>
      <c r="I1290" s="76"/>
      <c r="J1290" s="76"/>
      <c r="K1290" s="76"/>
      <c r="L1290" s="76"/>
      <c r="M1290" s="76"/>
      <c r="N1290" s="76"/>
      <c r="O1290" s="76"/>
      <c r="P1290" s="76"/>
      <c r="Q1290" s="76"/>
      <c r="R1290" s="76"/>
      <c r="S1290" s="76"/>
      <c r="T1290" s="76"/>
      <c r="U1290" s="76"/>
      <c r="V1290" s="76"/>
      <c r="W1290" s="76"/>
      <c r="X1290" s="76"/>
      <c r="Y1290" s="76"/>
    </row>
    <row r="1291" spans="1:25" s="32" customFormat="1" ht="36.450000000000003" customHeight="1" x14ac:dyDescent="0.15">
      <c r="A1291" s="31"/>
      <c r="D1291" s="33" t="s">
        <v>378</v>
      </c>
      <c r="E1291" s="36" t="s">
        <v>531</v>
      </c>
      <c r="F1291" s="55" t="s">
        <v>525</v>
      </c>
      <c r="G1291" s="55" t="s">
        <v>532</v>
      </c>
      <c r="H1291" s="37" t="s">
        <v>480</v>
      </c>
      <c r="I1291" s="35" t="s">
        <v>381</v>
      </c>
    </row>
    <row r="1292" spans="1:25" x14ac:dyDescent="0.2">
      <c r="B1292" s="5"/>
      <c r="C1292" s="41" t="s">
        <v>38</v>
      </c>
      <c r="D1292" s="42">
        <v>2000</v>
      </c>
      <c r="E1292" s="43">
        <v>26.8</v>
      </c>
      <c r="F1292" s="43">
        <v>38.5</v>
      </c>
      <c r="G1292" s="43">
        <v>27.3</v>
      </c>
      <c r="H1292" s="44">
        <v>7.5</v>
      </c>
    </row>
    <row r="1293" spans="1:25" x14ac:dyDescent="0.2">
      <c r="B1293" s="77" t="s">
        <v>37</v>
      </c>
      <c r="C1293" s="39" t="s">
        <v>39</v>
      </c>
      <c r="D1293" s="45">
        <v>111</v>
      </c>
      <c r="E1293" s="46">
        <v>28.8</v>
      </c>
      <c r="F1293" s="46">
        <v>41.4</v>
      </c>
      <c r="G1293" s="46">
        <v>22.5</v>
      </c>
      <c r="H1293" s="47">
        <v>7.2</v>
      </c>
    </row>
    <row r="1294" spans="1:25" x14ac:dyDescent="0.2">
      <c r="B1294" s="77"/>
      <c r="C1294" s="39" t="s">
        <v>40</v>
      </c>
      <c r="D1294" s="45">
        <v>450</v>
      </c>
      <c r="E1294" s="46">
        <v>26.9</v>
      </c>
      <c r="F1294" s="46">
        <v>40.700000000000003</v>
      </c>
      <c r="G1294" s="46">
        <v>26.9</v>
      </c>
      <c r="H1294" s="47">
        <v>5.6</v>
      </c>
    </row>
    <row r="1295" spans="1:25" ht="21.6" x14ac:dyDescent="0.2">
      <c r="B1295" s="77"/>
      <c r="C1295" s="39" t="s">
        <v>41</v>
      </c>
      <c r="D1295" s="45">
        <v>30</v>
      </c>
      <c r="E1295" s="46">
        <v>20</v>
      </c>
      <c r="F1295" s="46">
        <v>23.3</v>
      </c>
      <c r="G1295" s="46">
        <v>36.700000000000003</v>
      </c>
      <c r="H1295" s="47">
        <v>20</v>
      </c>
    </row>
    <row r="1296" spans="1:25" ht="21.6" x14ac:dyDescent="0.2">
      <c r="B1296" s="77"/>
      <c r="C1296" s="39" t="s">
        <v>42</v>
      </c>
      <c r="D1296" s="45">
        <v>336</v>
      </c>
      <c r="E1296" s="46">
        <v>27.4</v>
      </c>
      <c r="F1296" s="46">
        <v>44</v>
      </c>
      <c r="G1296" s="46">
        <v>22.3</v>
      </c>
      <c r="H1296" s="47">
        <v>6.3</v>
      </c>
    </row>
    <row r="1297" spans="2:8" ht="21.6" x14ac:dyDescent="0.2">
      <c r="B1297" s="77"/>
      <c r="C1297" s="39" t="s">
        <v>43</v>
      </c>
      <c r="D1297" s="45">
        <v>327</v>
      </c>
      <c r="E1297" s="46">
        <v>27.8</v>
      </c>
      <c r="F1297" s="46">
        <v>35.200000000000003</v>
      </c>
      <c r="G1297" s="46">
        <v>27.8</v>
      </c>
      <c r="H1297" s="47">
        <v>9.1999999999999993</v>
      </c>
    </row>
    <row r="1298" spans="2:8" ht="21.6" x14ac:dyDescent="0.2">
      <c r="B1298" s="77"/>
      <c r="C1298" s="39" t="s">
        <v>44</v>
      </c>
      <c r="D1298" s="45">
        <v>181</v>
      </c>
      <c r="E1298" s="46">
        <v>27.6</v>
      </c>
      <c r="F1298" s="46">
        <v>30.9</v>
      </c>
      <c r="G1298" s="46">
        <v>32.6</v>
      </c>
      <c r="H1298" s="47">
        <v>8.8000000000000007</v>
      </c>
    </row>
    <row r="1299" spans="2:8" ht="21.6" x14ac:dyDescent="0.2">
      <c r="B1299" s="77"/>
      <c r="C1299" s="39" t="s">
        <v>45</v>
      </c>
      <c r="D1299" s="45">
        <v>565</v>
      </c>
      <c r="E1299" s="46">
        <v>25.5</v>
      </c>
      <c r="F1299" s="46">
        <v>37.9</v>
      </c>
      <c r="G1299" s="46">
        <v>28.8</v>
      </c>
      <c r="H1299" s="47">
        <v>7.8</v>
      </c>
    </row>
    <row r="1300" spans="2:8" ht="21.6" x14ac:dyDescent="0.2">
      <c r="B1300" s="77"/>
      <c r="C1300" s="39" t="s">
        <v>46</v>
      </c>
      <c r="D1300" s="45">
        <v>473</v>
      </c>
      <c r="E1300" s="46">
        <v>18.600000000000001</v>
      </c>
      <c r="F1300" s="46">
        <v>38.700000000000003</v>
      </c>
      <c r="G1300" s="46">
        <v>31.9</v>
      </c>
      <c r="H1300" s="47">
        <v>10.8</v>
      </c>
    </row>
    <row r="1301" spans="2:8" ht="21.6" x14ac:dyDescent="0.2">
      <c r="B1301" s="77"/>
      <c r="C1301" s="39" t="s">
        <v>47</v>
      </c>
      <c r="D1301" s="45">
        <v>441</v>
      </c>
      <c r="E1301" s="46">
        <v>29.5</v>
      </c>
      <c r="F1301" s="46">
        <v>34</v>
      </c>
      <c r="G1301" s="46">
        <v>29.7</v>
      </c>
      <c r="H1301" s="47">
        <v>6.8</v>
      </c>
    </row>
    <row r="1302" spans="2:8" ht="21.6" x14ac:dyDescent="0.2">
      <c r="B1302" s="77"/>
      <c r="C1302" s="39" t="s">
        <v>48</v>
      </c>
      <c r="D1302" s="45">
        <v>305</v>
      </c>
      <c r="E1302" s="46">
        <v>27.5</v>
      </c>
      <c r="F1302" s="46">
        <v>41</v>
      </c>
      <c r="G1302" s="46">
        <v>26.6</v>
      </c>
      <c r="H1302" s="47">
        <v>4.9000000000000004</v>
      </c>
    </row>
    <row r="1303" spans="2:8" ht="21.6" x14ac:dyDescent="0.2">
      <c r="B1303" s="77"/>
      <c r="C1303" s="39" t="s">
        <v>49</v>
      </c>
      <c r="D1303" s="45">
        <v>223</v>
      </c>
      <c r="E1303" s="46">
        <v>36.799999999999997</v>
      </c>
      <c r="F1303" s="46">
        <v>37.700000000000003</v>
      </c>
      <c r="G1303" s="46">
        <v>21.1</v>
      </c>
      <c r="H1303" s="47">
        <v>4.5</v>
      </c>
    </row>
    <row r="1304" spans="2:8" ht="21.6" x14ac:dyDescent="0.2">
      <c r="B1304" s="77"/>
      <c r="C1304" s="39" t="s">
        <v>50</v>
      </c>
      <c r="D1304" s="45">
        <v>123</v>
      </c>
      <c r="E1304" s="46">
        <v>39.799999999999997</v>
      </c>
      <c r="F1304" s="46">
        <v>36.6</v>
      </c>
      <c r="G1304" s="46">
        <v>20.3</v>
      </c>
      <c r="H1304" s="47">
        <v>3.3</v>
      </c>
    </row>
    <row r="1305" spans="2:8" ht="21.6" x14ac:dyDescent="0.2">
      <c r="B1305" s="77"/>
      <c r="C1305" s="39" t="s">
        <v>51</v>
      </c>
      <c r="D1305" s="45">
        <v>124</v>
      </c>
      <c r="E1305" s="46">
        <v>33.1</v>
      </c>
      <c r="F1305" s="46">
        <v>43.5</v>
      </c>
      <c r="G1305" s="46">
        <v>21.8</v>
      </c>
      <c r="H1305" s="47">
        <v>1.6</v>
      </c>
    </row>
    <row r="1306" spans="2:8" ht="21.6" x14ac:dyDescent="0.2">
      <c r="B1306" s="77"/>
      <c r="C1306" s="39" t="s">
        <v>52</v>
      </c>
      <c r="D1306" s="45">
        <v>312</v>
      </c>
      <c r="E1306" s="46">
        <v>22.8</v>
      </c>
      <c r="F1306" s="46">
        <v>40.4</v>
      </c>
      <c r="G1306" s="46">
        <v>28.8</v>
      </c>
      <c r="H1306" s="47">
        <v>8</v>
      </c>
    </row>
    <row r="1307" spans="2:8" x14ac:dyDescent="0.2">
      <c r="B1307" s="77"/>
      <c r="C1307" s="39" t="s">
        <v>53</v>
      </c>
      <c r="D1307" s="45">
        <v>269</v>
      </c>
      <c r="E1307" s="46">
        <v>24.5</v>
      </c>
      <c r="F1307" s="46">
        <v>39</v>
      </c>
      <c r="G1307" s="46">
        <v>29.7</v>
      </c>
      <c r="H1307" s="47">
        <v>6.7</v>
      </c>
    </row>
    <row r="1308" spans="2:8" ht="21.6" x14ac:dyDescent="0.2">
      <c r="B1308" s="77"/>
      <c r="C1308" s="39" t="s">
        <v>54</v>
      </c>
      <c r="D1308" s="45">
        <v>511</v>
      </c>
      <c r="E1308" s="46">
        <v>30.1</v>
      </c>
      <c r="F1308" s="46">
        <v>37.4</v>
      </c>
      <c r="G1308" s="46">
        <v>27.4</v>
      </c>
      <c r="H1308" s="47">
        <v>5.0999999999999996</v>
      </c>
    </row>
    <row r="1309" spans="2:8" ht="21.6" x14ac:dyDescent="0.2">
      <c r="B1309" s="77"/>
      <c r="C1309" s="39" t="s">
        <v>55</v>
      </c>
      <c r="D1309" s="45">
        <v>615</v>
      </c>
      <c r="E1309" s="46">
        <v>31.9</v>
      </c>
      <c r="F1309" s="46">
        <v>37.6</v>
      </c>
      <c r="G1309" s="46">
        <v>24.9</v>
      </c>
      <c r="H1309" s="47">
        <v>5.7</v>
      </c>
    </row>
    <row r="1310" spans="2:8" ht="21.6" x14ac:dyDescent="0.2">
      <c r="B1310" s="77"/>
      <c r="C1310" s="39" t="s">
        <v>56</v>
      </c>
      <c r="D1310" s="45">
        <v>800</v>
      </c>
      <c r="E1310" s="46">
        <v>31.3</v>
      </c>
      <c r="F1310" s="46">
        <v>36.799999999999997</v>
      </c>
      <c r="G1310" s="46">
        <v>25.5</v>
      </c>
      <c r="H1310" s="47">
        <v>6.5</v>
      </c>
    </row>
    <row r="1311" spans="2:8" x14ac:dyDescent="0.2">
      <c r="B1311" s="77"/>
      <c r="C1311" s="40" t="s">
        <v>57</v>
      </c>
      <c r="D1311" s="48">
        <v>798</v>
      </c>
      <c r="E1311" s="49">
        <v>27.2</v>
      </c>
      <c r="F1311" s="49">
        <v>38.299999999999997</v>
      </c>
      <c r="G1311" s="49">
        <v>28.4</v>
      </c>
      <c r="H1311" s="50">
        <v>6</v>
      </c>
    </row>
    <row r="1313" spans="1:25" x14ac:dyDescent="0.2">
      <c r="C1313" t="s">
        <v>35</v>
      </c>
    </row>
    <row r="1314" spans="1:25" x14ac:dyDescent="0.2">
      <c r="B1314" s="75" t="s">
        <v>281</v>
      </c>
      <c r="C1314" s="76"/>
      <c r="D1314" s="76"/>
      <c r="E1314" s="76"/>
      <c r="F1314" s="76"/>
      <c r="G1314" s="76"/>
      <c r="H1314" s="76"/>
      <c r="I1314" s="76"/>
      <c r="J1314" s="76"/>
      <c r="K1314" s="76"/>
      <c r="L1314" s="76"/>
      <c r="M1314" s="76"/>
      <c r="N1314" s="76"/>
      <c r="O1314" s="76"/>
      <c r="P1314" s="76"/>
      <c r="Q1314" s="76"/>
      <c r="R1314" s="76"/>
      <c r="S1314" s="76"/>
      <c r="T1314" s="76"/>
      <c r="U1314" s="76"/>
      <c r="V1314" s="76"/>
      <c r="W1314" s="76"/>
      <c r="X1314" s="76"/>
      <c r="Y1314" s="76"/>
    </row>
    <row r="1315" spans="1:25" s="32" customFormat="1" ht="36.450000000000003" customHeight="1" x14ac:dyDescent="0.15">
      <c r="A1315" s="31"/>
      <c r="D1315" s="33" t="s">
        <v>378</v>
      </c>
      <c r="E1315" s="36" t="s">
        <v>531</v>
      </c>
      <c r="F1315" s="55" t="s">
        <v>525</v>
      </c>
      <c r="G1315" s="55" t="s">
        <v>532</v>
      </c>
      <c r="H1315" s="37" t="s">
        <v>480</v>
      </c>
      <c r="I1315" s="35" t="s">
        <v>381</v>
      </c>
    </row>
    <row r="1316" spans="1:25" ht="21.6" x14ac:dyDescent="0.2">
      <c r="B1316" s="77" t="s">
        <v>37</v>
      </c>
      <c r="C1316" s="38" t="s">
        <v>58</v>
      </c>
      <c r="D1316" s="51">
        <v>609</v>
      </c>
      <c r="E1316" s="52">
        <v>29.4</v>
      </c>
      <c r="F1316" s="52">
        <v>38.799999999999997</v>
      </c>
      <c r="G1316" s="52">
        <v>25.5</v>
      </c>
      <c r="H1316" s="53">
        <v>6.4</v>
      </c>
    </row>
    <row r="1317" spans="1:25" ht="21.6" x14ac:dyDescent="0.2">
      <c r="B1317" s="77"/>
      <c r="C1317" s="39" t="s">
        <v>59</v>
      </c>
      <c r="D1317" s="45">
        <v>1391</v>
      </c>
      <c r="E1317" s="46">
        <v>25.7</v>
      </c>
      <c r="F1317" s="46">
        <v>38.299999999999997</v>
      </c>
      <c r="G1317" s="46">
        <v>28</v>
      </c>
      <c r="H1317" s="47">
        <v>8</v>
      </c>
    </row>
    <row r="1318" spans="1:25" x14ac:dyDescent="0.2">
      <c r="B1318" s="77"/>
      <c r="C1318" s="39" t="s">
        <v>60</v>
      </c>
      <c r="D1318" s="45">
        <v>1325</v>
      </c>
      <c r="E1318" s="46">
        <v>28</v>
      </c>
      <c r="F1318" s="46">
        <v>39.200000000000003</v>
      </c>
      <c r="G1318" s="46">
        <v>25.5</v>
      </c>
      <c r="H1318" s="47">
        <v>7.3</v>
      </c>
    </row>
    <row r="1319" spans="1:25" x14ac:dyDescent="0.2">
      <c r="B1319" s="77"/>
      <c r="C1319" s="39" t="s">
        <v>61</v>
      </c>
      <c r="D1319" s="45">
        <v>675</v>
      </c>
      <c r="E1319" s="46">
        <v>24.4</v>
      </c>
      <c r="F1319" s="46">
        <v>37</v>
      </c>
      <c r="G1319" s="46">
        <v>30.7</v>
      </c>
      <c r="H1319" s="47">
        <v>7.9</v>
      </c>
    </row>
    <row r="1320" spans="1:25" x14ac:dyDescent="0.2">
      <c r="B1320" s="77"/>
      <c r="C1320" s="39" t="s">
        <v>62</v>
      </c>
      <c r="D1320" s="45">
        <v>1086</v>
      </c>
      <c r="E1320" s="46">
        <v>28.2</v>
      </c>
      <c r="F1320" s="46">
        <v>37.799999999999997</v>
      </c>
      <c r="G1320" s="46">
        <v>28.4</v>
      </c>
      <c r="H1320" s="47">
        <v>5.7</v>
      </c>
    </row>
    <row r="1321" spans="1:25" ht="21.6" x14ac:dyDescent="0.2">
      <c r="B1321" s="77"/>
      <c r="C1321" s="39" t="s">
        <v>63</v>
      </c>
      <c r="D1321" s="45">
        <v>203</v>
      </c>
      <c r="E1321" s="46">
        <v>26.6</v>
      </c>
      <c r="F1321" s="46">
        <v>40.4</v>
      </c>
      <c r="G1321" s="46">
        <v>25.6</v>
      </c>
      <c r="H1321" s="47">
        <v>7.4</v>
      </c>
    </row>
    <row r="1322" spans="1:25" x14ac:dyDescent="0.2">
      <c r="B1322" s="77"/>
      <c r="C1322" s="39" t="s">
        <v>64</v>
      </c>
      <c r="D1322" s="45">
        <v>263</v>
      </c>
      <c r="E1322" s="46">
        <v>23.6</v>
      </c>
      <c r="F1322" s="46">
        <v>37.6</v>
      </c>
      <c r="G1322" s="46">
        <v>31.9</v>
      </c>
      <c r="H1322" s="47">
        <v>6.8</v>
      </c>
    </row>
    <row r="1323" spans="1:25" x14ac:dyDescent="0.2">
      <c r="B1323" s="77"/>
      <c r="C1323" s="39" t="s">
        <v>65</v>
      </c>
      <c r="D1323" s="45">
        <v>312</v>
      </c>
      <c r="E1323" s="46">
        <v>25.6</v>
      </c>
      <c r="F1323" s="46">
        <v>41.3</v>
      </c>
      <c r="G1323" s="46">
        <v>26.6</v>
      </c>
      <c r="H1323" s="47">
        <v>6.4</v>
      </c>
    </row>
    <row r="1324" spans="1:25" x14ac:dyDescent="0.2">
      <c r="B1324" s="77"/>
      <c r="C1324" s="39" t="s">
        <v>66</v>
      </c>
      <c r="D1324" s="45">
        <v>230</v>
      </c>
      <c r="E1324" s="46">
        <v>31.7</v>
      </c>
      <c r="F1324" s="46">
        <v>35.200000000000003</v>
      </c>
      <c r="G1324" s="46">
        <v>30.4</v>
      </c>
      <c r="H1324" s="47">
        <v>2.6</v>
      </c>
    </row>
    <row r="1325" spans="1:25" x14ac:dyDescent="0.2">
      <c r="B1325" s="77"/>
      <c r="C1325" s="39" t="s">
        <v>67</v>
      </c>
      <c r="D1325" s="45">
        <v>78</v>
      </c>
      <c r="E1325" s="46">
        <v>47.4</v>
      </c>
      <c r="F1325" s="46">
        <v>24.4</v>
      </c>
      <c r="G1325" s="46">
        <v>24.4</v>
      </c>
      <c r="H1325" s="47">
        <v>3.8</v>
      </c>
    </row>
    <row r="1326" spans="1:25" x14ac:dyDescent="0.2">
      <c r="B1326" s="77"/>
      <c r="C1326" s="39" t="s">
        <v>68</v>
      </c>
      <c r="D1326" s="45">
        <v>897</v>
      </c>
      <c r="E1326" s="46">
        <v>29</v>
      </c>
      <c r="F1326" s="46">
        <v>37.9</v>
      </c>
      <c r="G1326" s="46">
        <v>28.5</v>
      </c>
      <c r="H1326" s="47">
        <v>4.5999999999999996</v>
      </c>
    </row>
    <row r="1327" spans="1:25" x14ac:dyDescent="0.2">
      <c r="B1327" s="77"/>
      <c r="C1327" s="39" t="s">
        <v>69</v>
      </c>
      <c r="D1327" s="45">
        <v>189</v>
      </c>
      <c r="E1327" s="46">
        <v>24.3</v>
      </c>
      <c r="F1327" s="46">
        <v>37</v>
      </c>
      <c r="G1327" s="46">
        <v>27.5</v>
      </c>
      <c r="H1327" s="47">
        <v>11.1</v>
      </c>
    </row>
    <row r="1328" spans="1:25" x14ac:dyDescent="0.2">
      <c r="B1328" s="77"/>
      <c r="C1328" s="39" t="s">
        <v>70</v>
      </c>
      <c r="D1328" s="45">
        <v>914</v>
      </c>
      <c r="E1328" s="46">
        <v>25.2</v>
      </c>
      <c r="F1328" s="46">
        <v>39.299999999999997</v>
      </c>
      <c r="G1328" s="46">
        <v>25.9</v>
      </c>
      <c r="H1328" s="47">
        <v>9.6</v>
      </c>
    </row>
    <row r="1329" spans="1:25" ht="21.6" x14ac:dyDescent="0.2">
      <c r="B1329" s="77"/>
      <c r="C1329" s="39" t="s">
        <v>63</v>
      </c>
      <c r="D1329" s="45">
        <v>193</v>
      </c>
      <c r="E1329" s="46">
        <v>31.1</v>
      </c>
      <c r="F1329" s="46">
        <v>36.799999999999997</v>
      </c>
      <c r="G1329" s="46">
        <v>19.7</v>
      </c>
      <c r="H1329" s="47">
        <v>12.4</v>
      </c>
    </row>
    <row r="1330" spans="1:25" x14ac:dyDescent="0.2">
      <c r="B1330" s="77"/>
      <c r="C1330" s="39" t="s">
        <v>64</v>
      </c>
      <c r="D1330" s="45">
        <v>203</v>
      </c>
      <c r="E1330" s="46">
        <v>27.6</v>
      </c>
      <c r="F1330" s="46">
        <v>34</v>
      </c>
      <c r="G1330" s="46">
        <v>31.5</v>
      </c>
      <c r="H1330" s="47">
        <v>6.9</v>
      </c>
    </row>
    <row r="1331" spans="1:25" x14ac:dyDescent="0.2">
      <c r="B1331" s="77"/>
      <c r="C1331" s="39" t="s">
        <v>65</v>
      </c>
      <c r="D1331" s="45">
        <v>263</v>
      </c>
      <c r="E1331" s="46">
        <v>17.899999999999999</v>
      </c>
      <c r="F1331" s="46">
        <v>45.6</v>
      </c>
      <c r="G1331" s="46">
        <v>27.8</v>
      </c>
      <c r="H1331" s="47">
        <v>8.6999999999999993</v>
      </c>
    </row>
    <row r="1332" spans="1:25" x14ac:dyDescent="0.2">
      <c r="B1332" s="77"/>
      <c r="C1332" s="39" t="s">
        <v>66</v>
      </c>
      <c r="D1332" s="45">
        <v>194</v>
      </c>
      <c r="E1332" s="46">
        <v>26.8</v>
      </c>
      <c r="F1332" s="46">
        <v>38.1</v>
      </c>
      <c r="G1332" s="46">
        <v>23.2</v>
      </c>
      <c r="H1332" s="47">
        <v>11.9</v>
      </c>
    </row>
    <row r="1333" spans="1:25" x14ac:dyDescent="0.2">
      <c r="B1333" s="77"/>
      <c r="C1333" s="39" t="s">
        <v>67</v>
      </c>
      <c r="D1333" s="45">
        <v>61</v>
      </c>
      <c r="E1333" s="46">
        <v>24.6</v>
      </c>
      <c r="F1333" s="46">
        <v>41</v>
      </c>
      <c r="G1333" s="46">
        <v>27.9</v>
      </c>
      <c r="H1333" s="47">
        <v>6.6</v>
      </c>
    </row>
    <row r="1334" spans="1:25" x14ac:dyDescent="0.2">
      <c r="B1334" s="77"/>
      <c r="C1334" s="39" t="s">
        <v>68</v>
      </c>
      <c r="D1334" s="45">
        <v>416</v>
      </c>
      <c r="E1334" s="46">
        <v>30.8</v>
      </c>
      <c r="F1334" s="46">
        <v>36.299999999999997</v>
      </c>
      <c r="G1334" s="46">
        <v>24.5</v>
      </c>
      <c r="H1334" s="47">
        <v>8.4</v>
      </c>
    </row>
    <row r="1335" spans="1:25" x14ac:dyDescent="0.2">
      <c r="B1335" s="77"/>
      <c r="C1335" s="40" t="s">
        <v>69</v>
      </c>
      <c r="D1335" s="48">
        <v>498</v>
      </c>
      <c r="E1335" s="49">
        <v>20.5</v>
      </c>
      <c r="F1335" s="49">
        <v>41.8</v>
      </c>
      <c r="G1335" s="49">
        <v>27.1</v>
      </c>
      <c r="H1335" s="50">
        <v>10.6</v>
      </c>
    </row>
    <row r="1337" spans="1:25" x14ac:dyDescent="0.2">
      <c r="A1337" s="26" t="s">
        <v>25</v>
      </c>
      <c r="B1337" t="s">
        <v>35</v>
      </c>
      <c r="C1337" t="s">
        <v>35</v>
      </c>
    </row>
    <row r="1338" spans="1:25" x14ac:dyDescent="0.2">
      <c r="B1338" s="75" t="s">
        <v>104</v>
      </c>
      <c r="C1338" s="76"/>
      <c r="D1338" s="76"/>
      <c r="E1338" s="76"/>
      <c r="F1338" s="76"/>
      <c r="G1338" s="76"/>
      <c r="H1338" s="76"/>
      <c r="I1338" s="76"/>
      <c r="J1338" s="76"/>
      <c r="K1338" s="76"/>
      <c r="L1338" s="76"/>
      <c r="M1338" s="76"/>
      <c r="N1338" s="76"/>
      <c r="O1338" s="76"/>
      <c r="P1338" s="76"/>
      <c r="Q1338" s="76"/>
      <c r="R1338" s="76"/>
      <c r="S1338" s="76"/>
      <c r="T1338" s="76"/>
      <c r="U1338" s="76"/>
      <c r="V1338" s="76"/>
      <c r="W1338" s="76"/>
      <c r="X1338" s="76"/>
      <c r="Y1338" s="76"/>
    </row>
    <row r="1339" spans="1:25" s="32" customFormat="1" ht="47.25" customHeight="1" x14ac:dyDescent="0.15">
      <c r="A1339" s="31"/>
      <c r="D1339" s="33" t="s">
        <v>378</v>
      </c>
      <c r="E1339" s="36" t="s">
        <v>519</v>
      </c>
      <c r="F1339" s="55" t="s">
        <v>520</v>
      </c>
      <c r="G1339" s="55" t="s">
        <v>521</v>
      </c>
      <c r="H1339" s="55" t="s">
        <v>522</v>
      </c>
      <c r="I1339" s="55" t="s">
        <v>523</v>
      </c>
      <c r="J1339" s="55" t="s">
        <v>480</v>
      </c>
      <c r="K1339" s="56" t="s">
        <v>387</v>
      </c>
      <c r="L1339" s="57" t="s">
        <v>388</v>
      </c>
      <c r="M1339" s="54" t="s">
        <v>381</v>
      </c>
    </row>
    <row r="1340" spans="1:25" x14ac:dyDescent="0.2">
      <c r="B1340" s="5"/>
      <c r="C1340" s="41" t="s">
        <v>38</v>
      </c>
      <c r="D1340" s="42">
        <v>2000</v>
      </c>
      <c r="E1340" s="43">
        <v>2.4</v>
      </c>
      <c r="F1340" s="43">
        <v>12.7</v>
      </c>
      <c r="G1340" s="43">
        <v>40.9</v>
      </c>
      <c r="H1340" s="43">
        <v>22.2</v>
      </c>
      <c r="I1340" s="43">
        <v>11.1</v>
      </c>
      <c r="J1340" s="43">
        <v>10.8</v>
      </c>
      <c r="K1340" s="43">
        <v>-15.1</v>
      </c>
      <c r="L1340" s="58">
        <v>0</v>
      </c>
    </row>
    <row r="1341" spans="1:25" x14ac:dyDescent="0.2">
      <c r="B1341" s="77" t="s">
        <v>37</v>
      </c>
      <c r="C1341" s="39" t="s">
        <v>39</v>
      </c>
      <c r="D1341" s="45">
        <v>111</v>
      </c>
      <c r="E1341" s="46">
        <v>3.6</v>
      </c>
      <c r="F1341" s="46">
        <v>7.2</v>
      </c>
      <c r="G1341" s="46">
        <v>47.7</v>
      </c>
      <c r="H1341" s="46">
        <v>28.8</v>
      </c>
      <c r="I1341" s="46">
        <v>7.2</v>
      </c>
      <c r="J1341" s="46">
        <v>5.4</v>
      </c>
      <c r="K1341" s="46">
        <v>-15.2</v>
      </c>
      <c r="L1341" s="59">
        <v>0</v>
      </c>
    </row>
    <row r="1342" spans="1:25" x14ac:dyDescent="0.2">
      <c r="B1342" s="77"/>
      <c r="C1342" s="39" t="s">
        <v>40</v>
      </c>
      <c r="D1342" s="45">
        <v>450</v>
      </c>
      <c r="E1342" s="46">
        <v>2</v>
      </c>
      <c r="F1342" s="46">
        <v>15.3</v>
      </c>
      <c r="G1342" s="46">
        <v>36.700000000000003</v>
      </c>
      <c r="H1342" s="46">
        <v>23.6</v>
      </c>
      <c r="I1342" s="46">
        <v>13.3</v>
      </c>
      <c r="J1342" s="46">
        <v>9.1</v>
      </c>
      <c r="K1342" s="46">
        <v>-17</v>
      </c>
      <c r="L1342" s="59">
        <v>0</v>
      </c>
    </row>
    <row r="1343" spans="1:25" ht="21.6" x14ac:dyDescent="0.2">
      <c r="B1343" s="77"/>
      <c r="C1343" s="39" t="s">
        <v>41</v>
      </c>
      <c r="D1343" s="45">
        <v>30</v>
      </c>
      <c r="E1343" s="46">
        <v>3.3</v>
      </c>
      <c r="F1343" s="46">
        <v>10</v>
      </c>
      <c r="G1343" s="46">
        <v>36.700000000000003</v>
      </c>
      <c r="H1343" s="46">
        <v>33.299999999999997</v>
      </c>
      <c r="I1343" s="46">
        <v>3.3</v>
      </c>
      <c r="J1343" s="46">
        <v>13.3</v>
      </c>
      <c r="K1343" s="46">
        <v>-13.5</v>
      </c>
      <c r="L1343" s="59">
        <v>0</v>
      </c>
    </row>
    <row r="1344" spans="1:25" ht="21.6" x14ac:dyDescent="0.2">
      <c r="B1344" s="77"/>
      <c r="C1344" s="39" t="s">
        <v>42</v>
      </c>
      <c r="D1344" s="45">
        <v>336</v>
      </c>
      <c r="E1344" s="46">
        <v>3.6</v>
      </c>
      <c r="F1344" s="46">
        <v>14.3</v>
      </c>
      <c r="G1344" s="46">
        <v>41.1</v>
      </c>
      <c r="H1344" s="46">
        <v>19.3</v>
      </c>
      <c r="I1344" s="46">
        <v>10.1</v>
      </c>
      <c r="J1344" s="46">
        <v>11.6</v>
      </c>
      <c r="K1344" s="46">
        <v>-10.3</v>
      </c>
      <c r="L1344" s="59">
        <v>0</v>
      </c>
    </row>
    <row r="1345" spans="2:12" ht="21.6" x14ac:dyDescent="0.2">
      <c r="B1345" s="77"/>
      <c r="C1345" s="39" t="s">
        <v>43</v>
      </c>
      <c r="D1345" s="45">
        <v>327</v>
      </c>
      <c r="E1345" s="46">
        <v>3.1</v>
      </c>
      <c r="F1345" s="46">
        <v>13.8</v>
      </c>
      <c r="G1345" s="46">
        <v>36.700000000000003</v>
      </c>
      <c r="H1345" s="46">
        <v>22</v>
      </c>
      <c r="I1345" s="46">
        <v>14.4</v>
      </c>
      <c r="J1345" s="46">
        <v>10.1</v>
      </c>
      <c r="K1345" s="46">
        <v>-17.2</v>
      </c>
      <c r="L1345" s="59">
        <v>0</v>
      </c>
    </row>
    <row r="1346" spans="2:12" ht="21.6" x14ac:dyDescent="0.2">
      <c r="B1346" s="77"/>
      <c r="C1346" s="39" t="s">
        <v>44</v>
      </c>
      <c r="D1346" s="45">
        <v>181</v>
      </c>
      <c r="E1346" s="46">
        <v>1.7</v>
      </c>
      <c r="F1346" s="46">
        <v>7.7</v>
      </c>
      <c r="G1346" s="46">
        <v>48.6</v>
      </c>
      <c r="H1346" s="46">
        <v>25.4</v>
      </c>
      <c r="I1346" s="46">
        <v>9.4</v>
      </c>
      <c r="J1346" s="46">
        <v>7.2</v>
      </c>
      <c r="K1346" s="46">
        <v>-17.899999999999999</v>
      </c>
      <c r="L1346" s="59">
        <v>0</v>
      </c>
    </row>
    <row r="1347" spans="2:12" ht="21.6" x14ac:dyDescent="0.2">
      <c r="B1347" s="77"/>
      <c r="C1347" s="39" t="s">
        <v>45</v>
      </c>
      <c r="D1347" s="45">
        <v>565</v>
      </c>
      <c r="E1347" s="46">
        <v>1.4</v>
      </c>
      <c r="F1347" s="46">
        <v>11.9</v>
      </c>
      <c r="G1347" s="46">
        <v>43</v>
      </c>
      <c r="H1347" s="46">
        <v>20</v>
      </c>
      <c r="I1347" s="46">
        <v>9.6999999999999993</v>
      </c>
      <c r="J1347" s="46">
        <v>14</v>
      </c>
      <c r="K1347" s="46">
        <v>-14.4</v>
      </c>
      <c r="L1347" s="59">
        <v>0</v>
      </c>
    </row>
    <row r="1348" spans="2:12" ht="21.6" x14ac:dyDescent="0.2">
      <c r="B1348" s="77"/>
      <c r="C1348" s="39" t="s">
        <v>46</v>
      </c>
      <c r="D1348" s="45">
        <v>473</v>
      </c>
      <c r="E1348" s="46">
        <v>1.7</v>
      </c>
      <c r="F1348" s="46">
        <v>11</v>
      </c>
      <c r="G1348" s="46">
        <v>37.799999999999997</v>
      </c>
      <c r="H1348" s="46">
        <v>20.100000000000001</v>
      </c>
      <c r="I1348" s="46">
        <v>13.5</v>
      </c>
      <c r="J1348" s="46">
        <v>15.9</v>
      </c>
      <c r="K1348" s="46">
        <v>-19.5</v>
      </c>
      <c r="L1348" s="59">
        <v>0</v>
      </c>
    </row>
    <row r="1349" spans="2:12" ht="21.6" x14ac:dyDescent="0.2">
      <c r="B1349" s="77"/>
      <c r="C1349" s="39" t="s">
        <v>47</v>
      </c>
      <c r="D1349" s="45">
        <v>441</v>
      </c>
      <c r="E1349" s="46">
        <v>1.8</v>
      </c>
      <c r="F1349" s="46">
        <v>12.5</v>
      </c>
      <c r="G1349" s="46">
        <v>41</v>
      </c>
      <c r="H1349" s="46">
        <v>25.4</v>
      </c>
      <c r="I1349" s="46">
        <v>11.1</v>
      </c>
      <c r="J1349" s="46">
        <v>8.1999999999999993</v>
      </c>
      <c r="K1349" s="46">
        <v>-17.2</v>
      </c>
      <c r="L1349" s="59">
        <v>0</v>
      </c>
    </row>
    <row r="1350" spans="2:12" ht="21.6" x14ac:dyDescent="0.2">
      <c r="B1350" s="77"/>
      <c r="C1350" s="39" t="s">
        <v>48</v>
      </c>
      <c r="D1350" s="45">
        <v>305</v>
      </c>
      <c r="E1350" s="46">
        <v>3</v>
      </c>
      <c r="F1350" s="46">
        <v>15.4</v>
      </c>
      <c r="G1350" s="46">
        <v>39.700000000000003</v>
      </c>
      <c r="H1350" s="46">
        <v>24.9</v>
      </c>
      <c r="I1350" s="46">
        <v>12.1</v>
      </c>
      <c r="J1350" s="46">
        <v>4.9000000000000004</v>
      </c>
      <c r="K1350" s="46">
        <v>-14.7</v>
      </c>
      <c r="L1350" s="59">
        <v>0</v>
      </c>
    </row>
    <row r="1351" spans="2:12" ht="21.6" x14ac:dyDescent="0.2">
      <c r="B1351" s="77"/>
      <c r="C1351" s="39" t="s">
        <v>49</v>
      </c>
      <c r="D1351" s="45">
        <v>223</v>
      </c>
      <c r="E1351" s="46">
        <v>4.9000000000000004</v>
      </c>
      <c r="F1351" s="46">
        <v>16.100000000000001</v>
      </c>
      <c r="G1351" s="46">
        <v>44.8</v>
      </c>
      <c r="H1351" s="46">
        <v>21.1</v>
      </c>
      <c r="I1351" s="46">
        <v>8.5</v>
      </c>
      <c r="J1351" s="46">
        <v>4.5</v>
      </c>
      <c r="K1351" s="46">
        <v>-6.3</v>
      </c>
      <c r="L1351" s="59">
        <v>0</v>
      </c>
    </row>
    <row r="1352" spans="2:12" ht="21.6" x14ac:dyDescent="0.2">
      <c r="B1352" s="77"/>
      <c r="C1352" s="39" t="s">
        <v>50</v>
      </c>
      <c r="D1352" s="45">
        <v>123</v>
      </c>
      <c r="E1352" s="46">
        <v>4.0999999999999996</v>
      </c>
      <c r="F1352" s="46">
        <v>18.7</v>
      </c>
      <c r="G1352" s="46">
        <v>43.1</v>
      </c>
      <c r="H1352" s="46">
        <v>20.3</v>
      </c>
      <c r="I1352" s="46">
        <v>12.2</v>
      </c>
      <c r="J1352" s="46">
        <v>1.6</v>
      </c>
      <c r="K1352" s="46">
        <v>-9.1</v>
      </c>
      <c r="L1352" s="59">
        <v>0</v>
      </c>
    </row>
    <row r="1353" spans="2:12" ht="21.6" x14ac:dyDescent="0.2">
      <c r="B1353" s="77"/>
      <c r="C1353" s="39" t="s">
        <v>51</v>
      </c>
      <c r="D1353" s="45">
        <v>124</v>
      </c>
      <c r="E1353" s="46">
        <v>1.6</v>
      </c>
      <c r="F1353" s="46">
        <v>13.7</v>
      </c>
      <c r="G1353" s="46">
        <v>49.2</v>
      </c>
      <c r="H1353" s="46">
        <v>23.4</v>
      </c>
      <c r="I1353" s="46">
        <v>8.9</v>
      </c>
      <c r="J1353" s="46">
        <v>3.2</v>
      </c>
      <c r="K1353" s="46">
        <v>-12.5</v>
      </c>
      <c r="L1353" s="59">
        <v>0</v>
      </c>
    </row>
    <row r="1354" spans="2:12" ht="21.6" x14ac:dyDescent="0.2">
      <c r="B1354" s="77"/>
      <c r="C1354" s="39" t="s">
        <v>52</v>
      </c>
      <c r="D1354" s="45">
        <v>312</v>
      </c>
      <c r="E1354" s="46">
        <v>1.3</v>
      </c>
      <c r="F1354" s="46">
        <v>5.8</v>
      </c>
      <c r="G1354" s="46">
        <v>41.3</v>
      </c>
      <c r="H1354" s="46">
        <v>26.9</v>
      </c>
      <c r="I1354" s="46">
        <v>14.7</v>
      </c>
      <c r="J1354" s="46">
        <v>9.9</v>
      </c>
      <c r="K1354" s="46">
        <v>-26.7</v>
      </c>
      <c r="L1354" s="59">
        <v>0</v>
      </c>
    </row>
    <row r="1355" spans="2:12" x14ac:dyDescent="0.2">
      <c r="B1355" s="77"/>
      <c r="C1355" s="39" t="s">
        <v>53</v>
      </c>
      <c r="D1355" s="45">
        <v>269</v>
      </c>
      <c r="E1355" s="46">
        <v>1.5</v>
      </c>
      <c r="F1355" s="46">
        <v>12.3</v>
      </c>
      <c r="G1355" s="46">
        <v>43.1</v>
      </c>
      <c r="H1355" s="46">
        <v>22.7</v>
      </c>
      <c r="I1355" s="46">
        <v>13</v>
      </c>
      <c r="J1355" s="46">
        <v>7.4</v>
      </c>
      <c r="K1355" s="46">
        <v>-18.100000000000001</v>
      </c>
      <c r="L1355" s="59">
        <v>0</v>
      </c>
    </row>
    <row r="1356" spans="2:12" ht="21.6" x14ac:dyDescent="0.2">
      <c r="B1356" s="77"/>
      <c r="C1356" s="39" t="s">
        <v>54</v>
      </c>
      <c r="D1356" s="45">
        <v>511</v>
      </c>
      <c r="E1356" s="46">
        <v>3.1</v>
      </c>
      <c r="F1356" s="46">
        <v>14.9</v>
      </c>
      <c r="G1356" s="46">
        <v>38.200000000000003</v>
      </c>
      <c r="H1356" s="46">
        <v>27.2</v>
      </c>
      <c r="I1356" s="46">
        <v>10.199999999999999</v>
      </c>
      <c r="J1356" s="46">
        <v>6.5</v>
      </c>
      <c r="K1356" s="46">
        <v>-14.1</v>
      </c>
      <c r="L1356" s="59">
        <v>0</v>
      </c>
    </row>
    <row r="1357" spans="2:12" ht="21.6" x14ac:dyDescent="0.2">
      <c r="B1357" s="77"/>
      <c r="C1357" s="39" t="s">
        <v>55</v>
      </c>
      <c r="D1357" s="45">
        <v>615</v>
      </c>
      <c r="E1357" s="46">
        <v>3.7</v>
      </c>
      <c r="F1357" s="46">
        <v>18</v>
      </c>
      <c r="G1357" s="46">
        <v>40.299999999999997</v>
      </c>
      <c r="H1357" s="46">
        <v>19.7</v>
      </c>
      <c r="I1357" s="46">
        <v>10.7</v>
      </c>
      <c r="J1357" s="46">
        <v>7.5</v>
      </c>
      <c r="K1357" s="46">
        <v>-8.4</v>
      </c>
      <c r="L1357" s="59">
        <v>0</v>
      </c>
    </row>
    <row r="1358" spans="2:12" ht="21.6" x14ac:dyDescent="0.2">
      <c r="B1358" s="77"/>
      <c r="C1358" s="39" t="s">
        <v>56</v>
      </c>
      <c r="D1358" s="45">
        <v>800</v>
      </c>
      <c r="E1358" s="46">
        <v>3.6</v>
      </c>
      <c r="F1358" s="46">
        <v>16.3</v>
      </c>
      <c r="G1358" s="46">
        <v>38.299999999999997</v>
      </c>
      <c r="H1358" s="46">
        <v>21.8</v>
      </c>
      <c r="I1358" s="46">
        <v>11.8</v>
      </c>
      <c r="J1358" s="46">
        <v>8.4</v>
      </c>
      <c r="K1358" s="46">
        <v>-11.9</v>
      </c>
      <c r="L1358" s="59">
        <v>0</v>
      </c>
    </row>
    <row r="1359" spans="2:12" x14ac:dyDescent="0.2">
      <c r="B1359" s="77"/>
      <c r="C1359" s="40" t="s">
        <v>57</v>
      </c>
      <c r="D1359" s="48">
        <v>798</v>
      </c>
      <c r="E1359" s="49">
        <v>2</v>
      </c>
      <c r="F1359" s="49">
        <v>10.7</v>
      </c>
      <c r="G1359" s="49">
        <v>42.9</v>
      </c>
      <c r="H1359" s="49">
        <v>25.6</v>
      </c>
      <c r="I1359" s="49">
        <v>11.9</v>
      </c>
      <c r="J1359" s="49">
        <v>7</v>
      </c>
      <c r="K1359" s="49">
        <v>-18.7</v>
      </c>
      <c r="L1359" s="60">
        <v>0</v>
      </c>
    </row>
    <row r="1360" spans="2:12" x14ac:dyDescent="0.2">
      <c r="B1360" s="7" t="s">
        <v>71</v>
      </c>
      <c r="C1360" s="4" t="s">
        <v>105</v>
      </c>
    </row>
    <row r="1361" spans="1:25" x14ac:dyDescent="0.2">
      <c r="B1361" s="4"/>
      <c r="C1361" s="4" t="s">
        <v>73</v>
      </c>
    </row>
    <row r="1363" spans="1:25" x14ac:dyDescent="0.2">
      <c r="C1363" t="s">
        <v>35</v>
      </c>
    </row>
    <row r="1364" spans="1:25" x14ac:dyDescent="0.2">
      <c r="B1364" s="75" t="s">
        <v>282</v>
      </c>
      <c r="C1364" s="76"/>
      <c r="D1364" s="76"/>
      <c r="E1364" s="76"/>
      <c r="F1364" s="76"/>
      <c r="G1364" s="76"/>
      <c r="H1364" s="76"/>
      <c r="I1364" s="76"/>
      <c r="J1364" s="76"/>
      <c r="K1364" s="76"/>
      <c r="L1364" s="76"/>
      <c r="M1364" s="76"/>
      <c r="N1364" s="76"/>
      <c r="O1364" s="76"/>
      <c r="P1364" s="76"/>
      <c r="Q1364" s="76"/>
      <c r="R1364" s="76"/>
      <c r="S1364" s="76"/>
      <c r="T1364" s="76"/>
      <c r="U1364" s="76"/>
      <c r="V1364" s="76"/>
      <c r="W1364" s="76"/>
      <c r="X1364" s="76"/>
      <c r="Y1364" s="76"/>
    </row>
    <row r="1365" spans="1:25" s="32" customFormat="1" ht="47.25" customHeight="1" x14ac:dyDescent="0.15">
      <c r="A1365" s="31"/>
      <c r="D1365" s="33" t="s">
        <v>378</v>
      </c>
      <c r="E1365" s="36" t="s">
        <v>519</v>
      </c>
      <c r="F1365" s="55" t="s">
        <v>520</v>
      </c>
      <c r="G1365" s="55" t="s">
        <v>521</v>
      </c>
      <c r="H1365" s="55" t="s">
        <v>522</v>
      </c>
      <c r="I1365" s="55" t="s">
        <v>523</v>
      </c>
      <c r="J1365" s="55" t="s">
        <v>480</v>
      </c>
      <c r="K1365" s="56" t="s">
        <v>387</v>
      </c>
      <c r="L1365" s="57" t="s">
        <v>388</v>
      </c>
      <c r="M1365" s="54" t="s">
        <v>381</v>
      </c>
    </row>
    <row r="1366" spans="1:25" ht="21.6" x14ac:dyDescent="0.2">
      <c r="B1366" s="77" t="s">
        <v>37</v>
      </c>
      <c r="C1366" s="38" t="s">
        <v>58</v>
      </c>
      <c r="D1366" s="51">
        <v>609</v>
      </c>
      <c r="E1366" s="52">
        <v>3.8</v>
      </c>
      <c r="F1366" s="52">
        <v>16.600000000000001</v>
      </c>
      <c r="G1366" s="52">
        <v>38.299999999999997</v>
      </c>
      <c r="H1366" s="52">
        <v>21.3</v>
      </c>
      <c r="I1366" s="52">
        <v>12.3</v>
      </c>
      <c r="J1366" s="52">
        <v>7.7</v>
      </c>
      <c r="K1366" s="52">
        <v>-11.8</v>
      </c>
      <c r="L1366" s="61">
        <v>0</v>
      </c>
    </row>
    <row r="1367" spans="1:25" ht="21.6" x14ac:dyDescent="0.2">
      <c r="B1367" s="77"/>
      <c r="C1367" s="39" t="s">
        <v>59</v>
      </c>
      <c r="D1367" s="45">
        <v>1391</v>
      </c>
      <c r="E1367" s="46">
        <v>1.7</v>
      </c>
      <c r="F1367" s="46">
        <v>11</v>
      </c>
      <c r="G1367" s="46">
        <v>42.1</v>
      </c>
      <c r="H1367" s="46">
        <v>22.6</v>
      </c>
      <c r="I1367" s="46">
        <v>10.6</v>
      </c>
      <c r="J1367" s="46">
        <v>12.1</v>
      </c>
      <c r="K1367" s="46">
        <v>-16.600000000000001</v>
      </c>
      <c r="L1367" s="59">
        <v>0</v>
      </c>
    </row>
    <row r="1368" spans="1:25" x14ac:dyDescent="0.2">
      <c r="B1368" s="77"/>
      <c r="C1368" s="39" t="s">
        <v>60</v>
      </c>
      <c r="D1368" s="45">
        <v>1325</v>
      </c>
      <c r="E1368" s="46">
        <v>2.5</v>
      </c>
      <c r="F1368" s="46">
        <v>13.2</v>
      </c>
      <c r="G1368" s="46">
        <v>41.4</v>
      </c>
      <c r="H1368" s="46">
        <v>20.9</v>
      </c>
      <c r="I1368" s="46">
        <v>11.5</v>
      </c>
      <c r="J1368" s="46">
        <v>10.4</v>
      </c>
      <c r="K1368" s="46">
        <v>-14.4</v>
      </c>
      <c r="L1368" s="59">
        <v>0</v>
      </c>
    </row>
    <row r="1369" spans="1:25" x14ac:dyDescent="0.2">
      <c r="B1369" s="77"/>
      <c r="C1369" s="39" t="s">
        <v>61</v>
      </c>
      <c r="D1369" s="45">
        <v>675</v>
      </c>
      <c r="E1369" s="46">
        <v>2.1</v>
      </c>
      <c r="F1369" s="46">
        <v>11.7</v>
      </c>
      <c r="G1369" s="46">
        <v>39.9</v>
      </c>
      <c r="H1369" s="46">
        <v>24.7</v>
      </c>
      <c r="I1369" s="46">
        <v>10.199999999999999</v>
      </c>
      <c r="J1369" s="46">
        <v>11.4</v>
      </c>
      <c r="K1369" s="46">
        <v>-16.600000000000001</v>
      </c>
      <c r="L1369" s="59">
        <v>0</v>
      </c>
    </row>
    <row r="1370" spans="1:25" x14ac:dyDescent="0.2">
      <c r="B1370" s="77"/>
      <c r="C1370" s="39" t="s">
        <v>62</v>
      </c>
      <c r="D1370" s="45">
        <v>1086</v>
      </c>
      <c r="E1370" s="46">
        <v>3.4</v>
      </c>
      <c r="F1370" s="46">
        <v>12.2</v>
      </c>
      <c r="G1370" s="46">
        <v>42.2</v>
      </c>
      <c r="H1370" s="46">
        <v>21.5</v>
      </c>
      <c r="I1370" s="46">
        <v>12.2</v>
      </c>
      <c r="J1370" s="46">
        <v>8.4</v>
      </c>
      <c r="K1370" s="46">
        <v>-14.7</v>
      </c>
      <c r="L1370" s="59">
        <v>0</v>
      </c>
    </row>
    <row r="1371" spans="1:25" ht="21.6" x14ac:dyDescent="0.2">
      <c r="B1371" s="77"/>
      <c r="C1371" s="39" t="s">
        <v>63</v>
      </c>
      <c r="D1371" s="45">
        <v>203</v>
      </c>
      <c r="E1371" s="46">
        <v>3.4</v>
      </c>
      <c r="F1371" s="46">
        <v>18.2</v>
      </c>
      <c r="G1371" s="46">
        <v>47.8</v>
      </c>
      <c r="H1371" s="46">
        <v>13.3</v>
      </c>
      <c r="I1371" s="46">
        <v>5.9</v>
      </c>
      <c r="J1371" s="46">
        <v>11.3</v>
      </c>
      <c r="K1371" s="46">
        <v>0</v>
      </c>
      <c r="L1371" s="59">
        <v>0</v>
      </c>
    </row>
    <row r="1372" spans="1:25" x14ac:dyDescent="0.2">
      <c r="B1372" s="77"/>
      <c r="C1372" s="39" t="s">
        <v>64</v>
      </c>
      <c r="D1372" s="45">
        <v>263</v>
      </c>
      <c r="E1372" s="46">
        <v>3.8</v>
      </c>
      <c r="F1372" s="46">
        <v>12.2</v>
      </c>
      <c r="G1372" s="46">
        <v>39.5</v>
      </c>
      <c r="H1372" s="46">
        <v>22.8</v>
      </c>
      <c r="I1372" s="46">
        <v>13.3</v>
      </c>
      <c r="J1372" s="46">
        <v>8.4</v>
      </c>
      <c r="K1372" s="46">
        <v>-16.2</v>
      </c>
      <c r="L1372" s="59">
        <v>0</v>
      </c>
    </row>
    <row r="1373" spans="1:25" x14ac:dyDescent="0.2">
      <c r="B1373" s="77"/>
      <c r="C1373" s="39" t="s">
        <v>65</v>
      </c>
      <c r="D1373" s="45">
        <v>312</v>
      </c>
      <c r="E1373" s="46">
        <v>3.5</v>
      </c>
      <c r="F1373" s="46">
        <v>13.1</v>
      </c>
      <c r="G1373" s="46">
        <v>40.1</v>
      </c>
      <c r="H1373" s="46">
        <v>21.5</v>
      </c>
      <c r="I1373" s="46">
        <v>13.5</v>
      </c>
      <c r="J1373" s="46">
        <v>8.3000000000000007</v>
      </c>
      <c r="K1373" s="46">
        <v>-15.4</v>
      </c>
      <c r="L1373" s="59">
        <v>0</v>
      </c>
    </row>
    <row r="1374" spans="1:25" x14ac:dyDescent="0.2">
      <c r="B1374" s="77"/>
      <c r="C1374" s="39" t="s">
        <v>66</v>
      </c>
      <c r="D1374" s="45">
        <v>230</v>
      </c>
      <c r="E1374" s="46">
        <v>3</v>
      </c>
      <c r="F1374" s="46">
        <v>7.4</v>
      </c>
      <c r="G1374" s="46">
        <v>41.3</v>
      </c>
      <c r="H1374" s="46">
        <v>27</v>
      </c>
      <c r="I1374" s="46">
        <v>14.8</v>
      </c>
      <c r="J1374" s="46">
        <v>6.5</v>
      </c>
      <c r="K1374" s="46">
        <v>-23</v>
      </c>
      <c r="L1374" s="59">
        <v>0</v>
      </c>
    </row>
    <row r="1375" spans="1:25" x14ac:dyDescent="0.2">
      <c r="B1375" s="77"/>
      <c r="C1375" s="39" t="s">
        <v>67</v>
      </c>
      <c r="D1375" s="45">
        <v>78</v>
      </c>
      <c r="E1375" s="46">
        <v>2.6</v>
      </c>
      <c r="F1375" s="46">
        <v>7.7</v>
      </c>
      <c r="G1375" s="46">
        <v>47.4</v>
      </c>
      <c r="H1375" s="46">
        <v>23.1</v>
      </c>
      <c r="I1375" s="46">
        <v>12.8</v>
      </c>
      <c r="J1375" s="46">
        <v>6.4</v>
      </c>
      <c r="K1375" s="46">
        <v>-19.2</v>
      </c>
      <c r="L1375" s="59">
        <v>0</v>
      </c>
    </row>
    <row r="1376" spans="1:25" x14ac:dyDescent="0.2">
      <c r="B1376" s="77"/>
      <c r="C1376" s="39" t="s">
        <v>68</v>
      </c>
      <c r="D1376" s="45">
        <v>897</v>
      </c>
      <c r="E1376" s="46">
        <v>3.7</v>
      </c>
      <c r="F1376" s="46">
        <v>13.4</v>
      </c>
      <c r="G1376" s="46">
        <v>41</v>
      </c>
      <c r="H1376" s="46">
        <v>22.4</v>
      </c>
      <c r="I1376" s="46">
        <v>13</v>
      </c>
      <c r="J1376" s="46">
        <v>6.5</v>
      </c>
      <c r="K1376" s="46">
        <v>-14.8</v>
      </c>
      <c r="L1376" s="59">
        <v>0</v>
      </c>
    </row>
    <row r="1377" spans="1:25" x14ac:dyDescent="0.2">
      <c r="B1377" s="77"/>
      <c r="C1377" s="39" t="s">
        <v>69</v>
      </c>
      <c r="D1377" s="45">
        <v>189</v>
      </c>
      <c r="E1377" s="46">
        <v>2.1</v>
      </c>
      <c r="F1377" s="46">
        <v>6.9</v>
      </c>
      <c r="G1377" s="46">
        <v>47.6</v>
      </c>
      <c r="H1377" s="46">
        <v>17.5</v>
      </c>
      <c r="I1377" s="46">
        <v>8.5</v>
      </c>
      <c r="J1377" s="46">
        <v>17.5</v>
      </c>
      <c r="K1377" s="46">
        <v>-14.1</v>
      </c>
      <c r="L1377" s="59">
        <v>0</v>
      </c>
    </row>
    <row r="1378" spans="1:25" x14ac:dyDescent="0.2">
      <c r="B1378" s="77"/>
      <c r="C1378" s="39" t="s">
        <v>70</v>
      </c>
      <c r="D1378" s="45">
        <v>914</v>
      </c>
      <c r="E1378" s="46">
        <v>1.1000000000000001</v>
      </c>
      <c r="F1378" s="46">
        <v>13.2</v>
      </c>
      <c r="G1378" s="46">
        <v>39.4</v>
      </c>
      <c r="H1378" s="46">
        <v>23</v>
      </c>
      <c r="I1378" s="46">
        <v>9.6999999999999993</v>
      </c>
      <c r="J1378" s="46">
        <v>13.6</v>
      </c>
      <c r="K1378" s="46">
        <v>-15.6</v>
      </c>
      <c r="L1378" s="59">
        <v>0</v>
      </c>
    </row>
    <row r="1379" spans="1:25" ht="21.6" x14ac:dyDescent="0.2">
      <c r="B1379" s="77"/>
      <c r="C1379" s="39" t="s">
        <v>63</v>
      </c>
      <c r="D1379" s="45">
        <v>193</v>
      </c>
      <c r="E1379" s="46">
        <v>2.1</v>
      </c>
      <c r="F1379" s="46">
        <v>16.100000000000001</v>
      </c>
      <c r="G1379" s="46">
        <v>34.200000000000003</v>
      </c>
      <c r="H1379" s="46">
        <v>19.2</v>
      </c>
      <c r="I1379" s="46">
        <v>6.2</v>
      </c>
      <c r="J1379" s="46">
        <v>22.3</v>
      </c>
      <c r="K1379" s="46">
        <v>-7.3</v>
      </c>
      <c r="L1379" s="59">
        <v>0</v>
      </c>
    </row>
    <row r="1380" spans="1:25" x14ac:dyDescent="0.2">
      <c r="B1380" s="77"/>
      <c r="C1380" s="39" t="s">
        <v>64</v>
      </c>
      <c r="D1380" s="45">
        <v>203</v>
      </c>
      <c r="E1380" s="46">
        <v>0</v>
      </c>
      <c r="F1380" s="46">
        <v>15.3</v>
      </c>
      <c r="G1380" s="46">
        <v>36.9</v>
      </c>
      <c r="H1380" s="46">
        <v>24.1</v>
      </c>
      <c r="I1380" s="46">
        <v>11.3</v>
      </c>
      <c r="J1380" s="46">
        <v>12.3</v>
      </c>
      <c r="K1380" s="46">
        <v>-18</v>
      </c>
      <c r="L1380" s="59">
        <v>0</v>
      </c>
    </row>
    <row r="1381" spans="1:25" x14ac:dyDescent="0.2">
      <c r="B1381" s="77"/>
      <c r="C1381" s="39" t="s">
        <v>65</v>
      </c>
      <c r="D1381" s="45">
        <v>263</v>
      </c>
      <c r="E1381" s="46">
        <v>1.5</v>
      </c>
      <c r="F1381" s="46">
        <v>9.9</v>
      </c>
      <c r="G1381" s="46">
        <v>41.1</v>
      </c>
      <c r="H1381" s="46">
        <v>26.2</v>
      </c>
      <c r="I1381" s="46">
        <v>9.1</v>
      </c>
      <c r="J1381" s="46">
        <v>12.2</v>
      </c>
      <c r="K1381" s="46">
        <v>-18</v>
      </c>
      <c r="L1381" s="59">
        <v>0</v>
      </c>
    </row>
    <row r="1382" spans="1:25" x14ac:dyDescent="0.2">
      <c r="B1382" s="77"/>
      <c r="C1382" s="39" t="s">
        <v>66</v>
      </c>
      <c r="D1382" s="45">
        <v>194</v>
      </c>
      <c r="E1382" s="46">
        <v>0</v>
      </c>
      <c r="F1382" s="46">
        <v>11.9</v>
      </c>
      <c r="G1382" s="46">
        <v>46.4</v>
      </c>
      <c r="H1382" s="46">
        <v>21.1</v>
      </c>
      <c r="I1382" s="46">
        <v>11.3</v>
      </c>
      <c r="J1382" s="46">
        <v>9.3000000000000007</v>
      </c>
      <c r="K1382" s="46">
        <v>-17.600000000000001</v>
      </c>
      <c r="L1382" s="59">
        <v>0</v>
      </c>
    </row>
    <row r="1383" spans="1:25" x14ac:dyDescent="0.2">
      <c r="B1383" s="77"/>
      <c r="C1383" s="39" t="s">
        <v>67</v>
      </c>
      <c r="D1383" s="45">
        <v>61</v>
      </c>
      <c r="E1383" s="46">
        <v>3.3</v>
      </c>
      <c r="F1383" s="46">
        <v>16.399999999999999</v>
      </c>
      <c r="G1383" s="46">
        <v>34.4</v>
      </c>
      <c r="H1383" s="46">
        <v>23</v>
      </c>
      <c r="I1383" s="46">
        <v>13.1</v>
      </c>
      <c r="J1383" s="46">
        <v>9.8000000000000007</v>
      </c>
      <c r="K1383" s="46">
        <v>-14.5</v>
      </c>
      <c r="L1383" s="59">
        <v>0</v>
      </c>
    </row>
    <row r="1384" spans="1:25" x14ac:dyDescent="0.2">
      <c r="B1384" s="77"/>
      <c r="C1384" s="39" t="s">
        <v>68</v>
      </c>
      <c r="D1384" s="45">
        <v>416</v>
      </c>
      <c r="E1384" s="46">
        <v>1.7</v>
      </c>
      <c r="F1384" s="46">
        <v>13.7</v>
      </c>
      <c r="G1384" s="46">
        <v>40.4</v>
      </c>
      <c r="H1384" s="46">
        <v>22.4</v>
      </c>
      <c r="I1384" s="46">
        <v>11.5</v>
      </c>
      <c r="J1384" s="46">
        <v>10.3</v>
      </c>
      <c r="K1384" s="46">
        <v>-15.8</v>
      </c>
      <c r="L1384" s="59">
        <v>0</v>
      </c>
    </row>
    <row r="1385" spans="1:25" x14ac:dyDescent="0.2">
      <c r="B1385" s="77"/>
      <c r="C1385" s="40" t="s">
        <v>69</v>
      </c>
      <c r="D1385" s="48">
        <v>498</v>
      </c>
      <c r="E1385" s="49">
        <v>0.6</v>
      </c>
      <c r="F1385" s="49">
        <v>12.9</v>
      </c>
      <c r="G1385" s="49">
        <v>38.6</v>
      </c>
      <c r="H1385" s="49">
        <v>23.5</v>
      </c>
      <c r="I1385" s="49">
        <v>8.1999999999999993</v>
      </c>
      <c r="J1385" s="49">
        <v>16.3</v>
      </c>
      <c r="K1385" s="49">
        <v>-15.5</v>
      </c>
      <c r="L1385" s="60">
        <v>0</v>
      </c>
    </row>
    <row r="1386" spans="1:25" x14ac:dyDescent="0.2">
      <c r="B1386" s="7" t="s">
        <v>71</v>
      </c>
      <c r="C1386" s="4" t="s">
        <v>105</v>
      </c>
    </row>
    <row r="1387" spans="1:25" x14ac:dyDescent="0.2">
      <c r="B1387" s="4"/>
      <c r="C1387" s="4" t="s">
        <v>73</v>
      </c>
    </row>
    <row r="1389" spans="1:25" x14ac:dyDescent="0.2">
      <c r="A1389" s="26" t="s">
        <v>25</v>
      </c>
      <c r="B1389" t="s">
        <v>35</v>
      </c>
      <c r="C1389" t="s">
        <v>35</v>
      </c>
    </row>
    <row r="1390" spans="1:25" x14ac:dyDescent="0.2">
      <c r="B1390" s="75" t="s">
        <v>106</v>
      </c>
      <c r="C1390" s="76"/>
      <c r="D1390" s="76"/>
      <c r="E1390" s="76"/>
      <c r="F1390" s="76"/>
      <c r="G1390" s="76"/>
      <c r="H1390" s="76"/>
      <c r="I1390" s="76"/>
      <c r="J1390" s="76"/>
      <c r="K1390" s="76"/>
      <c r="L1390" s="76"/>
      <c r="M1390" s="76"/>
      <c r="N1390" s="76"/>
      <c r="O1390" s="76"/>
      <c r="P1390" s="76"/>
      <c r="Q1390" s="76"/>
      <c r="R1390" s="76"/>
      <c r="S1390" s="76"/>
      <c r="T1390" s="76"/>
      <c r="U1390" s="76"/>
      <c r="V1390" s="76"/>
      <c r="W1390" s="76"/>
      <c r="X1390" s="76"/>
      <c r="Y1390" s="76"/>
    </row>
    <row r="1391" spans="1:25" s="32" customFormat="1" ht="36.450000000000003" customHeight="1" x14ac:dyDescent="0.15">
      <c r="A1391" s="31"/>
      <c r="D1391" s="33" t="s">
        <v>378</v>
      </c>
      <c r="E1391" s="36" t="s">
        <v>524</v>
      </c>
      <c r="F1391" s="55" t="s">
        <v>525</v>
      </c>
      <c r="G1391" s="55" t="s">
        <v>526</v>
      </c>
      <c r="H1391" s="37" t="s">
        <v>480</v>
      </c>
      <c r="I1391" s="35" t="s">
        <v>381</v>
      </c>
    </row>
    <row r="1392" spans="1:25" x14ac:dyDescent="0.2">
      <c r="B1392" s="5"/>
      <c r="C1392" s="41" t="s">
        <v>38</v>
      </c>
      <c r="D1392" s="42">
        <v>2000</v>
      </c>
      <c r="E1392" s="43">
        <v>15.1</v>
      </c>
      <c r="F1392" s="43">
        <v>40.9</v>
      </c>
      <c r="G1392" s="43">
        <v>33.299999999999997</v>
      </c>
      <c r="H1392" s="44">
        <v>10.8</v>
      </c>
    </row>
    <row r="1393" spans="2:8" x14ac:dyDescent="0.2">
      <c r="B1393" s="77" t="s">
        <v>37</v>
      </c>
      <c r="C1393" s="39" t="s">
        <v>39</v>
      </c>
      <c r="D1393" s="45">
        <v>111</v>
      </c>
      <c r="E1393" s="46">
        <v>10.8</v>
      </c>
      <c r="F1393" s="46">
        <v>47.7</v>
      </c>
      <c r="G1393" s="46">
        <v>36</v>
      </c>
      <c r="H1393" s="47">
        <v>5.4</v>
      </c>
    </row>
    <row r="1394" spans="2:8" x14ac:dyDescent="0.2">
      <c r="B1394" s="77"/>
      <c r="C1394" s="39" t="s">
        <v>40</v>
      </c>
      <c r="D1394" s="45">
        <v>450</v>
      </c>
      <c r="E1394" s="46">
        <v>17.3</v>
      </c>
      <c r="F1394" s="46">
        <v>36.700000000000003</v>
      </c>
      <c r="G1394" s="46">
        <v>36.9</v>
      </c>
      <c r="H1394" s="47">
        <v>9.1</v>
      </c>
    </row>
    <row r="1395" spans="2:8" ht="21.6" x14ac:dyDescent="0.2">
      <c r="B1395" s="77"/>
      <c r="C1395" s="39" t="s">
        <v>41</v>
      </c>
      <c r="D1395" s="45">
        <v>30</v>
      </c>
      <c r="E1395" s="46">
        <v>13.3</v>
      </c>
      <c r="F1395" s="46">
        <v>36.700000000000003</v>
      </c>
      <c r="G1395" s="46">
        <v>36.700000000000003</v>
      </c>
      <c r="H1395" s="47">
        <v>13.3</v>
      </c>
    </row>
    <row r="1396" spans="2:8" ht="21.6" x14ac:dyDescent="0.2">
      <c r="B1396" s="77"/>
      <c r="C1396" s="39" t="s">
        <v>42</v>
      </c>
      <c r="D1396" s="45">
        <v>336</v>
      </c>
      <c r="E1396" s="46">
        <v>17.899999999999999</v>
      </c>
      <c r="F1396" s="46">
        <v>41.1</v>
      </c>
      <c r="G1396" s="46">
        <v>29.5</v>
      </c>
      <c r="H1396" s="47">
        <v>11.6</v>
      </c>
    </row>
    <row r="1397" spans="2:8" ht="21.6" x14ac:dyDescent="0.2">
      <c r="B1397" s="77"/>
      <c r="C1397" s="39" t="s">
        <v>43</v>
      </c>
      <c r="D1397" s="45">
        <v>327</v>
      </c>
      <c r="E1397" s="46">
        <v>16.8</v>
      </c>
      <c r="F1397" s="46">
        <v>36.700000000000003</v>
      </c>
      <c r="G1397" s="46">
        <v>36.4</v>
      </c>
      <c r="H1397" s="47">
        <v>10.1</v>
      </c>
    </row>
    <row r="1398" spans="2:8" ht="21.6" x14ac:dyDescent="0.2">
      <c r="B1398" s="77"/>
      <c r="C1398" s="39" t="s">
        <v>44</v>
      </c>
      <c r="D1398" s="45">
        <v>181</v>
      </c>
      <c r="E1398" s="46">
        <v>9.4</v>
      </c>
      <c r="F1398" s="46">
        <v>48.6</v>
      </c>
      <c r="G1398" s="46">
        <v>34.799999999999997</v>
      </c>
      <c r="H1398" s="47">
        <v>7.2</v>
      </c>
    </row>
    <row r="1399" spans="2:8" ht="21.6" x14ac:dyDescent="0.2">
      <c r="B1399" s="77"/>
      <c r="C1399" s="39" t="s">
        <v>45</v>
      </c>
      <c r="D1399" s="45">
        <v>565</v>
      </c>
      <c r="E1399" s="46">
        <v>13.3</v>
      </c>
      <c r="F1399" s="46">
        <v>43</v>
      </c>
      <c r="G1399" s="46">
        <v>29.7</v>
      </c>
      <c r="H1399" s="47">
        <v>14</v>
      </c>
    </row>
    <row r="1400" spans="2:8" ht="21.6" x14ac:dyDescent="0.2">
      <c r="B1400" s="77"/>
      <c r="C1400" s="39" t="s">
        <v>46</v>
      </c>
      <c r="D1400" s="45">
        <v>473</v>
      </c>
      <c r="E1400" s="46">
        <v>12.7</v>
      </c>
      <c r="F1400" s="46">
        <v>37.799999999999997</v>
      </c>
      <c r="G1400" s="46">
        <v>33.6</v>
      </c>
      <c r="H1400" s="47">
        <v>15.9</v>
      </c>
    </row>
    <row r="1401" spans="2:8" ht="21.6" x14ac:dyDescent="0.2">
      <c r="B1401" s="77"/>
      <c r="C1401" s="39" t="s">
        <v>47</v>
      </c>
      <c r="D1401" s="45">
        <v>441</v>
      </c>
      <c r="E1401" s="46">
        <v>14.3</v>
      </c>
      <c r="F1401" s="46">
        <v>41</v>
      </c>
      <c r="G1401" s="46">
        <v>36.5</v>
      </c>
      <c r="H1401" s="47">
        <v>8.1999999999999993</v>
      </c>
    </row>
    <row r="1402" spans="2:8" ht="21.6" x14ac:dyDescent="0.2">
      <c r="B1402" s="77"/>
      <c r="C1402" s="39" t="s">
        <v>48</v>
      </c>
      <c r="D1402" s="45">
        <v>305</v>
      </c>
      <c r="E1402" s="46">
        <v>18.399999999999999</v>
      </c>
      <c r="F1402" s="46">
        <v>39.700000000000003</v>
      </c>
      <c r="G1402" s="46">
        <v>37</v>
      </c>
      <c r="H1402" s="47">
        <v>4.9000000000000004</v>
      </c>
    </row>
    <row r="1403" spans="2:8" ht="21.6" x14ac:dyDescent="0.2">
      <c r="B1403" s="77"/>
      <c r="C1403" s="39" t="s">
        <v>49</v>
      </c>
      <c r="D1403" s="45">
        <v>223</v>
      </c>
      <c r="E1403" s="46">
        <v>21.1</v>
      </c>
      <c r="F1403" s="46">
        <v>44.8</v>
      </c>
      <c r="G1403" s="46">
        <v>29.6</v>
      </c>
      <c r="H1403" s="47">
        <v>4.5</v>
      </c>
    </row>
    <row r="1404" spans="2:8" ht="21.6" x14ac:dyDescent="0.2">
      <c r="B1404" s="77"/>
      <c r="C1404" s="39" t="s">
        <v>50</v>
      </c>
      <c r="D1404" s="45">
        <v>123</v>
      </c>
      <c r="E1404" s="46">
        <v>22.8</v>
      </c>
      <c r="F1404" s="46">
        <v>43.1</v>
      </c>
      <c r="G1404" s="46">
        <v>32.5</v>
      </c>
      <c r="H1404" s="47">
        <v>1.6</v>
      </c>
    </row>
    <row r="1405" spans="2:8" ht="21.6" x14ac:dyDescent="0.2">
      <c r="B1405" s="77"/>
      <c r="C1405" s="39" t="s">
        <v>51</v>
      </c>
      <c r="D1405" s="45">
        <v>124</v>
      </c>
      <c r="E1405" s="46">
        <v>15.3</v>
      </c>
      <c r="F1405" s="46">
        <v>49.2</v>
      </c>
      <c r="G1405" s="46">
        <v>32.299999999999997</v>
      </c>
      <c r="H1405" s="47">
        <v>3.2</v>
      </c>
    </row>
    <row r="1406" spans="2:8" ht="21.6" x14ac:dyDescent="0.2">
      <c r="B1406" s="77"/>
      <c r="C1406" s="39" t="s">
        <v>52</v>
      </c>
      <c r="D1406" s="45">
        <v>312</v>
      </c>
      <c r="E1406" s="46">
        <v>7.1</v>
      </c>
      <c r="F1406" s="46">
        <v>41.3</v>
      </c>
      <c r="G1406" s="46">
        <v>41.7</v>
      </c>
      <c r="H1406" s="47">
        <v>9.9</v>
      </c>
    </row>
    <row r="1407" spans="2:8" x14ac:dyDescent="0.2">
      <c r="B1407" s="77"/>
      <c r="C1407" s="39" t="s">
        <v>53</v>
      </c>
      <c r="D1407" s="45">
        <v>269</v>
      </c>
      <c r="E1407" s="46">
        <v>13.8</v>
      </c>
      <c r="F1407" s="46">
        <v>43.1</v>
      </c>
      <c r="G1407" s="46">
        <v>35.700000000000003</v>
      </c>
      <c r="H1407" s="47">
        <v>7.4</v>
      </c>
    </row>
    <row r="1408" spans="2:8" ht="21.6" x14ac:dyDescent="0.2">
      <c r="B1408" s="77"/>
      <c r="C1408" s="39" t="s">
        <v>54</v>
      </c>
      <c r="D1408" s="45">
        <v>511</v>
      </c>
      <c r="E1408" s="46">
        <v>18</v>
      </c>
      <c r="F1408" s="46">
        <v>38.200000000000003</v>
      </c>
      <c r="G1408" s="46">
        <v>37.4</v>
      </c>
      <c r="H1408" s="47">
        <v>6.5</v>
      </c>
    </row>
    <row r="1409" spans="1:25" ht="21.6" x14ac:dyDescent="0.2">
      <c r="B1409" s="77"/>
      <c r="C1409" s="39" t="s">
        <v>55</v>
      </c>
      <c r="D1409" s="45">
        <v>615</v>
      </c>
      <c r="E1409" s="46">
        <v>21.8</v>
      </c>
      <c r="F1409" s="46">
        <v>40.299999999999997</v>
      </c>
      <c r="G1409" s="46">
        <v>30.4</v>
      </c>
      <c r="H1409" s="47">
        <v>7.5</v>
      </c>
    </row>
    <row r="1410" spans="1:25" ht="21.6" x14ac:dyDescent="0.2">
      <c r="B1410" s="77"/>
      <c r="C1410" s="39" t="s">
        <v>56</v>
      </c>
      <c r="D1410" s="45">
        <v>800</v>
      </c>
      <c r="E1410" s="46">
        <v>19.899999999999999</v>
      </c>
      <c r="F1410" s="46">
        <v>38.299999999999997</v>
      </c>
      <c r="G1410" s="46">
        <v>33.5</v>
      </c>
      <c r="H1410" s="47">
        <v>8.4</v>
      </c>
    </row>
    <row r="1411" spans="1:25" x14ac:dyDescent="0.2">
      <c r="B1411" s="77"/>
      <c r="C1411" s="40" t="s">
        <v>57</v>
      </c>
      <c r="D1411" s="48">
        <v>798</v>
      </c>
      <c r="E1411" s="49">
        <v>12.7</v>
      </c>
      <c r="F1411" s="49">
        <v>42.9</v>
      </c>
      <c r="G1411" s="49">
        <v>37.5</v>
      </c>
      <c r="H1411" s="50">
        <v>7</v>
      </c>
    </row>
    <row r="1413" spans="1:25" x14ac:dyDescent="0.2">
      <c r="C1413" t="s">
        <v>35</v>
      </c>
    </row>
    <row r="1414" spans="1:25" x14ac:dyDescent="0.2">
      <c r="B1414" s="75" t="s">
        <v>283</v>
      </c>
      <c r="C1414" s="76"/>
      <c r="D1414" s="76"/>
      <c r="E1414" s="76"/>
      <c r="F1414" s="76"/>
      <c r="G1414" s="76"/>
      <c r="H1414" s="76"/>
      <c r="I1414" s="76"/>
      <c r="J1414" s="76"/>
      <c r="K1414" s="76"/>
      <c r="L1414" s="76"/>
      <c r="M1414" s="76"/>
      <c r="N1414" s="76"/>
      <c r="O1414" s="76"/>
      <c r="P1414" s="76"/>
      <c r="Q1414" s="76"/>
      <c r="R1414" s="76"/>
      <c r="S1414" s="76"/>
      <c r="T1414" s="76"/>
      <c r="U1414" s="76"/>
      <c r="V1414" s="76"/>
      <c r="W1414" s="76"/>
      <c r="X1414" s="76"/>
      <c r="Y1414" s="76"/>
    </row>
    <row r="1415" spans="1:25" s="32" customFormat="1" ht="36.450000000000003" customHeight="1" x14ac:dyDescent="0.15">
      <c r="A1415" s="31"/>
      <c r="D1415" s="33" t="s">
        <v>378</v>
      </c>
      <c r="E1415" s="36" t="s">
        <v>524</v>
      </c>
      <c r="F1415" s="55" t="s">
        <v>525</v>
      </c>
      <c r="G1415" s="55" t="s">
        <v>526</v>
      </c>
      <c r="H1415" s="37" t="s">
        <v>480</v>
      </c>
      <c r="I1415" s="35" t="s">
        <v>381</v>
      </c>
    </row>
    <row r="1416" spans="1:25" ht="21.6" x14ac:dyDescent="0.2">
      <c r="B1416" s="77" t="s">
        <v>37</v>
      </c>
      <c r="C1416" s="38" t="s">
        <v>58</v>
      </c>
      <c r="D1416" s="51">
        <v>609</v>
      </c>
      <c r="E1416" s="52">
        <v>20.399999999999999</v>
      </c>
      <c r="F1416" s="52">
        <v>38.299999999999997</v>
      </c>
      <c r="G1416" s="52">
        <v>33.700000000000003</v>
      </c>
      <c r="H1416" s="53">
        <v>7.7</v>
      </c>
    </row>
    <row r="1417" spans="1:25" ht="21.6" x14ac:dyDescent="0.2">
      <c r="B1417" s="77"/>
      <c r="C1417" s="39" t="s">
        <v>59</v>
      </c>
      <c r="D1417" s="45">
        <v>1391</v>
      </c>
      <c r="E1417" s="46">
        <v>12.7</v>
      </c>
      <c r="F1417" s="46">
        <v>42.1</v>
      </c>
      <c r="G1417" s="46">
        <v>33.1</v>
      </c>
      <c r="H1417" s="47">
        <v>12.1</v>
      </c>
    </row>
    <row r="1418" spans="1:25" x14ac:dyDescent="0.2">
      <c r="B1418" s="77"/>
      <c r="C1418" s="39" t="s">
        <v>60</v>
      </c>
      <c r="D1418" s="45">
        <v>1325</v>
      </c>
      <c r="E1418" s="46">
        <v>15.7</v>
      </c>
      <c r="F1418" s="46">
        <v>41.4</v>
      </c>
      <c r="G1418" s="46">
        <v>32.5</v>
      </c>
      <c r="H1418" s="47">
        <v>10.4</v>
      </c>
    </row>
    <row r="1419" spans="1:25" x14ac:dyDescent="0.2">
      <c r="B1419" s="77"/>
      <c r="C1419" s="39" t="s">
        <v>61</v>
      </c>
      <c r="D1419" s="45">
        <v>675</v>
      </c>
      <c r="E1419" s="46">
        <v>13.8</v>
      </c>
      <c r="F1419" s="46">
        <v>39.9</v>
      </c>
      <c r="G1419" s="46">
        <v>35</v>
      </c>
      <c r="H1419" s="47">
        <v>11.4</v>
      </c>
    </row>
    <row r="1420" spans="1:25" x14ac:dyDescent="0.2">
      <c r="B1420" s="77"/>
      <c r="C1420" s="39" t="s">
        <v>62</v>
      </c>
      <c r="D1420" s="45">
        <v>1086</v>
      </c>
      <c r="E1420" s="46">
        <v>15.7</v>
      </c>
      <c r="F1420" s="46">
        <v>42.2</v>
      </c>
      <c r="G1420" s="46">
        <v>33.799999999999997</v>
      </c>
      <c r="H1420" s="47">
        <v>8.4</v>
      </c>
    </row>
    <row r="1421" spans="1:25" ht="21.6" x14ac:dyDescent="0.2">
      <c r="B1421" s="77"/>
      <c r="C1421" s="39" t="s">
        <v>63</v>
      </c>
      <c r="D1421" s="45">
        <v>203</v>
      </c>
      <c r="E1421" s="46">
        <v>21.7</v>
      </c>
      <c r="F1421" s="46">
        <v>47.8</v>
      </c>
      <c r="G1421" s="46">
        <v>19.2</v>
      </c>
      <c r="H1421" s="47">
        <v>11.3</v>
      </c>
    </row>
    <row r="1422" spans="1:25" x14ac:dyDescent="0.2">
      <c r="B1422" s="77"/>
      <c r="C1422" s="39" t="s">
        <v>64</v>
      </c>
      <c r="D1422" s="45">
        <v>263</v>
      </c>
      <c r="E1422" s="46">
        <v>16</v>
      </c>
      <c r="F1422" s="46">
        <v>39.5</v>
      </c>
      <c r="G1422" s="46">
        <v>36.1</v>
      </c>
      <c r="H1422" s="47">
        <v>8.4</v>
      </c>
    </row>
    <row r="1423" spans="1:25" x14ac:dyDescent="0.2">
      <c r="B1423" s="77"/>
      <c r="C1423" s="39" t="s">
        <v>65</v>
      </c>
      <c r="D1423" s="45">
        <v>312</v>
      </c>
      <c r="E1423" s="46">
        <v>16.7</v>
      </c>
      <c r="F1423" s="46">
        <v>40.1</v>
      </c>
      <c r="G1423" s="46">
        <v>34.9</v>
      </c>
      <c r="H1423" s="47">
        <v>8.3000000000000007</v>
      </c>
    </row>
    <row r="1424" spans="1:25" x14ac:dyDescent="0.2">
      <c r="B1424" s="77"/>
      <c r="C1424" s="39" t="s">
        <v>66</v>
      </c>
      <c r="D1424" s="45">
        <v>230</v>
      </c>
      <c r="E1424" s="46">
        <v>10.4</v>
      </c>
      <c r="F1424" s="46">
        <v>41.3</v>
      </c>
      <c r="G1424" s="46">
        <v>41.7</v>
      </c>
      <c r="H1424" s="47">
        <v>6.5</v>
      </c>
    </row>
    <row r="1425" spans="1:25" x14ac:dyDescent="0.2">
      <c r="B1425" s="77"/>
      <c r="C1425" s="39" t="s">
        <v>67</v>
      </c>
      <c r="D1425" s="45">
        <v>78</v>
      </c>
      <c r="E1425" s="46">
        <v>10.3</v>
      </c>
      <c r="F1425" s="46">
        <v>47.4</v>
      </c>
      <c r="G1425" s="46">
        <v>35.9</v>
      </c>
      <c r="H1425" s="47">
        <v>6.4</v>
      </c>
    </row>
    <row r="1426" spans="1:25" x14ac:dyDescent="0.2">
      <c r="B1426" s="77"/>
      <c r="C1426" s="39" t="s">
        <v>68</v>
      </c>
      <c r="D1426" s="45">
        <v>897</v>
      </c>
      <c r="E1426" s="46">
        <v>17.100000000000001</v>
      </c>
      <c r="F1426" s="46">
        <v>41</v>
      </c>
      <c r="G1426" s="46">
        <v>35.5</v>
      </c>
      <c r="H1426" s="47">
        <v>6.5</v>
      </c>
    </row>
    <row r="1427" spans="1:25" x14ac:dyDescent="0.2">
      <c r="B1427" s="77"/>
      <c r="C1427" s="39" t="s">
        <v>69</v>
      </c>
      <c r="D1427" s="45">
        <v>189</v>
      </c>
      <c r="E1427" s="46">
        <v>9</v>
      </c>
      <c r="F1427" s="46">
        <v>47.6</v>
      </c>
      <c r="G1427" s="46">
        <v>25.9</v>
      </c>
      <c r="H1427" s="47">
        <v>17.5</v>
      </c>
    </row>
    <row r="1428" spans="1:25" x14ac:dyDescent="0.2">
      <c r="B1428" s="77"/>
      <c r="C1428" s="39" t="s">
        <v>70</v>
      </c>
      <c r="D1428" s="45">
        <v>914</v>
      </c>
      <c r="E1428" s="46">
        <v>14.3</v>
      </c>
      <c r="F1428" s="46">
        <v>39.4</v>
      </c>
      <c r="G1428" s="46">
        <v>32.700000000000003</v>
      </c>
      <c r="H1428" s="47">
        <v>13.6</v>
      </c>
    </row>
    <row r="1429" spans="1:25" ht="21.6" x14ac:dyDescent="0.2">
      <c r="B1429" s="77"/>
      <c r="C1429" s="39" t="s">
        <v>63</v>
      </c>
      <c r="D1429" s="45">
        <v>193</v>
      </c>
      <c r="E1429" s="46">
        <v>18.100000000000001</v>
      </c>
      <c r="F1429" s="46">
        <v>34.200000000000003</v>
      </c>
      <c r="G1429" s="46">
        <v>25.4</v>
      </c>
      <c r="H1429" s="47">
        <v>22.3</v>
      </c>
    </row>
    <row r="1430" spans="1:25" x14ac:dyDescent="0.2">
      <c r="B1430" s="77"/>
      <c r="C1430" s="39" t="s">
        <v>64</v>
      </c>
      <c r="D1430" s="45">
        <v>203</v>
      </c>
      <c r="E1430" s="46">
        <v>15.3</v>
      </c>
      <c r="F1430" s="46">
        <v>36.9</v>
      </c>
      <c r="G1430" s="46">
        <v>35.5</v>
      </c>
      <c r="H1430" s="47">
        <v>12.3</v>
      </c>
    </row>
    <row r="1431" spans="1:25" x14ac:dyDescent="0.2">
      <c r="B1431" s="77"/>
      <c r="C1431" s="39" t="s">
        <v>65</v>
      </c>
      <c r="D1431" s="45">
        <v>263</v>
      </c>
      <c r="E1431" s="46">
        <v>11.4</v>
      </c>
      <c r="F1431" s="46">
        <v>41.1</v>
      </c>
      <c r="G1431" s="46">
        <v>35.4</v>
      </c>
      <c r="H1431" s="47">
        <v>12.2</v>
      </c>
    </row>
    <row r="1432" spans="1:25" x14ac:dyDescent="0.2">
      <c r="B1432" s="77"/>
      <c r="C1432" s="39" t="s">
        <v>66</v>
      </c>
      <c r="D1432" s="45">
        <v>194</v>
      </c>
      <c r="E1432" s="46">
        <v>11.9</v>
      </c>
      <c r="F1432" s="46">
        <v>46.4</v>
      </c>
      <c r="G1432" s="46">
        <v>32.5</v>
      </c>
      <c r="H1432" s="47">
        <v>9.3000000000000007</v>
      </c>
    </row>
    <row r="1433" spans="1:25" x14ac:dyDescent="0.2">
      <c r="B1433" s="77"/>
      <c r="C1433" s="39" t="s">
        <v>67</v>
      </c>
      <c r="D1433" s="45">
        <v>61</v>
      </c>
      <c r="E1433" s="46">
        <v>19.7</v>
      </c>
      <c r="F1433" s="46">
        <v>34.4</v>
      </c>
      <c r="G1433" s="46">
        <v>36.1</v>
      </c>
      <c r="H1433" s="47">
        <v>9.8000000000000007</v>
      </c>
    </row>
    <row r="1434" spans="1:25" x14ac:dyDescent="0.2">
      <c r="B1434" s="77"/>
      <c r="C1434" s="39" t="s">
        <v>68</v>
      </c>
      <c r="D1434" s="45">
        <v>416</v>
      </c>
      <c r="E1434" s="46">
        <v>15.4</v>
      </c>
      <c r="F1434" s="46">
        <v>40.4</v>
      </c>
      <c r="G1434" s="46">
        <v>33.9</v>
      </c>
      <c r="H1434" s="47">
        <v>10.3</v>
      </c>
    </row>
    <row r="1435" spans="1:25" x14ac:dyDescent="0.2">
      <c r="B1435" s="77"/>
      <c r="C1435" s="40" t="s">
        <v>69</v>
      </c>
      <c r="D1435" s="48">
        <v>498</v>
      </c>
      <c r="E1435" s="49">
        <v>13.5</v>
      </c>
      <c r="F1435" s="49">
        <v>38.6</v>
      </c>
      <c r="G1435" s="49">
        <v>31.7</v>
      </c>
      <c r="H1435" s="50">
        <v>16.3</v>
      </c>
    </row>
    <row r="1437" spans="1:25" x14ac:dyDescent="0.2">
      <c r="A1437" s="26" t="s">
        <v>25</v>
      </c>
      <c r="B1437" t="s">
        <v>35</v>
      </c>
      <c r="C1437" t="s">
        <v>35</v>
      </c>
    </row>
    <row r="1438" spans="1:25" x14ac:dyDescent="0.2">
      <c r="B1438" s="75" t="s">
        <v>107</v>
      </c>
      <c r="C1438" s="76"/>
      <c r="D1438" s="76"/>
      <c r="E1438" s="76"/>
      <c r="F1438" s="76"/>
      <c r="G1438" s="76"/>
      <c r="H1438" s="76"/>
      <c r="I1438" s="76"/>
      <c r="J1438" s="76"/>
      <c r="K1438" s="76"/>
      <c r="L1438" s="76"/>
      <c r="M1438" s="76"/>
      <c r="N1438" s="76"/>
      <c r="O1438" s="76"/>
      <c r="P1438" s="76"/>
      <c r="Q1438" s="76"/>
      <c r="R1438" s="76"/>
      <c r="S1438" s="76"/>
      <c r="T1438" s="76"/>
      <c r="U1438" s="76"/>
      <c r="V1438" s="76"/>
      <c r="W1438" s="76"/>
      <c r="X1438" s="76"/>
      <c r="Y1438" s="76"/>
    </row>
    <row r="1439" spans="1:25" s="32" customFormat="1" ht="47.25" customHeight="1" x14ac:dyDescent="0.15">
      <c r="A1439" s="31"/>
      <c r="D1439" s="33" t="s">
        <v>378</v>
      </c>
      <c r="E1439" s="36" t="s">
        <v>527</v>
      </c>
      <c r="F1439" s="55" t="s">
        <v>528</v>
      </c>
      <c r="G1439" s="55" t="s">
        <v>521</v>
      </c>
      <c r="H1439" s="55" t="s">
        <v>529</v>
      </c>
      <c r="I1439" s="55" t="s">
        <v>530</v>
      </c>
      <c r="J1439" s="55" t="s">
        <v>480</v>
      </c>
      <c r="K1439" s="56" t="s">
        <v>387</v>
      </c>
      <c r="L1439" s="57" t="s">
        <v>388</v>
      </c>
      <c r="M1439" s="54" t="s">
        <v>381</v>
      </c>
    </row>
    <row r="1440" spans="1:25" x14ac:dyDescent="0.2">
      <c r="B1440" s="5"/>
      <c r="C1440" s="41" t="s">
        <v>38</v>
      </c>
      <c r="D1440" s="42">
        <v>2000</v>
      </c>
      <c r="E1440" s="43">
        <v>2.2999999999999998</v>
      </c>
      <c r="F1440" s="43">
        <v>18.8</v>
      </c>
      <c r="G1440" s="43">
        <v>45.9</v>
      </c>
      <c r="H1440" s="43">
        <v>13.7</v>
      </c>
      <c r="I1440" s="43">
        <v>5.5</v>
      </c>
      <c r="J1440" s="43">
        <v>14</v>
      </c>
      <c r="K1440" s="43">
        <v>-0.7</v>
      </c>
      <c r="L1440" s="58">
        <v>0</v>
      </c>
    </row>
    <row r="1441" spans="2:12" x14ac:dyDescent="0.2">
      <c r="B1441" s="77" t="s">
        <v>37</v>
      </c>
      <c r="C1441" s="39" t="s">
        <v>39</v>
      </c>
      <c r="D1441" s="45">
        <v>111</v>
      </c>
      <c r="E1441" s="46">
        <v>4.5</v>
      </c>
      <c r="F1441" s="46">
        <v>15.3</v>
      </c>
      <c r="G1441" s="46">
        <v>52.3</v>
      </c>
      <c r="H1441" s="46">
        <v>13.5</v>
      </c>
      <c r="I1441" s="46">
        <v>5.4</v>
      </c>
      <c r="J1441" s="46">
        <v>9</v>
      </c>
      <c r="K1441" s="46">
        <v>0</v>
      </c>
      <c r="L1441" s="59">
        <v>0</v>
      </c>
    </row>
    <row r="1442" spans="2:12" x14ac:dyDescent="0.2">
      <c r="B1442" s="77"/>
      <c r="C1442" s="39" t="s">
        <v>40</v>
      </c>
      <c r="D1442" s="45">
        <v>450</v>
      </c>
      <c r="E1442" s="46">
        <v>1.6</v>
      </c>
      <c r="F1442" s="46">
        <v>22</v>
      </c>
      <c r="G1442" s="46">
        <v>42.9</v>
      </c>
      <c r="H1442" s="46">
        <v>13.3</v>
      </c>
      <c r="I1442" s="46">
        <v>8.6999999999999993</v>
      </c>
      <c r="J1442" s="46">
        <v>11.6</v>
      </c>
      <c r="K1442" s="46">
        <v>-3.1</v>
      </c>
      <c r="L1442" s="59">
        <v>0</v>
      </c>
    </row>
    <row r="1443" spans="2:12" ht="21.6" x14ac:dyDescent="0.2">
      <c r="B1443" s="77"/>
      <c r="C1443" s="39" t="s">
        <v>41</v>
      </c>
      <c r="D1443" s="45">
        <v>30</v>
      </c>
      <c r="E1443" s="46">
        <v>3.3</v>
      </c>
      <c r="F1443" s="46">
        <v>16.7</v>
      </c>
      <c r="G1443" s="46">
        <v>40</v>
      </c>
      <c r="H1443" s="46">
        <v>10</v>
      </c>
      <c r="I1443" s="46">
        <v>6.7</v>
      </c>
      <c r="J1443" s="46">
        <v>23.3</v>
      </c>
      <c r="K1443" s="46">
        <v>0</v>
      </c>
      <c r="L1443" s="59">
        <v>0</v>
      </c>
    </row>
    <row r="1444" spans="2:12" ht="21.6" x14ac:dyDescent="0.2">
      <c r="B1444" s="77"/>
      <c r="C1444" s="39" t="s">
        <v>42</v>
      </c>
      <c r="D1444" s="45">
        <v>336</v>
      </c>
      <c r="E1444" s="46">
        <v>3</v>
      </c>
      <c r="F1444" s="46">
        <v>20.5</v>
      </c>
      <c r="G1444" s="46">
        <v>47.3</v>
      </c>
      <c r="H1444" s="46">
        <v>12.2</v>
      </c>
      <c r="I1444" s="46">
        <v>4.5</v>
      </c>
      <c r="J1444" s="46">
        <v>12.5</v>
      </c>
      <c r="K1444" s="46">
        <v>3.1</v>
      </c>
      <c r="L1444" s="59">
        <v>0</v>
      </c>
    </row>
    <row r="1445" spans="2:12" ht="21.6" x14ac:dyDescent="0.2">
      <c r="B1445" s="77"/>
      <c r="C1445" s="39" t="s">
        <v>43</v>
      </c>
      <c r="D1445" s="45">
        <v>327</v>
      </c>
      <c r="E1445" s="46">
        <v>2.1</v>
      </c>
      <c r="F1445" s="46">
        <v>22</v>
      </c>
      <c r="G1445" s="46">
        <v>43.7</v>
      </c>
      <c r="H1445" s="46">
        <v>12.2</v>
      </c>
      <c r="I1445" s="46">
        <v>5.5</v>
      </c>
      <c r="J1445" s="46">
        <v>14.4</v>
      </c>
      <c r="K1445" s="46">
        <v>1.8</v>
      </c>
      <c r="L1445" s="59">
        <v>0</v>
      </c>
    </row>
    <row r="1446" spans="2:12" ht="21.6" x14ac:dyDescent="0.2">
      <c r="B1446" s="77"/>
      <c r="C1446" s="39" t="s">
        <v>44</v>
      </c>
      <c r="D1446" s="45">
        <v>181</v>
      </c>
      <c r="E1446" s="46">
        <v>2.8</v>
      </c>
      <c r="F1446" s="46">
        <v>11.6</v>
      </c>
      <c r="G1446" s="46">
        <v>48.1</v>
      </c>
      <c r="H1446" s="46">
        <v>18.2</v>
      </c>
      <c r="I1446" s="46">
        <v>6.1</v>
      </c>
      <c r="J1446" s="46">
        <v>13.3</v>
      </c>
      <c r="K1446" s="46">
        <v>-7.6</v>
      </c>
      <c r="L1446" s="59">
        <v>0</v>
      </c>
    </row>
    <row r="1447" spans="2:12" ht="21.6" x14ac:dyDescent="0.2">
      <c r="B1447" s="77"/>
      <c r="C1447" s="39" t="s">
        <v>45</v>
      </c>
      <c r="D1447" s="45">
        <v>565</v>
      </c>
      <c r="E1447" s="46">
        <v>1.8</v>
      </c>
      <c r="F1447" s="46">
        <v>16.5</v>
      </c>
      <c r="G1447" s="46">
        <v>46.9</v>
      </c>
      <c r="H1447" s="46">
        <v>14.3</v>
      </c>
      <c r="I1447" s="46">
        <v>3.2</v>
      </c>
      <c r="J1447" s="46">
        <v>17.3</v>
      </c>
      <c r="K1447" s="46">
        <v>-0.4</v>
      </c>
      <c r="L1447" s="59">
        <v>0</v>
      </c>
    </row>
    <row r="1448" spans="2:12" ht="21.6" x14ac:dyDescent="0.2">
      <c r="B1448" s="77"/>
      <c r="C1448" s="39" t="s">
        <v>46</v>
      </c>
      <c r="D1448" s="45">
        <v>473</v>
      </c>
      <c r="E1448" s="46">
        <v>1.5</v>
      </c>
      <c r="F1448" s="46">
        <v>15.9</v>
      </c>
      <c r="G1448" s="46">
        <v>42.1</v>
      </c>
      <c r="H1448" s="46">
        <v>13.1</v>
      </c>
      <c r="I1448" s="46">
        <v>8</v>
      </c>
      <c r="J1448" s="46">
        <v>19.5</v>
      </c>
      <c r="K1448" s="46">
        <v>-6.4</v>
      </c>
      <c r="L1448" s="59">
        <v>0</v>
      </c>
    </row>
    <row r="1449" spans="2:12" ht="21.6" x14ac:dyDescent="0.2">
      <c r="B1449" s="77"/>
      <c r="C1449" s="39" t="s">
        <v>47</v>
      </c>
      <c r="D1449" s="45">
        <v>441</v>
      </c>
      <c r="E1449" s="46">
        <v>2.5</v>
      </c>
      <c r="F1449" s="46">
        <v>17.7</v>
      </c>
      <c r="G1449" s="46">
        <v>47.2</v>
      </c>
      <c r="H1449" s="46">
        <v>15.2</v>
      </c>
      <c r="I1449" s="46">
        <v>5.9</v>
      </c>
      <c r="J1449" s="46">
        <v>11.6</v>
      </c>
      <c r="K1449" s="46">
        <v>-2.4</v>
      </c>
      <c r="L1449" s="59">
        <v>0</v>
      </c>
    </row>
    <row r="1450" spans="2:12" ht="21.6" x14ac:dyDescent="0.2">
      <c r="B1450" s="77"/>
      <c r="C1450" s="39" t="s">
        <v>48</v>
      </c>
      <c r="D1450" s="45">
        <v>305</v>
      </c>
      <c r="E1450" s="46">
        <v>1.6</v>
      </c>
      <c r="F1450" s="46">
        <v>20.3</v>
      </c>
      <c r="G1450" s="46">
        <v>46.6</v>
      </c>
      <c r="H1450" s="46">
        <v>19.7</v>
      </c>
      <c r="I1450" s="46">
        <v>4.3</v>
      </c>
      <c r="J1450" s="46">
        <v>7.5</v>
      </c>
      <c r="K1450" s="46">
        <v>-2.5</v>
      </c>
      <c r="L1450" s="59">
        <v>0</v>
      </c>
    </row>
    <row r="1451" spans="2:12" ht="21.6" x14ac:dyDescent="0.2">
      <c r="B1451" s="77"/>
      <c r="C1451" s="39" t="s">
        <v>49</v>
      </c>
      <c r="D1451" s="45">
        <v>223</v>
      </c>
      <c r="E1451" s="46">
        <v>4.9000000000000004</v>
      </c>
      <c r="F1451" s="46">
        <v>26.5</v>
      </c>
      <c r="G1451" s="46">
        <v>45.3</v>
      </c>
      <c r="H1451" s="46">
        <v>11.2</v>
      </c>
      <c r="I1451" s="46">
        <v>3.6</v>
      </c>
      <c r="J1451" s="46">
        <v>8.5</v>
      </c>
      <c r="K1451" s="46">
        <v>9.8000000000000007</v>
      </c>
      <c r="L1451" s="59">
        <v>0</v>
      </c>
    </row>
    <row r="1452" spans="2:12" ht="21.6" x14ac:dyDescent="0.2">
      <c r="B1452" s="77"/>
      <c r="C1452" s="39" t="s">
        <v>50</v>
      </c>
      <c r="D1452" s="45">
        <v>123</v>
      </c>
      <c r="E1452" s="46">
        <v>4.0999999999999996</v>
      </c>
      <c r="F1452" s="46">
        <v>27.6</v>
      </c>
      <c r="G1452" s="46">
        <v>49.6</v>
      </c>
      <c r="H1452" s="46">
        <v>10.6</v>
      </c>
      <c r="I1452" s="46">
        <v>4.0999999999999996</v>
      </c>
      <c r="J1452" s="46">
        <v>4.0999999999999996</v>
      </c>
      <c r="K1452" s="46">
        <v>8.9</v>
      </c>
      <c r="L1452" s="59">
        <v>0</v>
      </c>
    </row>
    <row r="1453" spans="2:12" ht="21.6" x14ac:dyDescent="0.2">
      <c r="B1453" s="77"/>
      <c r="C1453" s="39" t="s">
        <v>51</v>
      </c>
      <c r="D1453" s="45">
        <v>124</v>
      </c>
      <c r="E1453" s="46">
        <v>3.2</v>
      </c>
      <c r="F1453" s="46">
        <v>21</v>
      </c>
      <c r="G1453" s="46">
        <v>54</v>
      </c>
      <c r="H1453" s="46">
        <v>9.6999999999999993</v>
      </c>
      <c r="I1453" s="46">
        <v>4.8</v>
      </c>
      <c r="J1453" s="46">
        <v>7.3</v>
      </c>
      <c r="K1453" s="46">
        <v>4.3</v>
      </c>
      <c r="L1453" s="59">
        <v>0</v>
      </c>
    </row>
    <row r="1454" spans="2:12" ht="21.6" x14ac:dyDescent="0.2">
      <c r="B1454" s="77"/>
      <c r="C1454" s="39" t="s">
        <v>52</v>
      </c>
      <c r="D1454" s="45">
        <v>312</v>
      </c>
      <c r="E1454" s="46">
        <v>1.9</v>
      </c>
      <c r="F1454" s="46">
        <v>15.1</v>
      </c>
      <c r="G1454" s="46">
        <v>50</v>
      </c>
      <c r="H1454" s="46">
        <v>11.9</v>
      </c>
      <c r="I1454" s="46">
        <v>8</v>
      </c>
      <c r="J1454" s="46">
        <v>13.1</v>
      </c>
      <c r="K1454" s="46">
        <v>-5.2</v>
      </c>
      <c r="L1454" s="59">
        <v>0</v>
      </c>
    </row>
    <row r="1455" spans="2:12" x14ac:dyDescent="0.2">
      <c r="B1455" s="77"/>
      <c r="C1455" s="39" t="s">
        <v>53</v>
      </c>
      <c r="D1455" s="45">
        <v>269</v>
      </c>
      <c r="E1455" s="46">
        <v>2.6</v>
      </c>
      <c r="F1455" s="46">
        <v>14.9</v>
      </c>
      <c r="G1455" s="46">
        <v>49.8</v>
      </c>
      <c r="H1455" s="46">
        <v>14.1</v>
      </c>
      <c r="I1455" s="46">
        <v>5.6</v>
      </c>
      <c r="J1455" s="46">
        <v>13</v>
      </c>
      <c r="K1455" s="46">
        <v>-3</v>
      </c>
      <c r="L1455" s="59">
        <v>0</v>
      </c>
    </row>
    <row r="1456" spans="2:12" ht="21.6" x14ac:dyDescent="0.2">
      <c r="B1456" s="77"/>
      <c r="C1456" s="39" t="s">
        <v>54</v>
      </c>
      <c r="D1456" s="45">
        <v>511</v>
      </c>
      <c r="E1456" s="46">
        <v>2.5</v>
      </c>
      <c r="F1456" s="46">
        <v>24.3</v>
      </c>
      <c r="G1456" s="46">
        <v>41.1</v>
      </c>
      <c r="H1456" s="46">
        <v>17.8</v>
      </c>
      <c r="I1456" s="46">
        <v>5.3</v>
      </c>
      <c r="J1456" s="46">
        <v>9</v>
      </c>
      <c r="K1456" s="46">
        <v>0.5</v>
      </c>
      <c r="L1456" s="59">
        <v>0</v>
      </c>
    </row>
    <row r="1457" spans="1:25" ht="21.6" x14ac:dyDescent="0.2">
      <c r="B1457" s="77"/>
      <c r="C1457" s="39" t="s">
        <v>55</v>
      </c>
      <c r="D1457" s="45">
        <v>615</v>
      </c>
      <c r="E1457" s="46">
        <v>2.8</v>
      </c>
      <c r="F1457" s="46">
        <v>23.4</v>
      </c>
      <c r="G1457" s="46">
        <v>46.3</v>
      </c>
      <c r="H1457" s="46">
        <v>12.5</v>
      </c>
      <c r="I1457" s="46">
        <v>5</v>
      </c>
      <c r="J1457" s="46">
        <v>9.9</v>
      </c>
      <c r="K1457" s="46">
        <v>3.5</v>
      </c>
      <c r="L1457" s="59">
        <v>0</v>
      </c>
    </row>
    <row r="1458" spans="1:25" ht="21.6" x14ac:dyDescent="0.2">
      <c r="B1458" s="77"/>
      <c r="C1458" s="39" t="s">
        <v>56</v>
      </c>
      <c r="D1458" s="45">
        <v>800</v>
      </c>
      <c r="E1458" s="46">
        <v>3.8</v>
      </c>
      <c r="F1458" s="46">
        <v>21.4</v>
      </c>
      <c r="G1458" s="46">
        <v>42.3</v>
      </c>
      <c r="H1458" s="46">
        <v>15.3</v>
      </c>
      <c r="I1458" s="46">
        <v>5.9</v>
      </c>
      <c r="J1458" s="46">
        <v>11.5</v>
      </c>
      <c r="K1458" s="46">
        <v>1.1000000000000001</v>
      </c>
      <c r="L1458" s="59">
        <v>0</v>
      </c>
    </row>
    <row r="1459" spans="1:25" x14ac:dyDescent="0.2">
      <c r="B1459" s="77"/>
      <c r="C1459" s="40" t="s">
        <v>57</v>
      </c>
      <c r="D1459" s="48">
        <v>798</v>
      </c>
      <c r="E1459" s="49">
        <v>1.6</v>
      </c>
      <c r="F1459" s="49">
        <v>19.3</v>
      </c>
      <c r="G1459" s="49">
        <v>49.1</v>
      </c>
      <c r="H1459" s="49">
        <v>14.8</v>
      </c>
      <c r="I1459" s="49">
        <v>5.5</v>
      </c>
      <c r="J1459" s="49">
        <v>9.6</v>
      </c>
      <c r="K1459" s="49">
        <v>-1.8</v>
      </c>
      <c r="L1459" s="60">
        <v>0</v>
      </c>
    </row>
    <row r="1460" spans="1:25" x14ac:dyDescent="0.2">
      <c r="B1460" s="7" t="s">
        <v>71</v>
      </c>
      <c r="C1460" s="4" t="s">
        <v>108</v>
      </c>
    </row>
    <row r="1461" spans="1:25" x14ac:dyDescent="0.2">
      <c r="B1461" s="4"/>
      <c r="C1461" s="4" t="s">
        <v>73</v>
      </c>
    </row>
    <row r="1463" spans="1:25" x14ac:dyDescent="0.2">
      <c r="C1463" t="s">
        <v>35</v>
      </c>
    </row>
    <row r="1464" spans="1:25" x14ac:dyDescent="0.2">
      <c r="B1464" s="75" t="s">
        <v>284</v>
      </c>
      <c r="C1464" s="76"/>
      <c r="D1464" s="76"/>
      <c r="E1464" s="76"/>
      <c r="F1464" s="76"/>
      <c r="G1464" s="76"/>
      <c r="H1464" s="76"/>
      <c r="I1464" s="76"/>
      <c r="J1464" s="76"/>
      <c r="K1464" s="76"/>
      <c r="L1464" s="76"/>
      <c r="M1464" s="76"/>
      <c r="N1464" s="76"/>
      <c r="O1464" s="76"/>
      <c r="P1464" s="76"/>
      <c r="Q1464" s="76"/>
      <c r="R1464" s="76"/>
      <c r="S1464" s="76"/>
      <c r="T1464" s="76"/>
      <c r="U1464" s="76"/>
      <c r="V1464" s="76"/>
      <c r="W1464" s="76"/>
      <c r="X1464" s="76"/>
      <c r="Y1464" s="76"/>
    </row>
    <row r="1465" spans="1:25" s="32" customFormat="1" ht="47.25" customHeight="1" x14ac:dyDescent="0.15">
      <c r="A1465" s="31"/>
      <c r="D1465" s="33" t="s">
        <v>378</v>
      </c>
      <c r="E1465" s="36" t="s">
        <v>527</v>
      </c>
      <c r="F1465" s="55" t="s">
        <v>528</v>
      </c>
      <c r="G1465" s="55" t="s">
        <v>521</v>
      </c>
      <c r="H1465" s="55" t="s">
        <v>529</v>
      </c>
      <c r="I1465" s="55" t="s">
        <v>530</v>
      </c>
      <c r="J1465" s="55" t="s">
        <v>480</v>
      </c>
      <c r="K1465" s="56" t="s">
        <v>387</v>
      </c>
      <c r="L1465" s="57" t="s">
        <v>388</v>
      </c>
      <c r="M1465" s="54" t="s">
        <v>381</v>
      </c>
    </row>
    <row r="1466" spans="1:25" ht="21.6" x14ac:dyDescent="0.2">
      <c r="B1466" s="77" t="s">
        <v>37</v>
      </c>
      <c r="C1466" s="38" t="s">
        <v>58</v>
      </c>
      <c r="D1466" s="51">
        <v>609</v>
      </c>
      <c r="E1466" s="52">
        <v>3.9</v>
      </c>
      <c r="F1466" s="52">
        <v>20.5</v>
      </c>
      <c r="G1466" s="52">
        <v>41.1</v>
      </c>
      <c r="H1466" s="52">
        <v>15.8</v>
      </c>
      <c r="I1466" s="52">
        <v>6.7</v>
      </c>
      <c r="J1466" s="52">
        <v>12</v>
      </c>
      <c r="K1466" s="52">
        <v>-0.5</v>
      </c>
      <c r="L1466" s="61">
        <v>0</v>
      </c>
    </row>
    <row r="1467" spans="1:25" ht="21.6" x14ac:dyDescent="0.2">
      <c r="B1467" s="77"/>
      <c r="C1467" s="39" t="s">
        <v>59</v>
      </c>
      <c r="D1467" s="45">
        <v>1391</v>
      </c>
      <c r="E1467" s="46">
        <v>1.5</v>
      </c>
      <c r="F1467" s="46">
        <v>18</v>
      </c>
      <c r="G1467" s="46">
        <v>48</v>
      </c>
      <c r="H1467" s="46">
        <v>12.7</v>
      </c>
      <c r="I1467" s="46">
        <v>4.9000000000000004</v>
      </c>
      <c r="J1467" s="46">
        <v>14.9</v>
      </c>
      <c r="K1467" s="46">
        <v>-0.8</v>
      </c>
      <c r="L1467" s="59">
        <v>0</v>
      </c>
    </row>
    <row r="1468" spans="1:25" x14ac:dyDescent="0.2">
      <c r="B1468" s="77"/>
      <c r="C1468" s="39" t="s">
        <v>60</v>
      </c>
      <c r="D1468" s="45">
        <v>1325</v>
      </c>
      <c r="E1468" s="46">
        <v>2.4</v>
      </c>
      <c r="F1468" s="46">
        <v>18.8</v>
      </c>
      <c r="G1468" s="46">
        <v>46.8</v>
      </c>
      <c r="H1468" s="46">
        <v>12.8</v>
      </c>
      <c r="I1468" s="46">
        <v>5.5</v>
      </c>
      <c r="J1468" s="46">
        <v>13.7</v>
      </c>
      <c r="K1468" s="46">
        <v>-0.1</v>
      </c>
      <c r="L1468" s="59">
        <v>0</v>
      </c>
    </row>
    <row r="1469" spans="1:25" x14ac:dyDescent="0.2">
      <c r="B1469" s="77"/>
      <c r="C1469" s="39" t="s">
        <v>61</v>
      </c>
      <c r="D1469" s="45">
        <v>675</v>
      </c>
      <c r="E1469" s="46">
        <v>1.9</v>
      </c>
      <c r="F1469" s="46">
        <v>18.8</v>
      </c>
      <c r="G1469" s="46">
        <v>44</v>
      </c>
      <c r="H1469" s="46">
        <v>15.3</v>
      </c>
      <c r="I1469" s="46">
        <v>5.3</v>
      </c>
      <c r="J1469" s="46">
        <v>14.7</v>
      </c>
      <c r="K1469" s="46">
        <v>-1.9</v>
      </c>
      <c r="L1469" s="59">
        <v>0</v>
      </c>
    </row>
    <row r="1470" spans="1:25" x14ac:dyDescent="0.2">
      <c r="B1470" s="77"/>
      <c r="C1470" s="39" t="s">
        <v>62</v>
      </c>
      <c r="D1470" s="45">
        <v>1086</v>
      </c>
      <c r="E1470" s="46">
        <v>3.1</v>
      </c>
      <c r="F1470" s="46">
        <v>19</v>
      </c>
      <c r="G1470" s="46">
        <v>45.8</v>
      </c>
      <c r="H1470" s="46">
        <v>14.5</v>
      </c>
      <c r="I1470" s="46">
        <v>7</v>
      </c>
      <c r="J1470" s="46">
        <v>10.6</v>
      </c>
      <c r="K1470" s="46">
        <v>-1.9</v>
      </c>
      <c r="L1470" s="59">
        <v>0</v>
      </c>
    </row>
    <row r="1471" spans="1:25" ht="21.6" x14ac:dyDescent="0.2">
      <c r="B1471" s="77"/>
      <c r="C1471" s="39" t="s">
        <v>63</v>
      </c>
      <c r="D1471" s="45">
        <v>203</v>
      </c>
      <c r="E1471" s="46">
        <v>6.4</v>
      </c>
      <c r="F1471" s="46">
        <v>19.2</v>
      </c>
      <c r="G1471" s="46">
        <v>48.8</v>
      </c>
      <c r="H1471" s="46">
        <v>8.4</v>
      </c>
      <c r="I1471" s="46">
        <v>3.9</v>
      </c>
      <c r="J1471" s="46">
        <v>13.3</v>
      </c>
      <c r="K1471" s="46">
        <v>9.1</v>
      </c>
      <c r="L1471" s="59">
        <v>0</v>
      </c>
    </row>
    <row r="1472" spans="1:25" x14ac:dyDescent="0.2">
      <c r="B1472" s="77"/>
      <c r="C1472" s="39" t="s">
        <v>64</v>
      </c>
      <c r="D1472" s="45">
        <v>263</v>
      </c>
      <c r="E1472" s="46">
        <v>3</v>
      </c>
      <c r="F1472" s="46">
        <v>17.899999999999999</v>
      </c>
      <c r="G1472" s="46">
        <v>44.9</v>
      </c>
      <c r="H1472" s="46">
        <v>16</v>
      </c>
      <c r="I1472" s="46">
        <v>8.6999999999999993</v>
      </c>
      <c r="J1472" s="46">
        <v>9.5</v>
      </c>
      <c r="K1472" s="46">
        <v>-5.3</v>
      </c>
      <c r="L1472" s="59">
        <v>0</v>
      </c>
    </row>
    <row r="1473" spans="2:12" x14ac:dyDescent="0.2">
      <c r="B1473" s="77"/>
      <c r="C1473" s="39" t="s">
        <v>65</v>
      </c>
      <c r="D1473" s="45">
        <v>312</v>
      </c>
      <c r="E1473" s="46">
        <v>2.2000000000000002</v>
      </c>
      <c r="F1473" s="46">
        <v>19.899999999999999</v>
      </c>
      <c r="G1473" s="46">
        <v>42.3</v>
      </c>
      <c r="H1473" s="46">
        <v>16.3</v>
      </c>
      <c r="I1473" s="46">
        <v>7.7</v>
      </c>
      <c r="J1473" s="46">
        <v>11.5</v>
      </c>
      <c r="K1473" s="46">
        <v>-4.2</v>
      </c>
      <c r="L1473" s="59">
        <v>0</v>
      </c>
    </row>
    <row r="1474" spans="2:12" x14ac:dyDescent="0.2">
      <c r="B1474" s="77"/>
      <c r="C1474" s="39" t="s">
        <v>66</v>
      </c>
      <c r="D1474" s="45">
        <v>230</v>
      </c>
      <c r="E1474" s="46">
        <v>1.7</v>
      </c>
      <c r="F1474" s="46">
        <v>18.7</v>
      </c>
      <c r="G1474" s="46">
        <v>46.5</v>
      </c>
      <c r="H1474" s="46">
        <v>16.5</v>
      </c>
      <c r="I1474" s="46">
        <v>7</v>
      </c>
      <c r="J1474" s="46">
        <v>9.6</v>
      </c>
      <c r="K1474" s="46">
        <v>-4.5999999999999996</v>
      </c>
      <c r="L1474" s="59">
        <v>0</v>
      </c>
    </row>
    <row r="1475" spans="2:12" x14ac:dyDescent="0.2">
      <c r="B1475" s="77"/>
      <c r="C1475" s="39" t="s">
        <v>67</v>
      </c>
      <c r="D1475" s="45">
        <v>78</v>
      </c>
      <c r="E1475" s="46">
        <v>2.6</v>
      </c>
      <c r="F1475" s="46">
        <v>19.2</v>
      </c>
      <c r="G1475" s="46">
        <v>52.6</v>
      </c>
      <c r="H1475" s="46">
        <v>12.8</v>
      </c>
      <c r="I1475" s="46">
        <v>6.4</v>
      </c>
      <c r="J1475" s="46">
        <v>6.4</v>
      </c>
      <c r="K1475" s="46">
        <v>-0.7</v>
      </c>
      <c r="L1475" s="59">
        <v>0</v>
      </c>
    </row>
    <row r="1476" spans="2:12" x14ac:dyDescent="0.2">
      <c r="B1476" s="77"/>
      <c r="C1476" s="39" t="s">
        <v>68</v>
      </c>
      <c r="D1476" s="45">
        <v>897</v>
      </c>
      <c r="E1476" s="46">
        <v>3.2</v>
      </c>
      <c r="F1476" s="46">
        <v>20.3</v>
      </c>
      <c r="G1476" s="46">
        <v>44.8</v>
      </c>
      <c r="H1476" s="46">
        <v>15.3</v>
      </c>
      <c r="I1476" s="46">
        <v>7.5</v>
      </c>
      <c r="J1476" s="46">
        <v>8.9</v>
      </c>
      <c r="K1476" s="46">
        <v>-1.9</v>
      </c>
      <c r="L1476" s="59">
        <v>0</v>
      </c>
    </row>
    <row r="1477" spans="2:12" x14ac:dyDescent="0.2">
      <c r="B1477" s="77"/>
      <c r="C1477" s="39" t="s">
        <v>69</v>
      </c>
      <c r="D1477" s="45">
        <v>189</v>
      </c>
      <c r="E1477" s="46">
        <v>2.6</v>
      </c>
      <c r="F1477" s="46">
        <v>12.7</v>
      </c>
      <c r="G1477" s="46">
        <v>50.3</v>
      </c>
      <c r="H1477" s="46">
        <v>11.1</v>
      </c>
      <c r="I1477" s="46">
        <v>4.8</v>
      </c>
      <c r="J1477" s="46">
        <v>18.5</v>
      </c>
      <c r="K1477" s="46">
        <v>-1.6</v>
      </c>
      <c r="L1477" s="59">
        <v>0</v>
      </c>
    </row>
    <row r="1478" spans="2:12" x14ac:dyDescent="0.2">
      <c r="B1478" s="77"/>
      <c r="C1478" s="39" t="s">
        <v>70</v>
      </c>
      <c r="D1478" s="45">
        <v>914</v>
      </c>
      <c r="E1478" s="46">
        <v>1.2</v>
      </c>
      <c r="F1478" s="46">
        <v>18.600000000000001</v>
      </c>
      <c r="G1478" s="46">
        <v>46</v>
      </c>
      <c r="H1478" s="46">
        <v>12.6</v>
      </c>
      <c r="I1478" s="46">
        <v>3.6</v>
      </c>
      <c r="J1478" s="46">
        <v>18.100000000000001</v>
      </c>
      <c r="K1478" s="46">
        <v>0.7</v>
      </c>
      <c r="L1478" s="59">
        <v>0</v>
      </c>
    </row>
    <row r="1479" spans="2:12" ht="21.6" x14ac:dyDescent="0.2">
      <c r="B1479" s="77"/>
      <c r="C1479" s="39" t="s">
        <v>63</v>
      </c>
      <c r="D1479" s="45">
        <v>193</v>
      </c>
      <c r="E1479" s="46">
        <v>2.1</v>
      </c>
      <c r="F1479" s="46">
        <v>19.7</v>
      </c>
      <c r="G1479" s="46">
        <v>42</v>
      </c>
      <c r="H1479" s="46">
        <v>11.9</v>
      </c>
      <c r="I1479" s="46">
        <v>1.6</v>
      </c>
      <c r="J1479" s="46">
        <v>22.8</v>
      </c>
      <c r="K1479" s="46">
        <v>5.7</v>
      </c>
      <c r="L1479" s="59">
        <v>0</v>
      </c>
    </row>
    <row r="1480" spans="2:12" x14ac:dyDescent="0.2">
      <c r="B1480" s="77"/>
      <c r="C1480" s="39" t="s">
        <v>64</v>
      </c>
      <c r="D1480" s="45">
        <v>203</v>
      </c>
      <c r="E1480" s="46">
        <v>0.5</v>
      </c>
      <c r="F1480" s="46">
        <v>22.2</v>
      </c>
      <c r="G1480" s="46">
        <v>45.8</v>
      </c>
      <c r="H1480" s="46">
        <v>10.8</v>
      </c>
      <c r="I1480" s="46">
        <v>4.4000000000000004</v>
      </c>
      <c r="J1480" s="46">
        <v>16.3</v>
      </c>
      <c r="K1480" s="46">
        <v>2.1</v>
      </c>
      <c r="L1480" s="59">
        <v>0</v>
      </c>
    </row>
    <row r="1481" spans="2:12" x14ac:dyDescent="0.2">
      <c r="B1481" s="77"/>
      <c r="C1481" s="39" t="s">
        <v>65</v>
      </c>
      <c r="D1481" s="45">
        <v>263</v>
      </c>
      <c r="E1481" s="46">
        <v>1.1000000000000001</v>
      </c>
      <c r="F1481" s="46">
        <v>17.5</v>
      </c>
      <c r="G1481" s="46">
        <v>44.1</v>
      </c>
      <c r="H1481" s="46">
        <v>14.8</v>
      </c>
      <c r="I1481" s="46">
        <v>4.2</v>
      </c>
      <c r="J1481" s="46">
        <v>18.3</v>
      </c>
      <c r="K1481" s="46">
        <v>-2.1</v>
      </c>
      <c r="L1481" s="59">
        <v>0</v>
      </c>
    </row>
    <row r="1482" spans="2:12" x14ac:dyDescent="0.2">
      <c r="B1482" s="77"/>
      <c r="C1482" s="39" t="s">
        <v>66</v>
      </c>
      <c r="D1482" s="45">
        <v>194</v>
      </c>
      <c r="E1482" s="46">
        <v>1.5</v>
      </c>
      <c r="F1482" s="46">
        <v>16</v>
      </c>
      <c r="G1482" s="46">
        <v>51.5</v>
      </c>
      <c r="H1482" s="46">
        <v>9.8000000000000007</v>
      </c>
      <c r="I1482" s="46">
        <v>3.6</v>
      </c>
      <c r="J1482" s="46">
        <v>17.5</v>
      </c>
      <c r="K1482" s="46">
        <v>1.3</v>
      </c>
      <c r="L1482" s="59">
        <v>0</v>
      </c>
    </row>
    <row r="1483" spans="2:12" x14ac:dyDescent="0.2">
      <c r="B1483" s="77"/>
      <c r="C1483" s="39" t="s">
        <v>67</v>
      </c>
      <c r="D1483" s="45">
        <v>61</v>
      </c>
      <c r="E1483" s="46">
        <v>0</v>
      </c>
      <c r="F1483" s="46">
        <v>16.399999999999999</v>
      </c>
      <c r="G1483" s="46">
        <v>49.2</v>
      </c>
      <c r="H1483" s="46">
        <v>19.7</v>
      </c>
      <c r="I1483" s="46">
        <v>4.9000000000000004</v>
      </c>
      <c r="J1483" s="46">
        <v>9.8000000000000007</v>
      </c>
      <c r="K1483" s="46">
        <v>-7.3</v>
      </c>
      <c r="L1483" s="59">
        <v>0</v>
      </c>
    </row>
    <row r="1484" spans="2:12" x14ac:dyDescent="0.2">
      <c r="B1484" s="77"/>
      <c r="C1484" s="39" t="s">
        <v>68</v>
      </c>
      <c r="D1484" s="45">
        <v>416</v>
      </c>
      <c r="E1484" s="46">
        <v>1.2</v>
      </c>
      <c r="F1484" s="46">
        <v>23.8</v>
      </c>
      <c r="G1484" s="46">
        <v>43</v>
      </c>
      <c r="H1484" s="46">
        <v>13.2</v>
      </c>
      <c r="I1484" s="46">
        <v>4.8</v>
      </c>
      <c r="J1484" s="46">
        <v>13.9</v>
      </c>
      <c r="K1484" s="46">
        <v>2</v>
      </c>
      <c r="L1484" s="59">
        <v>0</v>
      </c>
    </row>
    <row r="1485" spans="2:12" x14ac:dyDescent="0.2">
      <c r="B1485" s="77"/>
      <c r="C1485" s="40" t="s">
        <v>69</v>
      </c>
      <c r="D1485" s="48">
        <v>498</v>
      </c>
      <c r="E1485" s="49">
        <v>1.2</v>
      </c>
      <c r="F1485" s="49">
        <v>14.3</v>
      </c>
      <c r="G1485" s="49">
        <v>48.4</v>
      </c>
      <c r="H1485" s="49">
        <v>12</v>
      </c>
      <c r="I1485" s="49">
        <v>2.6</v>
      </c>
      <c r="J1485" s="49">
        <v>21.5</v>
      </c>
      <c r="K1485" s="49">
        <v>-0.4</v>
      </c>
      <c r="L1485" s="60">
        <v>0</v>
      </c>
    </row>
    <row r="1486" spans="2:12" x14ac:dyDescent="0.2">
      <c r="B1486" s="7" t="s">
        <v>71</v>
      </c>
      <c r="C1486" s="4" t="s">
        <v>108</v>
      </c>
    </row>
    <row r="1487" spans="2:12" x14ac:dyDescent="0.2">
      <c r="B1487" s="4"/>
      <c r="C1487" s="4" t="s">
        <v>73</v>
      </c>
    </row>
    <row r="1489" spans="1:25" x14ac:dyDescent="0.2">
      <c r="A1489" s="26" t="s">
        <v>25</v>
      </c>
      <c r="B1489" t="s">
        <v>35</v>
      </c>
      <c r="C1489" t="s">
        <v>35</v>
      </c>
    </row>
    <row r="1490" spans="1:25" x14ac:dyDescent="0.2">
      <c r="B1490" s="75" t="s">
        <v>109</v>
      </c>
      <c r="C1490" s="76"/>
      <c r="D1490" s="76"/>
      <c r="E1490" s="76"/>
      <c r="F1490" s="76"/>
      <c r="G1490" s="76"/>
      <c r="H1490" s="76"/>
      <c r="I1490" s="76"/>
      <c r="J1490" s="76"/>
      <c r="K1490" s="76"/>
      <c r="L1490" s="76"/>
      <c r="M1490" s="76"/>
      <c r="N1490" s="76"/>
      <c r="O1490" s="76"/>
      <c r="P1490" s="76"/>
      <c r="Q1490" s="76"/>
      <c r="R1490" s="76"/>
      <c r="S1490" s="76"/>
      <c r="T1490" s="76"/>
      <c r="U1490" s="76"/>
      <c r="V1490" s="76"/>
      <c r="W1490" s="76"/>
      <c r="X1490" s="76"/>
      <c r="Y1490" s="76"/>
    </row>
    <row r="1491" spans="1:25" s="32" customFormat="1" ht="36.450000000000003" customHeight="1" x14ac:dyDescent="0.15">
      <c r="A1491" s="31"/>
      <c r="D1491" s="33" t="s">
        <v>378</v>
      </c>
      <c r="E1491" s="36" t="s">
        <v>531</v>
      </c>
      <c r="F1491" s="55" t="s">
        <v>525</v>
      </c>
      <c r="G1491" s="55" t="s">
        <v>532</v>
      </c>
      <c r="H1491" s="37" t="s">
        <v>480</v>
      </c>
      <c r="I1491" s="35" t="s">
        <v>381</v>
      </c>
    </row>
    <row r="1492" spans="1:25" x14ac:dyDescent="0.2">
      <c r="B1492" s="5"/>
      <c r="C1492" s="41" t="s">
        <v>38</v>
      </c>
      <c r="D1492" s="42">
        <v>2000</v>
      </c>
      <c r="E1492" s="43">
        <v>21.1</v>
      </c>
      <c r="F1492" s="43">
        <v>45.9</v>
      </c>
      <c r="G1492" s="43">
        <v>19.100000000000001</v>
      </c>
      <c r="H1492" s="44">
        <v>14</v>
      </c>
    </row>
    <row r="1493" spans="1:25" x14ac:dyDescent="0.2">
      <c r="B1493" s="77" t="s">
        <v>37</v>
      </c>
      <c r="C1493" s="39" t="s">
        <v>39</v>
      </c>
      <c r="D1493" s="45">
        <v>111</v>
      </c>
      <c r="E1493" s="46">
        <v>19.8</v>
      </c>
      <c r="F1493" s="46">
        <v>52.3</v>
      </c>
      <c r="G1493" s="46">
        <v>18.899999999999999</v>
      </c>
      <c r="H1493" s="47">
        <v>9</v>
      </c>
    </row>
    <row r="1494" spans="1:25" x14ac:dyDescent="0.2">
      <c r="B1494" s="77"/>
      <c r="C1494" s="39" t="s">
        <v>40</v>
      </c>
      <c r="D1494" s="45">
        <v>450</v>
      </c>
      <c r="E1494" s="46">
        <v>23.6</v>
      </c>
      <c r="F1494" s="46">
        <v>42.9</v>
      </c>
      <c r="G1494" s="46">
        <v>22</v>
      </c>
      <c r="H1494" s="47">
        <v>11.6</v>
      </c>
    </row>
    <row r="1495" spans="1:25" ht="21.6" x14ac:dyDescent="0.2">
      <c r="B1495" s="77"/>
      <c r="C1495" s="39" t="s">
        <v>41</v>
      </c>
      <c r="D1495" s="45">
        <v>30</v>
      </c>
      <c r="E1495" s="46">
        <v>20</v>
      </c>
      <c r="F1495" s="46">
        <v>40</v>
      </c>
      <c r="G1495" s="46">
        <v>16.7</v>
      </c>
      <c r="H1495" s="47">
        <v>23.3</v>
      </c>
    </row>
    <row r="1496" spans="1:25" ht="21.6" x14ac:dyDescent="0.2">
      <c r="B1496" s="77"/>
      <c r="C1496" s="39" t="s">
        <v>42</v>
      </c>
      <c r="D1496" s="45">
        <v>336</v>
      </c>
      <c r="E1496" s="46">
        <v>23.5</v>
      </c>
      <c r="F1496" s="46">
        <v>47.3</v>
      </c>
      <c r="G1496" s="46">
        <v>16.7</v>
      </c>
      <c r="H1496" s="47">
        <v>12.5</v>
      </c>
    </row>
    <row r="1497" spans="1:25" ht="21.6" x14ac:dyDescent="0.2">
      <c r="B1497" s="77"/>
      <c r="C1497" s="39" t="s">
        <v>43</v>
      </c>
      <c r="D1497" s="45">
        <v>327</v>
      </c>
      <c r="E1497" s="46">
        <v>24.2</v>
      </c>
      <c r="F1497" s="46">
        <v>43.7</v>
      </c>
      <c r="G1497" s="46">
        <v>17.7</v>
      </c>
      <c r="H1497" s="47">
        <v>14.4</v>
      </c>
    </row>
    <row r="1498" spans="1:25" ht="21.6" x14ac:dyDescent="0.2">
      <c r="B1498" s="77"/>
      <c r="C1498" s="39" t="s">
        <v>44</v>
      </c>
      <c r="D1498" s="45">
        <v>181</v>
      </c>
      <c r="E1498" s="46">
        <v>14.4</v>
      </c>
      <c r="F1498" s="46">
        <v>48.1</v>
      </c>
      <c r="G1498" s="46">
        <v>24.3</v>
      </c>
      <c r="H1498" s="47">
        <v>13.3</v>
      </c>
    </row>
    <row r="1499" spans="1:25" ht="21.6" x14ac:dyDescent="0.2">
      <c r="B1499" s="77"/>
      <c r="C1499" s="39" t="s">
        <v>45</v>
      </c>
      <c r="D1499" s="45">
        <v>565</v>
      </c>
      <c r="E1499" s="46">
        <v>18.2</v>
      </c>
      <c r="F1499" s="46">
        <v>46.9</v>
      </c>
      <c r="G1499" s="46">
        <v>17.5</v>
      </c>
      <c r="H1499" s="47">
        <v>17.3</v>
      </c>
    </row>
    <row r="1500" spans="1:25" ht="21.6" x14ac:dyDescent="0.2">
      <c r="B1500" s="77"/>
      <c r="C1500" s="39" t="s">
        <v>46</v>
      </c>
      <c r="D1500" s="45">
        <v>473</v>
      </c>
      <c r="E1500" s="46">
        <v>17.3</v>
      </c>
      <c r="F1500" s="46">
        <v>42.1</v>
      </c>
      <c r="G1500" s="46">
        <v>21.1</v>
      </c>
      <c r="H1500" s="47">
        <v>19.5</v>
      </c>
    </row>
    <row r="1501" spans="1:25" ht="21.6" x14ac:dyDescent="0.2">
      <c r="B1501" s="77"/>
      <c r="C1501" s="39" t="s">
        <v>47</v>
      </c>
      <c r="D1501" s="45">
        <v>441</v>
      </c>
      <c r="E1501" s="46">
        <v>20.2</v>
      </c>
      <c r="F1501" s="46">
        <v>47.2</v>
      </c>
      <c r="G1501" s="46">
        <v>21.1</v>
      </c>
      <c r="H1501" s="47">
        <v>11.6</v>
      </c>
    </row>
    <row r="1502" spans="1:25" ht="21.6" x14ac:dyDescent="0.2">
      <c r="B1502" s="77"/>
      <c r="C1502" s="39" t="s">
        <v>48</v>
      </c>
      <c r="D1502" s="45">
        <v>305</v>
      </c>
      <c r="E1502" s="46">
        <v>22</v>
      </c>
      <c r="F1502" s="46">
        <v>46.6</v>
      </c>
      <c r="G1502" s="46">
        <v>23.9</v>
      </c>
      <c r="H1502" s="47">
        <v>7.5</v>
      </c>
    </row>
    <row r="1503" spans="1:25" ht="21.6" x14ac:dyDescent="0.2">
      <c r="B1503" s="77"/>
      <c r="C1503" s="39" t="s">
        <v>49</v>
      </c>
      <c r="D1503" s="45">
        <v>223</v>
      </c>
      <c r="E1503" s="46">
        <v>31.4</v>
      </c>
      <c r="F1503" s="46">
        <v>45.3</v>
      </c>
      <c r="G1503" s="46">
        <v>14.8</v>
      </c>
      <c r="H1503" s="47">
        <v>8.5</v>
      </c>
    </row>
    <row r="1504" spans="1:25" ht="21.6" x14ac:dyDescent="0.2">
      <c r="B1504" s="77"/>
      <c r="C1504" s="39" t="s">
        <v>50</v>
      </c>
      <c r="D1504" s="45">
        <v>123</v>
      </c>
      <c r="E1504" s="46">
        <v>31.7</v>
      </c>
      <c r="F1504" s="46">
        <v>49.6</v>
      </c>
      <c r="G1504" s="46">
        <v>14.6</v>
      </c>
      <c r="H1504" s="47">
        <v>4.0999999999999996</v>
      </c>
    </row>
    <row r="1505" spans="1:25" ht="21.6" x14ac:dyDescent="0.2">
      <c r="B1505" s="77"/>
      <c r="C1505" s="39" t="s">
        <v>51</v>
      </c>
      <c r="D1505" s="45">
        <v>124</v>
      </c>
      <c r="E1505" s="46">
        <v>24.2</v>
      </c>
      <c r="F1505" s="46">
        <v>54</v>
      </c>
      <c r="G1505" s="46">
        <v>14.5</v>
      </c>
      <c r="H1505" s="47">
        <v>7.3</v>
      </c>
    </row>
    <row r="1506" spans="1:25" ht="21.6" x14ac:dyDescent="0.2">
      <c r="B1506" s="77"/>
      <c r="C1506" s="39" t="s">
        <v>52</v>
      </c>
      <c r="D1506" s="45">
        <v>312</v>
      </c>
      <c r="E1506" s="46">
        <v>17</v>
      </c>
      <c r="F1506" s="46">
        <v>50</v>
      </c>
      <c r="G1506" s="46">
        <v>19.899999999999999</v>
      </c>
      <c r="H1506" s="47">
        <v>13.1</v>
      </c>
    </row>
    <row r="1507" spans="1:25" x14ac:dyDescent="0.2">
      <c r="B1507" s="77"/>
      <c r="C1507" s="39" t="s">
        <v>53</v>
      </c>
      <c r="D1507" s="45">
        <v>269</v>
      </c>
      <c r="E1507" s="46">
        <v>17.5</v>
      </c>
      <c r="F1507" s="46">
        <v>49.8</v>
      </c>
      <c r="G1507" s="46">
        <v>19.7</v>
      </c>
      <c r="H1507" s="47">
        <v>13</v>
      </c>
    </row>
    <row r="1508" spans="1:25" ht="21.6" x14ac:dyDescent="0.2">
      <c r="B1508" s="77"/>
      <c r="C1508" s="39" t="s">
        <v>54</v>
      </c>
      <c r="D1508" s="45">
        <v>511</v>
      </c>
      <c r="E1508" s="46">
        <v>26.8</v>
      </c>
      <c r="F1508" s="46">
        <v>41.1</v>
      </c>
      <c r="G1508" s="46">
        <v>23.1</v>
      </c>
      <c r="H1508" s="47">
        <v>9</v>
      </c>
    </row>
    <row r="1509" spans="1:25" ht="21.6" x14ac:dyDescent="0.2">
      <c r="B1509" s="77"/>
      <c r="C1509" s="39" t="s">
        <v>55</v>
      </c>
      <c r="D1509" s="45">
        <v>615</v>
      </c>
      <c r="E1509" s="46">
        <v>26.2</v>
      </c>
      <c r="F1509" s="46">
        <v>46.3</v>
      </c>
      <c r="G1509" s="46">
        <v>17.600000000000001</v>
      </c>
      <c r="H1509" s="47">
        <v>9.9</v>
      </c>
    </row>
    <row r="1510" spans="1:25" ht="21.6" x14ac:dyDescent="0.2">
      <c r="B1510" s="77"/>
      <c r="C1510" s="39" t="s">
        <v>56</v>
      </c>
      <c r="D1510" s="45">
        <v>800</v>
      </c>
      <c r="E1510" s="46">
        <v>25.1</v>
      </c>
      <c r="F1510" s="46">
        <v>42.3</v>
      </c>
      <c r="G1510" s="46">
        <v>21.1</v>
      </c>
      <c r="H1510" s="47">
        <v>11.5</v>
      </c>
    </row>
    <row r="1511" spans="1:25" x14ac:dyDescent="0.2">
      <c r="B1511" s="77"/>
      <c r="C1511" s="40" t="s">
        <v>57</v>
      </c>
      <c r="D1511" s="48">
        <v>798</v>
      </c>
      <c r="E1511" s="49">
        <v>20.9</v>
      </c>
      <c r="F1511" s="49">
        <v>49.1</v>
      </c>
      <c r="G1511" s="49">
        <v>20.3</v>
      </c>
      <c r="H1511" s="50">
        <v>9.6</v>
      </c>
    </row>
    <row r="1513" spans="1:25" x14ac:dyDescent="0.2">
      <c r="C1513" t="s">
        <v>35</v>
      </c>
    </row>
    <row r="1514" spans="1:25" x14ac:dyDescent="0.2">
      <c r="B1514" s="75" t="s">
        <v>285</v>
      </c>
      <c r="C1514" s="76"/>
      <c r="D1514" s="76"/>
      <c r="E1514" s="76"/>
      <c r="F1514" s="76"/>
      <c r="G1514" s="76"/>
      <c r="H1514" s="76"/>
      <c r="I1514" s="76"/>
      <c r="J1514" s="76"/>
      <c r="K1514" s="76"/>
      <c r="L1514" s="76"/>
      <c r="M1514" s="76"/>
      <c r="N1514" s="76"/>
      <c r="O1514" s="76"/>
      <c r="P1514" s="76"/>
      <c r="Q1514" s="76"/>
      <c r="R1514" s="76"/>
      <c r="S1514" s="76"/>
      <c r="T1514" s="76"/>
      <c r="U1514" s="76"/>
      <c r="V1514" s="76"/>
      <c r="W1514" s="76"/>
      <c r="X1514" s="76"/>
      <c r="Y1514" s="76"/>
    </row>
    <row r="1515" spans="1:25" s="32" customFormat="1" ht="36.450000000000003" customHeight="1" x14ac:dyDescent="0.15">
      <c r="A1515" s="31"/>
      <c r="D1515" s="33" t="s">
        <v>378</v>
      </c>
      <c r="E1515" s="36" t="s">
        <v>531</v>
      </c>
      <c r="F1515" s="55" t="s">
        <v>525</v>
      </c>
      <c r="G1515" s="55" t="s">
        <v>532</v>
      </c>
      <c r="H1515" s="37" t="s">
        <v>480</v>
      </c>
      <c r="I1515" s="35" t="s">
        <v>381</v>
      </c>
    </row>
    <row r="1516" spans="1:25" ht="21.6" x14ac:dyDescent="0.2">
      <c r="B1516" s="77" t="s">
        <v>37</v>
      </c>
      <c r="C1516" s="38" t="s">
        <v>58</v>
      </c>
      <c r="D1516" s="51">
        <v>609</v>
      </c>
      <c r="E1516" s="52">
        <v>24.5</v>
      </c>
      <c r="F1516" s="52">
        <v>41.1</v>
      </c>
      <c r="G1516" s="52">
        <v>22.5</v>
      </c>
      <c r="H1516" s="53">
        <v>12</v>
      </c>
    </row>
    <row r="1517" spans="1:25" ht="21.6" x14ac:dyDescent="0.2">
      <c r="B1517" s="77"/>
      <c r="C1517" s="39" t="s">
        <v>59</v>
      </c>
      <c r="D1517" s="45">
        <v>1391</v>
      </c>
      <c r="E1517" s="46">
        <v>19.600000000000001</v>
      </c>
      <c r="F1517" s="46">
        <v>48</v>
      </c>
      <c r="G1517" s="46">
        <v>17.600000000000001</v>
      </c>
      <c r="H1517" s="47">
        <v>14.9</v>
      </c>
    </row>
    <row r="1518" spans="1:25" x14ac:dyDescent="0.2">
      <c r="B1518" s="77"/>
      <c r="C1518" s="39" t="s">
        <v>60</v>
      </c>
      <c r="D1518" s="45">
        <v>1325</v>
      </c>
      <c r="E1518" s="46">
        <v>21.2</v>
      </c>
      <c r="F1518" s="46">
        <v>46.8</v>
      </c>
      <c r="G1518" s="46">
        <v>18.3</v>
      </c>
      <c r="H1518" s="47">
        <v>13.7</v>
      </c>
    </row>
    <row r="1519" spans="1:25" x14ac:dyDescent="0.2">
      <c r="B1519" s="77"/>
      <c r="C1519" s="39" t="s">
        <v>61</v>
      </c>
      <c r="D1519" s="45">
        <v>675</v>
      </c>
      <c r="E1519" s="46">
        <v>20.7</v>
      </c>
      <c r="F1519" s="46">
        <v>44</v>
      </c>
      <c r="G1519" s="46">
        <v>20.6</v>
      </c>
      <c r="H1519" s="47">
        <v>14.7</v>
      </c>
    </row>
    <row r="1520" spans="1:25" x14ac:dyDescent="0.2">
      <c r="B1520" s="77"/>
      <c r="C1520" s="39" t="s">
        <v>62</v>
      </c>
      <c r="D1520" s="45">
        <v>1086</v>
      </c>
      <c r="E1520" s="46">
        <v>22.1</v>
      </c>
      <c r="F1520" s="46">
        <v>45.8</v>
      </c>
      <c r="G1520" s="46">
        <v>21.5</v>
      </c>
      <c r="H1520" s="47">
        <v>10.6</v>
      </c>
    </row>
    <row r="1521" spans="2:8" ht="21.6" x14ac:dyDescent="0.2">
      <c r="B1521" s="77"/>
      <c r="C1521" s="39" t="s">
        <v>63</v>
      </c>
      <c r="D1521" s="45">
        <v>203</v>
      </c>
      <c r="E1521" s="46">
        <v>25.6</v>
      </c>
      <c r="F1521" s="46">
        <v>48.8</v>
      </c>
      <c r="G1521" s="46">
        <v>12.3</v>
      </c>
      <c r="H1521" s="47">
        <v>13.3</v>
      </c>
    </row>
    <row r="1522" spans="2:8" x14ac:dyDescent="0.2">
      <c r="B1522" s="77"/>
      <c r="C1522" s="39" t="s">
        <v>64</v>
      </c>
      <c r="D1522" s="45">
        <v>263</v>
      </c>
      <c r="E1522" s="46">
        <v>20.9</v>
      </c>
      <c r="F1522" s="46">
        <v>44.9</v>
      </c>
      <c r="G1522" s="46">
        <v>24.7</v>
      </c>
      <c r="H1522" s="47">
        <v>9.5</v>
      </c>
    </row>
    <row r="1523" spans="2:8" x14ac:dyDescent="0.2">
      <c r="B1523" s="77"/>
      <c r="C1523" s="39" t="s">
        <v>65</v>
      </c>
      <c r="D1523" s="45">
        <v>312</v>
      </c>
      <c r="E1523" s="46">
        <v>22.1</v>
      </c>
      <c r="F1523" s="46">
        <v>42.3</v>
      </c>
      <c r="G1523" s="46">
        <v>24</v>
      </c>
      <c r="H1523" s="47">
        <v>11.5</v>
      </c>
    </row>
    <row r="1524" spans="2:8" x14ac:dyDescent="0.2">
      <c r="B1524" s="77"/>
      <c r="C1524" s="39" t="s">
        <v>66</v>
      </c>
      <c r="D1524" s="45">
        <v>230</v>
      </c>
      <c r="E1524" s="46">
        <v>20.399999999999999</v>
      </c>
      <c r="F1524" s="46">
        <v>46.5</v>
      </c>
      <c r="G1524" s="46">
        <v>23.5</v>
      </c>
      <c r="H1524" s="47">
        <v>9.6</v>
      </c>
    </row>
    <row r="1525" spans="2:8" x14ac:dyDescent="0.2">
      <c r="B1525" s="77"/>
      <c r="C1525" s="39" t="s">
        <v>67</v>
      </c>
      <c r="D1525" s="45">
        <v>78</v>
      </c>
      <c r="E1525" s="46">
        <v>21.8</v>
      </c>
      <c r="F1525" s="46">
        <v>52.6</v>
      </c>
      <c r="G1525" s="46">
        <v>19.2</v>
      </c>
      <c r="H1525" s="47">
        <v>6.4</v>
      </c>
    </row>
    <row r="1526" spans="2:8" x14ac:dyDescent="0.2">
      <c r="B1526" s="77"/>
      <c r="C1526" s="39" t="s">
        <v>68</v>
      </c>
      <c r="D1526" s="45">
        <v>897</v>
      </c>
      <c r="E1526" s="46">
        <v>23.5</v>
      </c>
      <c r="F1526" s="46">
        <v>44.8</v>
      </c>
      <c r="G1526" s="46">
        <v>22.7</v>
      </c>
      <c r="H1526" s="47">
        <v>8.9</v>
      </c>
    </row>
    <row r="1527" spans="2:8" x14ac:dyDescent="0.2">
      <c r="B1527" s="77"/>
      <c r="C1527" s="39" t="s">
        <v>69</v>
      </c>
      <c r="D1527" s="45">
        <v>189</v>
      </c>
      <c r="E1527" s="46">
        <v>15.3</v>
      </c>
      <c r="F1527" s="46">
        <v>50.3</v>
      </c>
      <c r="G1527" s="46">
        <v>15.9</v>
      </c>
      <c r="H1527" s="47">
        <v>18.5</v>
      </c>
    </row>
    <row r="1528" spans="2:8" x14ac:dyDescent="0.2">
      <c r="B1528" s="77"/>
      <c r="C1528" s="39" t="s">
        <v>70</v>
      </c>
      <c r="D1528" s="45">
        <v>914</v>
      </c>
      <c r="E1528" s="46">
        <v>19.8</v>
      </c>
      <c r="F1528" s="46">
        <v>46</v>
      </c>
      <c r="G1528" s="46">
        <v>16.2</v>
      </c>
      <c r="H1528" s="47">
        <v>18.100000000000001</v>
      </c>
    </row>
    <row r="1529" spans="2:8" ht="21.6" x14ac:dyDescent="0.2">
      <c r="B1529" s="77"/>
      <c r="C1529" s="39" t="s">
        <v>63</v>
      </c>
      <c r="D1529" s="45">
        <v>193</v>
      </c>
      <c r="E1529" s="46">
        <v>21.8</v>
      </c>
      <c r="F1529" s="46">
        <v>42</v>
      </c>
      <c r="G1529" s="46">
        <v>13.5</v>
      </c>
      <c r="H1529" s="47">
        <v>22.8</v>
      </c>
    </row>
    <row r="1530" spans="2:8" x14ac:dyDescent="0.2">
      <c r="B1530" s="77"/>
      <c r="C1530" s="39" t="s">
        <v>64</v>
      </c>
      <c r="D1530" s="45">
        <v>203</v>
      </c>
      <c r="E1530" s="46">
        <v>22.7</v>
      </c>
      <c r="F1530" s="46">
        <v>45.8</v>
      </c>
      <c r="G1530" s="46">
        <v>15.3</v>
      </c>
      <c r="H1530" s="47">
        <v>16.3</v>
      </c>
    </row>
    <row r="1531" spans="2:8" x14ac:dyDescent="0.2">
      <c r="B1531" s="77"/>
      <c r="C1531" s="39" t="s">
        <v>65</v>
      </c>
      <c r="D1531" s="45">
        <v>263</v>
      </c>
      <c r="E1531" s="46">
        <v>18.600000000000001</v>
      </c>
      <c r="F1531" s="46">
        <v>44.1</v>
      </c>
      <c r="G1531" s="46">
        <v>19</v>
      </c>
      <c r="H1531" s="47">
        <v>18.3</v>
      </c>
    </row>
    <row r="1532" spans="2:8" x14ac:dyDescent="0.2">
      <c r="B1532" s="77"/>
      <c r="C1532" s="39" t="s">
        <v>66</v>
      </c>
      <c r="D1532" s="45">
        <v>194</v>
      </c>
      <c r="E1532" s="46">
        <v>17.5</v>
      </c>
      <c r="F1532" s="46">
        <v>51.5</v>
      </c>
      <c r="G1532" s="46">
        <v>13.4</v>
      </c>
      <c r="H1532" s="47">
        <v>17.5</v>
      </c>
    </row>
    <row r="1533" spans="2:8" x14ac:dyDescent="0.2">
      <c r="B1533" s="77"/>
      <c r="C1533" s="39" t="s">
        <v>67</v>
      </c>
      <c r="D1533" s="45">
        <v>61</v>
      </c>
      <c r="E1533" s="46">
        <v>16.399999999999999</v>
      </c>
      <c r="F1533" s="46">
        <v>49.2</v>
      </c>
      <c r="G1533" s="46">
        <v>24.6</v>
      </c>
      <c r="H1533" s="47">
        <v>9.8000000000000007</v>
      </c>
    </row>
    <row r="1534" spans="2:8" x14ac:dyDescent="0.2">
      <c r="B1534" s="77"/>
      <c r="C1534" s="39" t="s">
        <v>68</v>
      </c>
      <c r="D1534" s="45">
        <v>416</v>
      </c>
      <c r="E1534" s="46">
        <v>25</v>
      </c>
      <c r="F1534" s="46">
        <v>43</v>
      </c>
      <c r="G1534" s="46">
        <v>18</v>
      </c>
      <c r="H1534" s="47">
        <v>13.9</v>
      </c>
    </row>
    <row r="1535" spans="2:8" x14ac:dyDescent="0.2">
      <c r="B1535" s="77"/>
      <c r="C1535" s="40" t="s">
        <v>69</v>
      </c>
      <c r="D1535" s="48">
        <v>498</v>
      </c>
      <c r="E1535" s="49">
        <v>15.5</v>
      </c>
      <c r="F1535" s="49">
        <v>48.4</v>
      </c>
      <c r="G1535" s="49">
        <v>14.7</v>
      </c>
      <c r="H1535" s="50">
        <v>21.5</v>
      </c>
    </row>
    <row r="1537" spans="1:25" x14ac:dyDescent="0.2">
      <c r="A1537" s="26" t="s">
        <v>25</v>
      </c>
      <c r="B1537" t="s">
        <v>35</v>
      </c>
      <c r="C1537" t="s">
        <v>35</v>
      </c>
    </row>
    <row r="1538" spans="1:25" x14ac:dyDescent="0.2">
      <c r="B1538" s="75" t="s">
        <v>110</v>
      </c>
      <c r="C1538" s="76"/>
      <c r="D1538" s="76"/>
      <c r="E1538" s="76"/>
      <c r="F1538" s="76"/>
      <c r="G1538" s="76"/>
      <c r="H1538" s="76"/>
      <c r="I1538" s="76"/>
      <c r="J1538" s="76"/>
      <c r="K1538" s="76"/>
      <c r="L1538" s="76"/>
      <c r="M1538" s="76"/>
      <c r="N1538" s="76"/>
      <c r="O1538" s="76"/>
      <c r="P1538" s="76"/>
      <c r="Q1538" s="76"/>
      <c r="R1538" s="76"/>
      <c r="S1538" s="76"/>
      <c r="T1538" s="76"/>
      <c r="U1538" s="76"/>
      <c r="V1538" s="76"/>
      <c r="W1538" s="76"/>
      <c r="X1538" s="76"/>
      <c r="Y1538" s="76"/>
    </row>
    <row r="1539" spans="1:25" s="32" customFormat="1" ht="47.25" customHeight="1" x14ac:dyDescent="0.15">
      <c r="A1539" s="31"/>
      <c r="D1539" s="33" t="s">
        <v>378</v>
      </c>
      <c r="E1539" s="36" t="s">
        <v>533</v>
      </c>
      <c r="F1539" s="55" t="s">
        <v>534</v>
      </c>
      <c r="G1539" s="55" t="s">
        <v>521</v>
      </c>
      <c r="H1539" s="55" t="s">
        <v>535</v>
      </c>
      <c r="I1539" s="55" t="s">
        <v>536</v>
      </c>
      <c r="J1539" s="55" t="s">
        <v>480</v>
      </c>
      <c r="K1539" s="56" t="s">
        <v>387</v>
      </c>
      <c r="L1539" s="57" t="s">
        <v>388</v>
      </c>
      <c r="M1539" s="54" t="s">
        <v>381</v>
      </c>
    </row>
    <row r="1540" spans="1:25" x14ac:dyDescent="0.2">
      <c r="B1540" s="5"/>
      <c r="C1540" s="41" t="s">
        <v>38</v>
      </c>
      <c r="D1540" s="42">
        <v>2000</v>
      </c>
      <c r="E1540" s="43">
        <v>1.7</v>
      </c>
      <c r="F1540" s="43">
        <v>9.5</v>
      </c>
      <c r="G1540" s="43">
        <v>54.9</v>
      </c>
      <c r="H1540" s="43">
        <v>14.5</v>
      </c>
      <c r="I1540" s="43">
        <v>3.8</v>
      </c>
      <c r="J1540" s="43">
        <v>15.7</v>
      </c>
      <c r="K1540" s="43">
        <v>-5.4</v>
      </c>
      <c r="L1540" s="58">
        <v>0</v>
      </c>
    </row>
    <row r="1541" spans="1:25" x14ac:dyDescent="0.2">
      <c r="B1541" s="77" t="s">
        <v>37</v>
      </c>
      <c r="C1541" s="39" t="s">
        <v>39</v>
      </c>
      <c r="D1541" s="45">
        <v>111</v>
      </c>
      <c r="E1541" s="46">
        <v>3.6</v>
      </c>
      <c r="F1541" s="46">
        <v>15.3</v>
      </c>
      <c r="G1541" s="46">
        <v>56.8</v>
      </c>
      <c r="H1541" s="46">
        <v>18</v>
      </c>
      <c r="I1541" s="46">
        <v>0</v>
      </c>
      <c r="J1541" s="46">
        <v>6.3</v>
      </c>
      <c r="K1541" s="46">
        <v>2.4</v>
      </c>
      <c r="L1541" s="59">
        <v>0</v>
      </c>
    </row>
    <row r="1542" spans="1:25" x14ac:dyDescent="0.2">
      <c r="B1542" s="77"/>
      <c r="C1542" s="39" t="s">
        <v>40</v>
      </c>
      <c r="D1542" s="45">
        <v>450</v>
      </c>
      <c r="E1542" s="46">
        <v>1.6</v>
      </c>
      <c r="F1542" s="46">
        <v>8.9</v>
      </c>
      <c r="G1542" s="46">
        <v>59.1</v>
      </c>
      <c r="H1542" s="46">
        <v>14.9</v>
      </c>
      <c r="I1542" s="46">
        <v>4.4000000000000004</v>
      </c>
      <c r="J1542" s="46">
        <v>11.1</v>
      </c>
      <c r="K1542" s="46">
        <v>-6.6</v>
      </c>
      <c r="L1542" s="59">
        <v>0</v>
      </c>
    </row>
    <row r="1543" spans="1:25" ht="21.6" x14ac:dyDescent="0.2">
      <c r="B1543" s="77"/>
      <c r="C1543" s="39" t="s">
        <v>41</v>
      </c>
      <c r="D1543" s="45">
        <v>30</v>
      </c>
      <c r="E1543" s="46">
        <v>3.3</v>
      </c>
      <c r="F1543" s="46">
        <v>13.3</v>
      </c>
      <c r="G1543" s="46">
        <v>50</v>
      </c>
      <c r="H1543" s="46">
        <v>10</v>
      </c>
      <c r="I1543" s="46">
        <v>3.3</v>
      </c>
      <c r="J1543" s="46">
        <v>20</v>
      </c>
      <c r="K1543" s="46">
        <v>2.1</v>
      </c>
      <c r="L1543" s="59">
        <v>0</v>
      </c>
    </row>
    <row r="1544" spans="1:25" ht="21.6" x14ac:dyDescent="0.2">
      <c r="B1544" s="77"/>
      <c r="C1544" s="39" t="s">
        <v>42</v>
      </c>
      <c r="D1544" s="45">
        <v>336</v>
      </c>
      <c r="E1544" s="46">
        <v>2.4</v>
      </c>
      <c r="F1544" s="46">
        <v>14.6</v>
      </c>
      <c r="G1544" s="46">
        <v>52.7</v>
      </c>
      <c r="H1544" s="46">
        <v>12.5</v>
      </c>
      <c r="I1544" s="46">
        <v>1.5</v>
      </c>
      <c r="J1544" s="46">
        <v>16.399999999999999</v>
      </c>
      <c r="K1544" s="46">
        <v>2.2999999999999998</v>
      </c>
      <c r="L1544" s="59">
        <v>0</v>
      </c>
    </row>
    <row r="1545" spans="1:25" ht="21.6" x14ac:dyDescent="0.2">
      <c r="B1545" s="77"/>
      <c r="C1545" s="39" t="s">
        <v>43</v>
      </c>
      <c r="D1545" s="45">
        <v>327</v>
      </c>
      <c r="E1545" s="46">
        <v>0.3</v>
      </c>
      <c r="F1545" s="46">
        <v>5.8</v>
      </c>
      <c r="G1545" s="46">
        <v>55</v>
      </c>
      <c r="H1545" s="46">
        <v>15.3</v>
      </c>
      <c r="I1545" s="46">
        <v>5.2</v>
      </c>
      <c r="J1545" s="46">
        <v>18.3</v>
      </c>
      <c r="K1545" s="46">
        <v>-11.8</v>
      </c>
      <c r="L1545" s="59">
        <v>0</v>
      </c>
    </row>
    <row r="1546" spans="1:25" ht="21.6" x14ac:dyDescent="0.2">
      <c r="B1546" s="77"/>
      <c r="C1546" s="39" t="s">
        <v>44</v>
      </c>
      <c r="D1546" s="45">
        <v>181</v>
      </c>
      <c r="E1546" s="46">
        <v>1.7</v>
      </c>
      <c r="F1546" s="46">
        <v>5</v>
      </c>
      <c r="G1546" s="46">
        <v>58</v>
      </c>
      <c r="H1546" s="46">
        <v>19.3</v>
      </c>
      <c r="I1546" s="46">
        <v>2.2000000000000002</v>
      </c>
      <c r="J1546" s="46">
        <v>13.8</v>
      </c>
      <c r="K1546" s="46">
        <v>-9</v>
      </c>
      <c r="L1546" s="59">
        <v>0</v>
      </c>
    </row>
    <row r="1547" spans="1:25" ht="21.6" x14ac:dyDescent="0.2">
      <c r="B1547" s="77"/>
      <c r="C1547" s="39" t="s">
        <v>45</v>
      </c>
      <c r="D1547" s="45">
        <v>565</v>
      </c>
      <c r="E1547" s="46">
        <v>1.8</v>
      </c>
      <c r="F1547" s="46">
        <v>9.1999999999999993</v>
      </c>
      <c r="G1547" s="46">
        <v>51.7</v>
      </c>
      <c r="H1547" s="46">
        <v>12.9</v>
      </c>
      <c r="I1547" s="46">
        <v>5</v>
      </c>
      <c r="J1547" s="46">
        <v>19.5</v>
      </c>
      <c r="K1547" s="46">
        <v>-6.3</v>
      </c>
      <c r="L1547" s="59">
        <v>0</v>
      </c>
    </row>
    <row r="1548" spans="1:25" ht="21.6" x14ac:dyDescent="0.2">
      <c r="B1548" s="77"/>
      <c r="C1548" s="39" t="s">
        <v>46</v>
      </c>
      <c r="D1548" s="45">
        <v>473</v>
      </c>
      <c r="E1548" s="46">
        <v>2.7</v>
      </c>
      <c r="F1548" s="46">
        <v>8.1999999999999993</v>
      </c>
      <c r="G1548" s="46">
        <v>46.1</v>
      </c>
      <c r="H1548" s="46">
        <v>14.8</v>
      </c>
      <c r="I1548" s="46">
        <v>3.8</v>
      </c>
      <c r="J1548" s="46">
        <v>24.3</v>
      </c>
      <c r="K1548" s="46">
        <v>-5.7</v>
      </c>
      <c r="L1548" s="59">
        <v>0</v>
      </c>
    </row>
    <row r="1549" spans="1:25" ht="21.6" x14ac:dyDescent="0.2">
      <c r="B1549" s="77"/>
      <c r="C1549" s="39" t="s">
        <v>47</v>
      </c>
      <c r="D1549" s="45">
        <v>441</v>
      </c>
      <c r="E1549" s="46">
        <v>1.8</v>
      </c>
      <c r="F1549" s="46">
        <v>9.8000000000000007</v>
      </c>
      <c r="G1549" s="46">
        <v>60.1</v>
      </c>
      <c r="H1549" s="46">
        <v>13.6</v>
      </c>
      <c r="I1549" s="46">
        <v>3.4</v>
      </c>
      <c r="J1549" s="46">
        <v>11.3</v>
      </c>
      <c r="K1549" s="46">
        <v>-4</v>
      </c>
      <c r="L1549" s="59">
        <v>0</v>
      </c>
    </row>
    <row r="1550" spans="1:25" ht="21.6" x14ac:dyDescent="0.2">
      <c r="B1550" s="77"/>
      <c r="C1550" s="39" t="s">
        <v>48</v>
      </c>
      <c r="D1550" s="45">
        <v>305</v>
      </c>
      <c r="E1550" s="46">
        <v>0.3</v>
      </c>
      <c r="F1550" s="46">
        <v>9.8000000000000007</v>
      </c>
      <c r="G1550" s="46">
        <v>59.7</v>
      </c>
      <c r="H1550" s="46">
        <v>17.399999999999999</v>
      </c>
      <c r="I1550" s="46">
        <v>4.5999999999999996</v>
      </c>
      <c r="J1550" s="46">
        <v>8.1999999999999993</v>
      </c>
      <c r="K1550" s="46">
        <v>-8.8000000000000007</v>
      </c>
      <c r="L1550" s="59">
        <v>0</v>
      </c>
    </row>
    <row r="1551" spans="1:25" ht="21.6" x14ac:dyDescent="0.2">
      <c r="B1551" s="77"/>
      <c r="C1551" s="39" t="s">
        <v>49</v>
      </c>
      <c r="D1551" s="45">
        <v>223</v>
      </c>
      <c r="E1551" s="46">
        <v>3.6</v>
      </c>
      <c r="F1551" s="46">
        <v>9.9</v>
      </c>
      <c r="G1551" s="46">
        <v>57.8</v>
      </c>
      <c r="H1551" s="46">
        <v>17</v>
      </c>
      <c r="I1551" s="46">
        <v>3.1</v>
      </c>
      <c r="J1551" s="46">
        <v>8.5</v>
      </c>
      <c r="K1551" s="46">
        <v>-3.4</v>
      </c>
      <c r="L1551" s="59">
        <v>0</v>
      </c>
    </row>
    <row r="1552" spans="1:25" ht="21.6" x14ac:dyDescent="0.2">
      <c r="B1552" s="77"/>
      <c r="C1552" s="39" t="s">
        <v>50</v>
      </c>
      <c r="D1552" s="45">
        <v>123</v>
      </c>
      <c r="E1552" s="46">
        <v>0</v>
      </c>
      <c r="F1552" s="46">
        <v>14.6</v>
      </c>
      <c r="G1552" s="46">
        <v>55.3</v>
      </c>
      <c r="H1552" s="46">
        <v>20.3</v>
      </c>
      <c r="I1552" s="46">
        <v>3.3</v>
      </c>
      <c r="J1552" s="46">
        <v>6.5</v>
      </c>
      <c r="K1552" s="46">
        <v>-6.5</v>
      </c>
      <c r="L1552" s="59">
        <v>0</v>
      </c>
    </row>
    <row r="1553" spans="1:25" ht="21.6" x14ac:dyDescent="0.2">
      <c r="B1553" s="77"/>
      <c r="C1553" s="39" t="s">
        <v>51</v>
      </c>
      <c r="D1553" s="45">
        <v>124</v>
      </c>
      <c r="E1553" s="46">
        <v>2.4</v>
      </c>
      <c r="F1553" s="46">
        <v>10.5</v>
      </c>
      <c r="G1553" s="46">
        <v>62.9</v>
      </c>
      <c r="H1553" s="46">
        <v>9.6999999999999993</v>
      </c>
      <c r="I1553" s="46">
        <v>3.2</v>
      </c>
      <c r="J1553" s="46">
        <v>11.3</v>
      </c>
      <c r="K1553" s="46">
        <v>-0.5</v>
      </c>
      <c r="L1553" s="59">
        <v>0</v>
      </c>
    </row>
    <row r="1554" spans="1:25" ht="21.6" x14ac:dyDescent="0.2">
      <c r="B1554" s="77"/>
      <c r="C1554" s="39" t="s">
        <v>52</v>
      </c>
      <c r="D1554" s="45">
        <v>312</v>
      </c>
      <c r="E1554" s="46">
        <v>0.6</v>
      </c>
      <c r="F1554" s="46">
        <v>7.4</v>
      </c>
      <c r="G1554" s="46">
        <v>70.8</v>
      </c>
      <c r="H1554" s="46">
        <v>9.9</v>
      </c>
      <c r="I1554" s="46">
        <v>4.2</v>
      </c>
      <c r="J1554" s="46">
        <v>7.1</v>
      </c>
      <c r="K1554" s="46">
        <v>-5.2</v>
      </c>
      <c r="L1554" s="59">
        <v>0</v>
      </c>
    </row>
    <row r="1555" spans="1:25" x14ac:dyDescent="0.2">
      <c r="B1555" s="77"/>
      <c r="C1555" s="39" t="s">
        <v>53</v>
      </c>
      <c r="D1555" s="45">
        <v>269</v>
      </c>
      <c r="E1555" s="46">
        <v>1.9</v>
      </c>
      <c r="F1555" s="46">
        <v>10</v>
      </c>
      <c r="G1555" s="46">
        <v>59.5</v>
      </c>
      <c r="H1555" s="46">
        <v>13.8</v>
      </c>
      <c r="I1555" s="46">
        <v>5.9</v>
      </c>
      <c r="J1555" s="46">
        <v>8.9</v>
      </c>
      <c r="K1555" s="46">
        <v>-6.5</v>
      </c>
      <c r="L1555" s="59">
        <v>0</v>
      </c>
    </row>
    <row r="1556" spans="1:25" ht="21.6" x14ac:dyDescent="0.2">
      <c r="B1556" s="77"/>
      <c r="C1556" s="39" t="s">
        <v>54</v>
      </c>
      <c r="D1556" s="45">
        <v>511</v>
      </c>
      <c r="E1556" s="46">
        <v>3.3</v>
      </c>
      <c r="F1556" s="46">
        <v>11.2</v>
      </c>
      <c r="G1556" s="46">
        <v>55</v>
      </c>
      <c r="H1556" s="46">
        <v>19.2</v>
      </c>
      <c r="I1556" s="46">
        <v>3.9</v>
      </c>
      <c r="J1556" s="46">
        <v>7.4</v>
      </c>
      <c r="K1556" s="46">
        <v>-5</v>
      </c>
      <c r="L1556" s="59">
        <v>0</v>
      </c>
    </row>
    <row r="1557" spans="1:25" ht="21.6" x14ac:dyDescent="0.2">
      <c r="B1557" s="77"/>
      <c r="C1557" s="39" t="s">
        <v>55</v>
      </c>
      <c r="D1557" s="45">
        <v>615</v>
      </c>
      <c r="E1557" s="46">
        <v>1.3</v>
      </c>
      <c r="F1557" s="46">
        <v>11.9</v>
      </c>
      <c r="G1557" s="46">
        <v>52.4</v>
      </c>
      <c r="H1557" s="46">
        <v>16.399999999999999</v>
      </c>
      <c r="I1557" s="46">
        <v>3.6</v>
      </c>
      <c r="J1557" s="46">
        <v>14.5</v>
      </c>
      <c r="K1557" s="46">
        <v>-5.3</v>
      </c>
      <c r="L1557" s="59">
        <v>0</v>
      </c>
    </row>
    <row r="1558" spans="1:25" ht="21.6" x14ac:dyDescent="0.2">
      <c r="B1558" s="77"/>
      <c r="C1558" s="39" t="s">
        <v>56</v>
      </c>
      <c r="D1558" s="45">
        <v>800</v>
      </c>
      <c r="E1558" s="46">
        <v>2.4</v>
      </c>
      <c r="F1558" s="46">
        <v>10.9</v>
      </c>
      <c r="G1558" s="46">
        <v>52.1</v>
      </c>
      <c r="H1558" s="46">
        <v>18.3</v>
      </c>
      <c r="I1558" s="46">
        <v>3.5</v>
      </c>
      <c r="J1558" s="46">
        <v>12.9</v>
      </c>
      <c r="K1558" s="46">
        <v>-5.5</v>
      </c>
      <c r="L1558" s="59">
        <v>0</v>
      </c>
    </row>
    <row r="1559" spans="1:25" x14ac:dyDescent="0.2">
      <c r="B1559" s="77"/>
      <c r="C1559" s="40" t="s">
        <v>57</v>
      </c>
      <c r="D1559" s="48">
        <v>798</v>
      </c>
      <c r="E1559" s="49">
        <v>1.8</v>
      </c>
      <c r="F1559" s="49">
        <v>10</v>
      </c>
      <c r="G1559" s="49">
        <v>60.9</v>
      </c>
      <c r="H1559" s="49">
        <v>14.8</v>
      </c>
      <c r="I1559" s="49">
        <v>4.5</v>
      </c>
      <c r="J1559" s="49">
        <v>8</v>
      </c>
      <c r="K1559" s="49">
        <v>-5.6</v>
      </c>
      <c r="L1559" s="60">
        <v>0</v>
      </c>
    </row>
    <row r="1560" spans="1:25" x14ac:dyDescent="0.2">
      <c r="B1560" s="7" t="s">
        <v>71</v>
      </c>
      <c r="C1560" s="4" t="s">
        <v>111</v>
      </c>
    </row>
    <row r="1561" spans="1:25" x14ac:dyDescent="0.2">
      <c r="B1561" s="4"/>
      <c r="C1561" s="4" t="s">
        <v>73</v>
      </c>
    </row>
    <row r="1563" spans="1:25" x14ac:dyDescent="0.2">
      <c r="C1563" t="s">
        <v>35</v>
      </c>
    </row>
    <row r="1564" spans="1:25" x14ac:dyDescent="0.2">
      <c r="B1564" s="75" t="s">
        <v>286</v>
      </c>
      <c r="C1564" s="76"/>
      <c r="D1564" s="76"/>
      <c r="E1564" s="76"/>
      <c r="F1564" s="76"/>
      <c r="G1564" s="76"/>
      <c r="H1564" s="76"/>
      <c r="I1564" s="76"/>
      <c r="J1564" s="76"/>
      <c r="K1564" s="76"/>
      <c r="L1564" s="76"/>
      <c r="M1564" s="76"/>
      <c r="N1564" s="76"/>
      <c r="O1564" s="76"/>
      <c r="P1564" s="76"/>
      <c r="Q1564" s="76"/>
      <c r="R1564" s="76"/>
      <c r="S1564" s="76"/>
      <c r="T1564" s="76"/>
      <c r="U1564" s="76"/>
      <c r="V1564" s="76"/>
      <c r="W1564" s="76"/>
      <c r="X1564" s="76"/>
      <c r="Y1564" s="76"/>
    </row>
    <row r="1565" spans="1:25" s="32" customFormat="1" ht="47.25" customHeight="1" x14ac:dyDescent="0.15">
      <c r="A1565" s="31"/>
      <c r="D1565" s="33" t="s">
        <v>378</v>
      </c>
      <c r="E1565" s="36" t="s">
        <v>533</v>
      </c>
      <c r="F1565" s="55" t="s">
        <v>534</v>
      </c>
      <c r="G1565" s="55" t="s">
        <v>521</v>
      </c>
      <c r="H1565" s="55" t="s">
        <v>535</v>
      </c>
      <c r="I1565" s="55" t="s">
        <v>536</v>
      </c>
      <c r="J1565" s="55" t="s">
        <v>480</v>
      </c>
      <c r="K1565" s="56" t="s">
        <v>387</v>
      </c>
      <c r="L1565" s="57" t="s">
        <v>388</v>
      </c>
      <c r="M1565" s="54" t="s">
        <v>381</v>
      </c>
    </row>
    <row r="1566" spans="1:25" ht="21.6" x14ac:dyDescent="0.2">
      <c r="B1566" s="77" t="s">
        <v>37</v>
      </c>
      <c r="C1566" s="38" t="s">
        <v>58</v>
      </c>
      <c r="D1566" s="51">
        <v>609</v>
      </c>
      <c r="E1566" s="52">
        <v>2.5</v>
      </c>
      <c r="F1566" s="52">
        <v>11.7</v>
      </c>
      <c r="G1566" s="52">
        <v>50.2</v>
      </c>
      <c r="H1566" s="52">
        <v>19.5</v>
      </c>
      <c r="I1566" s="52">
        <v>4.0999999999999996</v>
      </c>
      <c r="J1566" s="52">
        <v>12</v>
      </c>
      <c r="K1566" s="52">
        <v>-6.3</v>
      </c>
      <c r="L1566" s="61">
        <v>0</v>
      </c>
    </row>
    <row r="1567" spans="1:25" ht="21.6" x14ac:dyDescent="0.2">
      <c r="B1567" s="77"/>
      <c r="C1567" s="39" t="s">
        <v>59</v>
      </c>
      <c r="D1567" s="45">
        <v>1391</v>
      </c>
      <c r="E1567" s="46">
        <v>1.4</v>
      </c>
      <c r="F1567" s="46">
        <v>8.6</v>
      </c>
      <c r="G1567" s="46">
        <v>56.9</v>
      </c>
      <c r="H1567" s="46">
        <v>12.3</v>
      </c>
      <c r="I1567" s="46">
        <v>3.6</v>
      </c>
      <c r="J1567" s="46">
        <v>17.3</v>
      </c>
      <c r="K1567" s="46">
        <v>-5</v>
      </c>
      <c r="L1567" s="59">
        <v>0</v>
      </c>
    </row>
    <row r="1568" spans="1:25" x14ac:dyDescent="0.2">
      <c r="B1568" s="77"/>
      <c r="C1568" s="39" t="s">
        <v>60</v>
      </c>
      <c r="D1568" s="45">
        <v>1325</v>
      </c>
      <c r="E1568" s="46">
        <v>1.7</v>
      </c>
      <c r="F1568" s="46">
        <v>9.9</v>
      </c>
      <c r="G1568" s="46">
        <v>55.2</v>
      </c>
      <c r="H1568" s="46">
        <v>14.6</v>
      </c>
      <c r="I1568" s="46">
        <v>3.5</v>
      </c>
      <c r="J1568" s="46">
        <v>15.1</v>
      </c>
      <c r="K1568" s="46">
        <v>-4.8</v>
      </c>
      <c r="L1568" s="59">
        <v>0</v>
      </c>
    </row>
    <row r="1569" spans="2:12" x14ac:dyDescent="0.2">
      <c r="B1569" s="77"/>
      <c r="C1569" s="39" t="s">
        <v>61</v>
      </c>
      <c r="D1569" s="45">
        <v>675</v>
      </c>
      <c r="E1569" s="46">
        <v>1.6</v>
      </c>
      <c r="F1569" s="46">
        <v>8.6999999999999993</v>
      </c>
      <c r="G1569" s="46">
        <v>54.4</v>
      </c>
      <c r="H1569" s="46">
        <v>14.2</v>
      </c>
      <c r="I1569" s="46">
        <v>4.3</v>
      </c>
      <c r="J1569" s="46">
        <v>16.7</v>
      </c>
      <c r="K1569" s="46">
        <v>-6.5</v>
      </c>
      <c r="L1569" s="59">
        <v>0</v>
      </c>
    </row>
    <row r="1570" spans="2:12" x14ac:dyDescent="0.2">
      <c r="B1570" s="77"/>
      <c r="C1570" s="39" t="s">
        <v>62</v>
      </c>
      <c r="D1570" s="45">
        <v>1086</v>
      </c>
      <c r="E1570" s="46">
        <v>2</v>
      </c>
      <c r="F1570" s="46">
        <v>10.4</v>
      </c>
      <c r="G1570" s="46">
        <v>57.7</v>
      </c>
      <c r="H1570" s="46">
        <v>14.9</v>
      </c>
      <c r="I1570" s="46">
        <v>3.9</v>
      </c>
      <c r="J1570" s="46">
        <v>11</v>
      </c>
      <c r="K1570" s="46">
        <v>-4.5999999999999996</v>
      </c>
      <c r="L1570" s="59">
        <v>0</v>
      </c>
    </row>
    <row r="1571" spans="2:12" ht="21.6" x14ac:dyDescent="0.2">
      <c r="B1571" s="77"/>
      <c r="C1571" s="39" t="s">
        <v>63</v>
      </c>
      <c r="D1571" s="45">
        <v>203</v>
      </c>
      <c r="E1571" s="46">
        <v>2</v>
      </c>
      <c r="F1571" s="46">
        <v>11.3</v>
      </c>
      <c r="G1571" s="46">
        <v>51.2</v>
      </c>
      <c r="H1571" s="46">
        <v>12.8</v>
      </c>
      <c r="I1571" s="46">
        <v>3.4</v>
      </c>
      <c r="J1571" s="46">
        <v>19.2</v>
      </c>
      <c r="K1571" s="46">
        <v>-2.7</v>
      </c>
      <c r="L1571" s="59">
        <v>0</v>
      </c>
    </row>
    <row r="1572" spans="2:12" x14ac:dyDescent="0.2">
      <c r="B1572" s="77"/>
      <c r="C1572" s="39" t="s">
        <v>64</v>
      </c>
      <c r="D1572" s="45">
        <v>263</v>
      </c>
      <c r="E1572" s="46">
        <v>3.4</v>
      </c>
      <c r="F1572" s="46">
        <v>14.1</v>
      </c>
      <c r="G1572" s="46">
        <v>53.6</v>
      </c>
      <c r="H1572" s="46">
        <v>16.7</v>
      </c>
      <c r="I1572" s="46">
        <v>3.4</v>
      </c>
      <c r="J1572" s="46">
        <v>8.6999999999999993</v>
      </c>
      <c r="K1572" s="46">
        <v>-1.5</v>
      </c>
      <c r="L1572" s="59">
        <v>0</v>
      </c>
    </row>
    <row r="1573" spans="2:12" x14ac:dyDescent="0.2">
      <c r="B1573" s="77"/>
      <c r="C1573" s="39" t="s">
        <v>65</v>
      </c>
      <c r="D1573" s="45">
        <v>312</v>
      </c>
      <c r="E1573" s="46">
        <v>1.6</v>
      </c>
      <c r="F1573" s="46">
        <v>9.9</v>
      </c>
      <c r="G1573" s="46">
        <v>60.6</v>
      </c>
      <c r="H1573" s="46">
        <v>15.1</v>
      </c>
      <c r="I1573" s="46">
        <v>4.2</v>
      </c>
      <c r="J1573" s="46">
        <v>8.6999999999999993</v>
      </c>
      <c r="K1573" s="46">
        <v>-5.6</v>
      </c>
      <c r="L1573" s="59">
        <v>0</v>
      </c>
    </row>
    <row r="1574" spans="2:12" x14ac:dyDescent="0.2">
      <c r="B1574" s="77"/>
      <c r="C1574" s="39" t="s">
        <v>66</v>
      </c>
      <c r="D1574" s="45">
        <v>230</v>
      </c>
      <c r="E1574" s="46">
        <v>1.3</v>
      </c>
      <c r="F1574" s="46">
        <v>5.7</v>
      </c>
      <c r="G1574" s="46">
        <v>63.9</v>
      </c>
      <c r="H1574" s="46">
        <v>14.8</v>
      </c>
      <c r="I1574" s="46">
        <v>4.8</v>
      </c>
      <c r="J1574" s="46">
        <v>9.6</v>
      </c>
      <c r="K1574" s="46">
        <v>-8.9</v>
      </c>
      <c r="L1574" s="59">
        <v>0</v>
      </c>
    </row>
    <row r="1575" spans="2:12" x14ac:dyDescent="0.2">
      <c r="B1575" s="77"/>
      <c r="C1575" s="39" t="s">
        <v>67</v>
      </c>
      <c r="D1575" s="45">
        <v>78</v>
      </c>
      <c r="E1575" s="46">
        <v>1.3</v>
      </c>
      <c r="F1575" s="46">
        <v>11.5</v>
      </c>
      <c r="G1575" s="46">
        <v>59</v>
      </c>
      <c r="H1575" s="46">
        <v>14.1</v>
      </c>
      <c r="I1575" s="46">
        <v>2.6</v>
      </c>
      <c r="J1575" s="46">
        <v>11.5</v>
      </c>
      <c r="K1575" s="46">
        <v>-2.9</v>
      </c>
      <c r="L1575" s="59">
        <v>0</v>
      </c>
    </row>
    <row r="1576" spans="2:12" x14ac:dyDescent="0.2">
      <c r="B1576" s="77"/>
      <c r="C1576" s="39" t="s">
        <v>68</v>
      </c>
      <c r="D1576" s="45">
        <v>897</v>
      </c>
      <c r="E1576" s="46">
        <v>2.2000000000000002</v>
      </c>
      <c r="F1576" s="46">
        <v>11.6</v>
      </c>
      <c r="G1576" s="46">
        <v>59.2</v>
      </c>
      <c r="H1576" s="46">
        <v>15.8</v>
      </c>
      <c r="I1576" s="46">
        <v>4.2</v>
      </c>
      <c r="J1576" s="46">
        <v>6.9</v>
      </c>
      <c r="K1576" s="46">
        <v>-4.4000000000000004</v>
      </c>
      <c r="L1576" s="59">
        <v>0</v>
      </c>
    </row>
    <row r="1577" spans="2:12" x14ac:dyDescent="0.2">
      <c r="B1577" s="77"/>
      <c r="C1577" s="39" t="s">
        <v>69</v>
      </c>
      <c r="D1577" s="45">
        <v>189</v>
      </c>
      <c r="E1577" s="46">
        <v>1.1000000000000001</v>
      </c>
      <c r="F1577" s="46">
        <v>4.8</v>
      </c>
      <c r="G1577" s="46">
        <v>50.8</v>
      </c>
      <c r="H1577" s="46">
        <v>10.6</v>
      </c>
      <c r="I1577" s="46">
        <v>2.1</v>
      </c>
      <c r="J1577" s="46">
        <v>30.7</v>
      </c>
      <c r="K1577" s="46">
        <v>-5.7</v>
      </c>
      <c r="L1577" s="59">
        <v>0</v>
      </c>
    </row>
    <row r="1578" spans="2:12" x14ac:dyDescent="0.2">
      <c r="B1578" s="77"/>
      <c r="C1578" s="39" t="s">
        <v>70</v>
      </c>
      <c r="D1578" s="45">
        <v>914</v>
      </c>
      <c r="E1578" s="46">
        <v>1.3</v>
      </c>
      <c r="F1578" s="46">
        <v>8.4</v>
      </c>
      <c r="G1578" s="46">
        <v>51.5</v>
      </c>
      <c r="H1578" s="46">
        <v>14</v>
      </c>
      <c r="I1578" s="46">
        <v>3.6</v>
      </c>
      <c r="J1578" s="46">
        <v>21.1</v>
      </c>
      <c r="K1578" s="46">
        <v>-6.4</v>
      </c>
      <c r="L1578" s="59">
        <v>0</v>
      </c>
    </row>
    <row r="1579" spans="2:12" ht="21.6" x14ac:dyDescent="0.2">
      <c r="B1579" s="77"/>
      <c r="C1579" s="39" t="s">
        <v>63</v>
      </c>
      <c r="D1579" s="45">
        <v>193</v>
      </c>
      <c r="E1579" s="46">
        <v>2.1</v>
      </c>
      <c r="F1579" s="46">
        <v>15.5</v>
      </c>
      <c r="G1579" s="46">
        <v>38.299999999999997</v>
      </c>
      <c r="H1579" s="46">
        <v>14.5</v>
      </c>
      <c r="I1579" s="46">
        <v>1.6</v>
      </c>
      <c r="J1579" s="46">
        <v>28</v>
      </c>
      <c r="K1579" s="46">
        <v>1.4</v>
      </c>
      <c r="L1579" s="59">
        <v>0</v>
      </c>
    </row>
    <row r="1580" spans="2:12" x14ac:dyDescent="0.2">
      <c r="B1580" s="77"/>
      <c r="C1580" s="39" t="s">
        <v>64</v>
      </c>
      <c r="D1580" s="45">
        <v>203</v>
      </c>
      <c r="E1580" s="46">
        <v>1.5</v>
      </c>
      <c r="F1580" s="46">
        <v>6.4</v>
      </c>
      <c r="G1580" s="46">
        <v>50.7</v>
      </c>
      <c r="H1580" s="46">
        <v>14.8</v>
      </c>
      <c r="I1580" s="46">
        <v>4.4000000000000004</v>
      </c>
      <c r="J1580" s="46">
        <v>22.2</v>
      </c>
      <c r="K1580" s="46">
        <v>-9.1999999999999993</v>
      </c>
      <c r="L1580" s="59">
        <v>0</v>
      </c>
    </row>
    <row r="1581" spans="2:12" x14ac:dyDescent="0.2">
      <c r="B1581" s="77"/>
      <c r="C1581" s="39" t="s">
        <v>65</v>
      </c>
      <c r="D1581" s="45">
        <v>263</v>
      </c>
      <c r="E1581" s="46">
        <v>0.4</v>
      </c>
      <c r="F1581" s="46">
        <v>8.4</v>
      </c>
      <c r="G1581" s="46">
        <v>55.5</v>
      </c>
      <c r="H1581" s="46">
        <v>14.1</v>
      </c>
      <c r="I1581" s="46">
        <v>3.8</v>
      </c>
      <c r="J1581" s="46">
        <v>17.899999999999999</v>
      </c>
      <c r="K1581" s="46">
        <v>-7.6</v>
      </c>
      <c r="L1581" s="59">
        <v>0</v>
      </c>
    </row>
    <row r="1582" spans="2:12" x14ac:dyDescent="0.2">
      <c r="B1582" s="77"/>
      <c r="C1582" s="39" t="s">
        <v>66</v>
      </c>
      <c r="D1582" s="45">
        <v>194</v>
      </c>
      <c r="E1582" s="46">
        <v>2.1</v>
      </c>
      <c r="F1582" s="46">
        <v>4.0999999999999996</v>
      </c>
      <c r="G1582" s="46">
        <v>58.8</v>
      </c>
      <c r="H1582" s="46">
        <v>13.4</v>
      </c>
      <c r="I1582" s="46">
        <v>4.5999999999999996</v>
      </c>
      <c r="J1582" s="46">
        <v>17</v>
      </c>
      <c r="K1582" s="46">
        <v>-8.6999999999999993</v>
      </c>
      <c r="L1582" s="59">
        <v>0</v>
      </c>
    </row>
    <row r="1583" spans="2:12" x14ac:dyDescent="0.2">
      <c r="B1583" s="77"/>
      <c r="C1583" s="39" t="s">
        <v>67</v>
      </c>
      <c r="D1583" s="45">
        <v>61</v>
      </c>
      <c r="E1583" s="46">
        <v>0</v>
      </c>
      <c r="F1583" s="46">
        <v>6.6</v>
      </c>
      <c r="G1583" s="46">
        <v>55.7</v>
      </c>
      <c r="H1583" s="46">
        <v>11.5</v>
      </c>
      <c r="I1583" s="46">
        <v>3.3</v>
      </c>
      <c r="J1583" s="46">
        <v>23</v>
      </c>
      <c r="K1583" s="46">
        <v>-7.4</v>
      </c>
      <c r="L1583" s="59">
        <v>0</v>
      </c>
    </row>
    <row r="1584" spans="2:12" x14ac:dyDescent="0.2">
      <c r="B1584" s="77"/>
      <c r="C1584" s="39" t="s">
        <v>68</v>
      </c>
      <c r="D1584" s="45">
        <v>416</v>
      </c>
      <c r="E1584" s="46">
        <v>2.4</v>
      </c>
      <c r="F1584" s="46">
        <v>11.3</v>
      </c>
      <c r="G1584" s="46">
        <v>49.3</v>
      </c>
      <c r="H1584" s="46">
        <v>20</v>
      </c>
      <c r="I1584" s="46">
        <v>3.1</v>
      </c>
      <c r="J1584" s="46">
        <v>13.9</v>
      </c>
      <c r="K1584" s="46">
        <v>-5.9</v>
      </c>
      <c r="L1584" s="59">
        <v>0</v>
      </c>
    </row>
    <row r="1585" spans="1:25" x14ac:dyDescent="0.2">
      <c r="B1585" s="77"/>
      <c r="C1585" s="40" t="s">
        <v>69</v>
      </c>
      <c r="D1585" s="48">
        <v>498</v>
      </c>
      <c r="E1585" s="49">
        <v>0.4</v>
      </c>
      <c r="F1585" s="49">
        <v>6</v>
      </c>
      <c r="G1585" s="49">
        <v>53.4</v>
      </c>
      <c r="H1585" s="49">
        <v>9</v>
      </c>
      <c r="I1585" s="49">
        <v>4</v>
      </c>
      <c r="J1585" s="49">
        <v>27.1</v>
      </c>
      <c r="K1585" s="49">
        <v>-7</v>
      </c>
      <c r="L1585" s="60">
        <v>0</v>
      </c>
    </row>
    <row r="1586" spans="1:25" x14ac:dyDescent="0.2">
      <c r="B1586" s="7" t="s">
        <v>71</v>
      </c>
      <c r="C1586" s="4" t="s">
        <v>111</v>
      </c>
    </row>
    <row r="1587" spans="1:25" x14ac:dyDescent="0.2">
      <c r="B1587" s="4"/>
      <c r="C1587" s="4" t="s">
        <v>73</v>
      </c>
    </row>
    <row r="1589" spans="1:25" x14ac:dyDescent="0.2">
      <c r="A1589" s="26" t="s">
        <v>25</v>
      </c>
      <c r="B1589" t="s">
        <v>35</v>
      </c>
      <c r="C1589" t="s">
        <v>35</v>
      </c>
    </row>
    <row r="1590" spans="1:25" x14ac:dyDescent="0.2">
      <c r="B1590" s="75" t="s">
        <v>112</v>
      </c>
      <c r="C1590" s="76"/>
      <c r="D1590" s="76"/>
      <c r="E1590" s="76"/>
      <c r="F1590" s="76"/>
      <c r="G1590" s="76"/>
      <c r="H1590" s="76"/>
      <c r="I1590" s="76"/>
      <c r="J1590" s="76"/>
      <c r="K1590" s="76"/>
      <c r="L1590" s="76"/>
      <c r="M1590" s="76"/>
      <c r="N1590" s="76"/>
      <c r="O1590" s="76"/>
      <c r="P1590" s="76"/>
      <c r="Q1590" s="76"/>
      <c r="R1590" s="76"/>
      <c r="S1590" s="76"/>
      <c r="T1590" s="76"/>
      <c r="U1590" s="76"/>
      <c r="V1590" s="76"/>
      <c r="W1590" s="76"/>
      <c r="X1590" s="76"/>
      <c r="Y1590" s="76"/>
    </row>
    <row r="1591" spans="1:25" s="32" customFormat="1" ht="47.25" customHeight="1" x14ac:dyDescent="0.15">
      <c r="A1591" s="31"/>
      <c r="D1591" s="33" t="s">
        <v>378</v>
      </c>
      <c r="E1591" s="36" t="s">
        <v>533</v>
      </c>
      <c r="F1591" s="55" t="s">
        <v>534</v>
      </c>
      <c r="G1591" s="55" t="s">
        <v>521</v>
      </c>
      <c r="H1591" s="55" t="s">
        <v>535</v>
      </c>
      <c r="I1591" s="55" t="s">
        <v>536</v>
      </c>
      <c r="J1591" s="55" t="s">
        <v>480</v>
      </c>
      <c r="K1591" s="56" t="s">
        <v>387</v>
      </c>
      <c r="L1591" s="57" t="s">
        <v>388</v>
      </c>
      <c r="M1591" s="54" t="s">
        <v>381</v>
      </c>
    </row>
    <row r="1592" spans="1:25" x14ac:dyDescent="0.2">
      <c r="B1592" s="5"/>
      <c r="C1592" s="41" t="s">
        <v>38</v>
      </c>
      <c r="D1592" s="42">
        <v>2000</v>
      </c>
      <c r="E1592" s="43">
        <v>1.5</v>
      </c>
      <c r="F1592" s="43">
        <v>8.6999999999999993</v>
      </c>
      <c r="G1592" s="43">
        <v>54.1</v>
      </c>
      <c r="H1592" s="43">
        <v>14.2</v>
      </c>
      <c r="I1592" s="43">
        <v>5.2</v>
      </c>
      <c r="J1592" s="43">
        <v>16.5</v>
      </c>
      <c r="K1592" s="43">
        <v>-7.7</v>
      </c>
      <c r="L1592" s="58">
        <v>0</v>
      </c>
    </row>
    <row r="1593" spans="1:25" x14ac:dyDescent="0.2">
      <c r="B1593" s="77" t="s">
        <v>37</v>
      </c>
      <c r="C1593" s="39" t="s">
        <v>39</v>
      </c>
      <c r="D1593" s="45">
        <v>111</v>
      </c>
      <c r="E1593" s="46">
        <v>4.5</v>
      </c>
      <c r="F1593" s="46">
        <v>6.3</v>
      </c>
      <c r="G1593" s="46">
        <v>64.900000000000006</v>
      </c>
      <c r="H1593" s="46">
        <v>9.9</v>
      </c>
      <c r="I1593" s="46">
        <v>3.6</v>
      </c>
      <c r="J1593" s="46">
        <v>10.8</v>
      </c>
      <c r="K1593" s="46">
        <v>-1</v>
      </c>
      <c r="L1593" s="59">
        <v>0</v>
      </c>
    </row>
    <row r="1594" spans="1:25" x14ac:dyDescent="0.2">
      <c r="B1594" s="77"/>
      <c r="C1594" s="39" t="s">
        <v>40</v>
      </c>
      <c r="D1594" s="45">
        <v>450</v>
      </c>
      <c r="E1594" s="46">
        <v>0.9</v>
      </c>
      <c r="F1594" s="46">
        <v>7.8</v>
      </c>
      <c r="G1594" s="46">
        <v>56.2</v>
      </c>
      <c r="H1594" s="46">
        <v>14.7</v>
      </c>
      <c r="I1594" s="46">
        <v>7.3</v>
      </c>
      <c r="J1594" s="46">
        <v>13.1</v>
      </c>
      <c r="K1594" s="46">
        <v>-11.4</v>
      </c>
      <c r="L1594" s="59">
        <v>0</v>
      </c>
    </row>
    <row r="1595" spans="1:25" ht="21.6" x14ac:dyDescent="0.2">
      <c r="B1595" s="77"/>
      <c r="C1595" s="39" t="s">
        <v>41</v>
      </c>
      <c r="D1595" s="45">
        <v>30</v>
      </c>
      <c r="E1595" s="46">
        <v>3.3</v>
      </c>
      <c r="F1595" s="46">
        <v>6.7</v>
      </c>
      <c r="G1595" s="46">
        <v>53.3</v>
      </c>
      <c r="H1595" s="46">
        <v>10</v>
      </c>
      <c r="I1595" s="46">
        <v>6.7</v>
      </c>
      <c r="J1595" s="46">
        <v>20</v>
      </c>
      <c r="K1595" s="46">
        <v>-6.3</v>
      </c>
      <c r="L1595" s="59">
        <v>0</v>
      </c>
    </row>
    <row r="1596" spans="1:25" ht="21.6" x14ac:dyDescent="0.2">
      <c r="B1596" s="77"/>
      <c r="C1596" s="39" t="s">
        <v>42</v>
      </c>
      <c r="D1596" s="45">
        <v>336</v>
      </c>
      <c r="E1596" s="46">
        <v>2.7</v>
      </c>
      <c r="F1596" s="46">
        <v>8.3000000000000007</v>
      </c>
      <c r="G1596" s="46">
        <v>56</v>
      </c>
      <c r="H1596" s="46">
        <v>10.1</v>
      </c>
      <c r="I1596" s="46">
        <v>3</v>
      </c>
      <c r="J1596" s="46">
        <v>19.899999999999999</v>
      </c>
      <c r="K1596" s="46">
        <v>-1.5</v>
      </c>
      <c r="L1596" s="59">
        <v>0</v>
      </c>
    </row>
    <row r="1597" spans="1:25" ht="21.6" x14ac:dyDescent="0.2">
      <c r="B1597" s="77"/>
      <c r="C1597" s="39" t="s">
        <v>43</v>
      </c>
      <c r="D1597" s="45">
        <v>327</v>
      </c>
      <c r="E1597" s="46">
        <v>0.3</v>
      </c>
      <c r="F1597" s="46">
        <v>8.9</v>
      </c>
      <c r="G1597" s="46">
        <v>49.5</v>
      </c>
      <c r="H1597" s="46">
        <v>19.899999999999999</v>
      </c>
      <c r="I1597" s="46">
        <v>5.5</v>
      </c>
      <c r="J1597" s="46">
        <v>15.9</v>
      </c>
      <c r="K1597" s="46">
        <v>-12.7</v>
      </c>
      <c r="L1597" s="59">
        <v>0</v>
      </c>
    </row>
    <row r="1598" spans="1:25" ht="21.6" x14ac:dyDescent="0.2">
      <c r="B1598" s="77"/>
      <c r="C1598" s="39" t="s">
        <v>44</v>
      </c>
      <c r="D1598" s="45">
        <v>181</v>
      </c>
      <c r="E1598" s="46">
        <v>1.1000000000000001</v>
      </c>
      <c r="F1598" s="46">
        <v>8.8000000000000007</v>
      </c>
      <c r="G1598" s="46">
        <v>59.1</v>
      </c>
      <c r="H1598" s="46">
        <v>13.3</v>
      </c>
      <c r="I1598" s="46">
        <v>2.8</v>
      </c>
      <c r="J1598" s="46">
        <v>14.9</v>
      </c>
      <c r="K1598" s="46">
        <v>-4.5</v>
      </c>
      <c r="L1598" s="59">
        <v>0</v>
      </c>
    </row>
    <row r="1599" spans="1:25" ht="21.6" x14ac:dyDescent="0.2">
      <c r="B1599" s="77"/>
      <c r="C1599" s="39" t="s">
        <v>45</v>
      </c>
      <c r="D1599" s="45">
        <v>565</v>
      </c>
      <c r="E1599" s="46">
        <v>1.4</v>
      </c>
      <c r="F1599" s="46">
        <v>9.9</v>
      </c>
      <c r="G1599" s="46">
        <v>50.3</v>
      </c>
      <c r="H1599" s="46">
        <v>14.2</v>
      </c>
      <c r="I1599" s="46">
        <v>5.5</v>
      </c>
      <c r="J1599" s="46">
        <v>18.8</v>
      </c>
      <c r="K1599" s="46">
        <v>-7.6</v>
      </c>
      <c r="L1599" s="59">
        <v>0</v>
      </c>
    </row>
    <row r="1600" spans="1:25" ht="21.6" x14ac:dyDescent="0.2">
      <c r="B1600" s="77"/>
      <c r="C1600" s="39" t="s">
        <v>46</v>
      </c>
      <c r="D1600" s="45">
        <v>473</v>
      </c>
      <c r="E1600" s="46">
        <v>2.2999999999999998</v>
      </c>
      <c r="F1600" s="46">
        <v>8.1999999999999993</v>
      </c>
      <c r="G1600" s="46">
        <v>45.2</v>
      </c>
      <c r="H1600" s="46">
        <v>15.6</v>
      </c>
      <c r="I1600" s="46">
        <v>5.3</v>
      </c>
      <c r="J1600" s="46">
        <v>23.3</v>
      </c>
      <c r="K1600" s="46">
        <v>-8.6999999999999993</v>
      </c>
      <c r="L1600" s="59">
        <v>0</v>
      </c>
    </row>
    <row r="1601" spans="2:25" ht="21.6" x14ac:dyDescent="0.2">
      <c r="B1601" s="77"/>
      <c r="C1601" s="39" t="s">
        <v>47</v>
      </c>
      <c r="D1601" s="45">
        <v>441</v>
      </c>
      <c r="E1601" s="46">
        <v>1.1000000000000001</v>
      </c>
      <c r="F1601" s="46">
        <v>8.1999999999999993</v>
      </c>
      <c r="G1601" s="46">
        <v>58</v>
      </c>
      <c r="H1601" s="46">
        <v>14.3</v>
      </c>
      <c r="I1601" s="46">
        <v>5.9</v>
      </c>
      <c r="J1601" s="46">
        <v>12.5</v>
      </c>
      <c r="K1601" s="46">
        <v>-8.9</v>
      </c>
      <c r="L1601" s="59">
        <v>0</v>
      </c>
    </row>
    <row r="1602" spans="2:25" ht="21.6" x14ac:dyDescent="0.2">
      <c r="B1602" s="77"/>
      <c r="C1602" s="39" t="s">
        <v>48</v>
      </c>
      <c r="D1602" s="45">
        <v>305</v>
      </c>
      <c r="E1602" s="46">
        <v>1</v>
      </c>
      <c r="F1602" s="46">
        <v>7.2</v>
      </c>
      <c r="G1602" s="46">
        <v>59</v>
      </c>
      <c r="H1602" s="46">
        <v>16.100000000000001</v>
      </c>
      <c r="I1602" s="46">
        <v>5.6</v>
      </c>
      <c r="J1602" s="46">
        <v>11.1</v>
      </c>
      <c r="K1602" s="46">
        <v>-10.1</v>
      </c>
      <c r="L1602" s="59">
        <v>0</v>
      </c>
    </row>
    <row r="1603" spans="2:25" ht="21.6" x14ac:dyDescent="0.2">
      <c r="B1603" s="77"/>
      <c r="C1603" s="39" t="s">
        <v>49</v>
      </c>
      <c r="D1603" s="45">
        <v>223</v>
      </c>
      <c r="E1603" s="46">
        <v>2.2000000000000002</v>
      </c>
      <c r="F1603" s="46">
        <v>11.7</v>
      </c>
      <c r="G1603" s="46">
        <v>57.4</v>
      </c>
      <c r="H1603" s="46">
        <v>14.3</v>
      </c>
      <c r="I1603" s="46">
        <v>4.5</v>
      </c>
      <c r="J1603" s="46">
        <v>9.9</v>
      </c>
      <c r="K1603" s="46">
        <v>-4</v>
      </c>
      <c r="L1603" s="59">
        <v>0</v>
      </c>
    </row>
    <row r="1604" spans="2:25" ht="21.6" x14ac:dyDescent="0.2">
      <c r="B1604" s="77"/>
      <c r="C1604" s="39" t="s">
        <v>50</v>
      </c>
      <c r="D1604" s="45">
        <v>123</v>
      </c>
      <c r="E1604" s="46">
        <v>0</v>
      </c>
      <c r="F1604" s="46">
        <v>11.4</v>
      </c>
      <c r="G1604" s="46">
        <v>63.4</v>
      </c>
      <c r="H1604" s="46">
        <v>11.4</v>
      </c>
      <c r="I1604" s="46">
        <v>4.9000000000000004</v>
      </c>
      <c r="J1604" s="46">
        <v>8.9</v>
      </c>
      <c r="K1604" s="46">
        <v>-5.4</v>
      </c>
      <c r="L1604" s="59">
        <v>0</v>
      </c>
    </row>
    <row r="1605" spans="2:25" ht="21.6" x14ac:dyDescent="0.2">
      <c r="B1605" s="77"/>
      <c r="C1605" s="39" t="s">
        <v>51</v>
      </c>
      <c r="D1605" s="45">
        <v>124</v>
      </c>
      <c r="E1605" s="46">
        <v>2.4</v>
      </c>
      <c r="F1605" s="46">
        <v>7.3</v>
      </c>
      <c r="G1605" s="46">
        <v>66.099999999999994</v>
      </c>
      <c r="H1605" s="46">
        <v>8.9</v>
      </c>
      <c r="I1605" s="46">
        <v>4.8</v>
      </c>
      <c r="J1605" s="46">
        <v>10.5</v>
      </c>
      <c r="K1605" s="46">
        <v>-3.6</v>
      </c>
      <c r="L1605" s="59">
        <v>0</v>
      </c>
    </row>
    <row r="1606" spans="2:25" ht="21.6" x14ac:dyDescent="0.2">
      <c r="B1606" s="77"/>
      <c r="C1606" s="39" t="s">
        <v>52</v>
      </c>
      <c r="D1606" s="45">
        <v>312</v>
      </c>
      <c r="E1606" s="46">
        <v>1</v>
      </c>
      <c r="F1606" s="46">
        <v>5.4</v>
      </c>
      <c r="G1606" s="46">
        <v>71.8</v>
      </c>
      <c r="H1606" s="46">
        <v>10.3</v>
      </c>
      <c r="I1606" s="46">
        <v>4.8</v>
      </c>
      <c r="J1606" s="46">
        <v>6.7</v>
      </c>
      <c r="K1606" s="46">
        <v>-6.7</v>
      </c>
      <c r="L1606" s="59">
        <v>0</v>
      </c>
    </row>
    <row r="1607" spans="2:25" x14ac:dyDescent="0.2">
      <c r="B1607" s="77"/>
      <c r="C1607" s="39" t="s">
        <v>53</v>
      </c>
      <c r="D1607" s="45">
        <v>269</v>
      </c>
      <c r="E1607" s="46">
        <v>2.2000000000000002</v>
      </c>
      <c r="F1607" s="46">
        <v>10.8</v>
      </c>
      <c r="G1607" s="46">
        <v>59.9</v>
      </c>
      <c r="H1607" s="46">
        <v>14.5</v>
      </c>
      <c r="I1607" s="46">
        <v>5.2</v>
      </c>
      <c r="J1607" s="46">
        <v>7.4</v>
      </c>
      <c r="K1607" s="46">
        <v>-5.2</v>
      </c>
      <c r="L1607" s="59">
        <v>0</v>
      </c>
    </row>
    <row r="1608" spans="2:25" ht="21.6" x14ac:dyDescent="0.2">
      <c r="B1608" s="77"/>
      <c r="C1608" s="39" t="s">
        <v>54</v>
      </c>
      <c r="D1608" s="45">
        <v>511</v>
      </c>
      <c r="E1608" s="46">
        <v>1.6</v>
      </c>
      <c r="F1608" s="46">
        <v>10.8</v>
      </c>
      <c r="G1608" s="46">
        <v>54.8</v>
      </c>
      <c r="H1608" s="46">
        <v>15.5</v>
      </c>
      <c r="I1608" s="46">
        <v>7</v>
      </c>
      <c r="J1608" s="46">
        <v>10.4</v>
      </c>
      <c r="K1608" s="46">
        <v>-8.6999999999999993</v>
      </c>
      <c r="L1608" s="59">
        <v>0</v>
      </c>
    </row>
    <row r="1609" spans="2:25" ht="21.6" x14ac:dyDescent="0.2">
      <c r="B1609" s="77"/>
      <c r="C1609" s="39" t="s">
        <v>55</v>
      </c>
      <c r="D1609" s="45">
        <v>615</v>
      </c>
      <c r="E1609" s="46">
        <v>2</v>
      </c>
      <c r="F1609" s="46">
        <v>8.3000000000000007</v>
      </c>
      <c r="G1609" s="46">
        <v>50.9</v>
      </c>
      <c r="H1609" s="46">
        <v>15.3</v>
      </c>
      <c r="I1609" s="46">
        <v>5.7</v>
      </c>
      <c r="J1609" s="46">
        <v>17.899999999999999</v>
      </c>
      <c r="K1609" s="46">
        <v>-8.8000000000000007</v>
      </c>
      <c r="L1609" s="59">
        <v>0</v>
      </c>
    </row>
    <row r="1610" spans="2:25" ht="21.6" x14ac:dyDescent="0.2">
      <c r="B1610" s="77"/>
      <c r="C1610" s="39" t="s">
        <v>56</v>
      </c>
      <c r="D1610" s="45">
        <v>800</v>
      </c>
      <c r="E1610" s="46">
        <v>2.5</v>
      </c>
      <c r="F1610" s="46">
        <v>10.3</v>
      </c>
      <c r="G1610" s="46">
        <v>49</v>
      </c>
      <c r="H1610" s="46">
        <v>16.399999999999999</v>
      </c>
      <c r="I1610" s="46">
        <v>6.5</v>
      </c>
      <c r="J1610" s="46">
        <v>15.4</v>
      </c>
      <c r="K1610" s="46">
        <v>-8.3000000000000007</v>
      </c>
      <c r="L1610" s="59">
        <v>0</v>
      </c>
    </row>
    <row r="1611" spans="2:25" x14ac:dyDescent="0.2">
      <c r="B1611" s="77"/>
      <c r="C1611" s="40" t="s">
        <v>57</v>
      </c>
      <c r="D1611" s="48">
        <v>798</v>
      </c>
      <c r="E1611" s="49">
        <v>1</v>
      </c>
      <c r="F1611" s="49">
        <v>7.1</v>
      </c>
      <c r="G1611" s="49">
        <v>63.8</v>
      </c>
      <c r="H1611" s="49">
        <v>13.7</v>
      </c>
      <c r="I1611" s="49">
        <v>5</v>
      </c>
      <c r="J1611" s="49">
        <v>9.4</v>
      </c>
      <c r="K1611" s="49">
        <v>-8</v>
      </c>
      <c r="L1611" s="60">
        <v>0</v>
      </c>
    </row>
    <row r="1612" spans="2:25" x14ac:dyDescent="0.2">
      <c r="B1612" s="7" t="s">
        <v>71</v>
      </c>
      <c r="C1612" s="4" t="s">
        <v>113</v>
      </c>
    </row>
    <row r="1613" spans="2:25" x14ac:dyDescent="0.2">
      <c r="B1613" s="4"/>
      <c r="C1613" s="4" t="s">
        <v>73</v>
      </c>
    </row>
    <row r="1615" spans="2:25" x14ac:dyDescent="0.2">
      <c r="C1615" t="s">
        <v>35</v>
      </c>
    </row>
    <row r="1616" spans="2:25" x14ac:dyDescent="0.2">
      <c r="B1616" s="75" t="s">
        <v>287</v>
      </c>
      <c r="C1616" s="76"/>
      <c r="D1616" s="76"/>
      <c r="E1616" s="76"/>
      <c r="F1616" s="76"/>
      <c r="G1616" s="76"/>
      <c r="H1616" s="76"/>
      <c r="I1616" s="76"/>
      <c r="J1616" s="76"/>
      <c r="K1616" s="76"/>
      <c r="L1616" s="76"/>
      <c r="M1616" s="76"/>
      <c r="N1616" s="76"/>
      <c r="O1616" s="76"/>
      <c r="P1616" s="76"/>
      <c r="Q1616" s="76"/>
      <c r="R1616" s="76"/>
      <c r="S1616" s="76"/>
      <c r="T1616" s="76"/>
      <c r="U1616" s="76"/>
      <c r="V1616" s="76"/>
      <c r="W1616" s="76"/>
      <c r="X1616" s="76"/>
      <c r="Y1616" s="76"/>
    </row>
    <row r="1617" spans="1:13" s="32" customFormat="1" ht="47.25" customHeight="1" x14ac:dyDescent="0.15">
      <c r="A1617" s="31"/>
      <c r="D1617" s="33" t="s">
        <v>378</v>
      </c>
      <c r="E1617" s="36" t="s">
        <v>533</v>
      </c>
      <c r="F1617" s="55" t="s">
        <v>534</v>
      </c>
      <c r="G1617" s="55" t="s">
        <v>521</v>
      </c>
      <c r="H1617" s="55" t="s">
        <v>535</v>
      </c>
      <c r="I1617" s="55" t="s">
        <v>536</v>
      </c>
      <c r="J1617" s="55" t="s">
        <v>480</v>
      </c>
      <c r="K1617" s="56" t="s">
        <v>387</v>
      </c>
      <c r="L1617" s="57" t="s">
        <v>388</v>
      </c>
      <c r="M1617" s="54" t="s">
        <v>381</v>
      </c>
    </row>
    <row r="1618" spans="1:13" ht="21.6" x14ac:dyDescent="0.2">
      <c r="B1618" s="77" t="s">
        <v>37</v>
      </c>
      <c r="C1618" s="38" t="s">
        <v>58</v>
      </c>
      <c r="D1618" s="51">
        <v>609</v>
      </c>
      <c r="E1618" s="52">
        <v>2.1</v>
      </c>
      <c r="F1618" s="52">
        <v>11.2</v>
      </c>
      <c r="G1618" s="52">
        <v>47.5</v>
      </c>
      <c r="H1618" s="52">
        <v>17.7</v>
      </c>
      <c r="I1618" s="52">
        <v>7.2</v>
      </c>
      <c r="J1618" s="52">
        <v>14.3</v>
      </c>
      <c r="K1618" s="52">
        <v>-9.8000000000000007</v>
      </c>
      <c r="L1618" s="61">
        <v>0</v>
      </c>
    </row>
    <row r="1619" spans="1:13" ht="21.6" x14ac:dyDescent="0.2">
      <c r="B1619" s="77"/>
      <c r="C1619" s="39" t="s">
        <v>59</v>
      </c>
      <c r="D1619" s="45">
        <v>1391</v>
      </c>
      <c r="E1619" s="46">
        <v>1.2</v>
      </c>
      <c r="F1619" s="46">
        <v>7.5</v>
      </c>
      <c r="G1619" s="46">
        <v>57</v>
      </c>
      <c r="H1619" s="46">
        <v>12.6</v>
      </c>
      <c r="I1619" s="46">
        <v>4.2</v>
      </c>
      <c r="J1619" s="46">
        <v>17.399999999999999</v>
      </c>
      <c r="K1619" s="46">
        <v>-6.7</v>
      </c>
      <c r="L1619" s="59">
        <v>0</v>
      </c>
    </row>
    <row r="1620" spans="1:13" x14ac:dyDescent="0.2">
      <c r="B1620" s="77"/>
      <c r="C1620" s="39" t="s">
        <v>60</v>
      </c>
      <c r="D1620" s="45">
        <v>1325</v>
      </c>
      <c r="E1620" s="46">
        <v>1.6</v>
      </c>
      <c r="F1620" s="46">
        <v>8.3000000000000007</v>
      </c>
      <c r="G1620" s="46">
        <v>54.4</v>
      </c>
      <c r="H1620" s="46">
        <v>14.3</v>
      </c>
      <c r="I1620" s="46">
        <v>5.7</v>
      </c>
      <c r="J1620" s="46">
        <v>15.7</v>
      </c>
      <c r="K1620" s="46">
        <v>-8.4</v>
      </c>
      <c r="L1620" s="59">
        <v>0</v>
      </c>
    </row>
    <row r="1621" spans="1:13" x14ac:dyDescent="0.2">
      <c r="B1621" s="77"/>
      <c r="C1621" s="39" t="s">
        <v>61</v>
      </c>
      <c r="D1621" s="45">
        <v>675</v>
      </c>
      <c r="E1621" s="46">
        <v>1.3</v>
      </c>
      <c r="F1621" s="46">
        <v>9.3000000000000007</v>
      </c>
      <c r="G1621" s="46">
        <v>53.5</v>
      </c>
      <c r="H1621" s="46">
        <v>13.8</v>
      </c>
      <c r="I1621" s="46">
        <v>4.0999999999999996</v>
      </c>
      <c r="J1621" s="46">
        <v>17.899999999999999</v>
      </c>
      <c r="K1621" s="46">
        <v>-6.1</v>
      </c>
      <c r="L1621" s="59">
        <v>0</v>
      </c>
    </row>
    <row r="1622" spans="1:13" x14ac:dyDescent="0.2">
      <c r="B1622" s="77"/>
      <c r="C1622" s="39" t="s">
        <v>62</v>
      </c>
      <c r="D1622" s="45">
        <v>1086</v>
      </c>
      <c r="E1622" s="46">
        <v>2.2000000000000002</v>
      </c>
      <c r="F1622" s="46">
        <v>7.7</v>
      </c>
      <c r="G1622" s="46">
        <v>58</v>
      </c>
      <c r="H1622" s="46">
        <v>13.8</v>
      </c>
      <c r="I1622" s="46">
        <v>5.0999999999999996</v>
      </c>
      <c r="J1622" s="46">
        <v>13.2</v>
      </c>
      <c r="K1622" s="46">
        <v>-6.8</v>
      </c>
      <c r="L1622" s="59">
        <v>0</v>
      </c>
    </row>
    <row r="1623" spans="1:13" ht="21.6" x14ac:dyDescent="0.2">
      <c r="B1623" s="77"/>
      <c r="C1623" s="39" t="s">
        <v>63</v>
      </c>
      <c r="D1623" s="45">
        <v>203</v>
      </c>
      <c r="E1623" s="46">
        <v>4.4000000000000004</v>
      </c>
      <c r="F1623" s="46">
        <v>7.9</v>
      </c>
      <c r="G1623" s="46">
        <v>52.7</v>
      </c>
      <c r="H1623" s="46">
        <v>13.3</v>
      </c>
      <c r="I1623" s="46">
        <v>2</v>
      </c>
      <c r="J1623" s="46">
        <v>19.7</v>
      </c>
      <c r="K1623" s="46">
        <v>-0.3</v>
      </c>
      <c r="L1623" s="59">
        <v>0</v>
      </c>
    </row>
    <row r="1624" spans="1:13" x14ac:dyDescent="0.2">
      <c r="B1624" s="77"/>
      <c r="C1624" s="39" t="s">
        <v>64</v>
      </c>
      <c r="D1624" s="45">
        <v>263</v>
      </c>
      <c r="E1624" s="46">
        <v>3</v>
      </c>
      <c r="F1624" s="46">
        <v>9.9</v>
      </c>
      <c r="G1624" s="46">
        <v>53.6</v>
      </c>
      <c r="H1624" s="46">
        <v>17.100000000000001</v>
      </c>
      <c r="I1624" s="46">
        <v>6.5</v>
      </c>
      <c r="J1624" s="46">
        <v>9.9</v>
      </c>
      <c r="K1624" s="46">
        <v>-7.8</v>
      </c>
      <c r="L1624" s="59">
        <v>0</v>
      </c>
    </row>
    <row r="1625" spans="1:13" x14ac:dyDescent="0.2">
      <c r="B1625" s="77"/>
      <c r="C1625" s="39" t="s">
        <v>65</v>
      </c>
      <c r="D1625" s="45">
        <v>312</v>
      </c>
      <c r="E1625" s="46">
        <v>1.3</v>
      </c>
      <c r="F1625" s="46">
        <v>7.1</v>
      </c>
      <c r="G1625" s="46">
        <v>60.6</v>
      </c>
      <c r="H1625" s="46">
        <v>14.1</v>
      </c>
      <c r="I1625" s="46">
        <v>5.0999999999999996</v>
      </c>
      <c r="J1625" s="46">
        <v>11.9</v>
      </c>
      <c r="K1625" s="46">
        <v>-8.4</v>
      </c>
      <c r="L1625" s="59">
        <v>0</v>
      </c>
    </row>
    <row r="1626" spans="1:13" x14ac:dyDescent="0.2">
      <c r="B1626" s="77"/>
      <c r="C1626" s="39" t="s">
        <v>66</v>
      </c>
      <c r="D1626" s="45">
        <v>230</v>
      </c>
      <c r="E1626" s="46">
        <v>1.3</v>
      </c>
      <c r="F1626" s="46">
        <v>3.9</v>
      </c>
      <c r="G1626" s="46">
        <v>63</v>
      </c>
      <c r="H1626" s="46">
        <v>11.7</v>
      </c>
      <c r="I1626" s="46">
        <v>6.5</v>
      </c>
      <c r="J1626" s="46">
        <v>13.5</v>
      </c>
      <c r="K1626" s="46">
        <v>-10.6</v>
      </c>
      <c r="L1626" s="59">
        <v>0</v>
      </c>
    </row>
    <row r="1627" spans="1:13" x14ac:dyDescent="0.2">
      <c r="B1627" s="77"/>
      <c r="C1627" s="39" t="s">
        <v>67</v>
      </c>
      <c r="D1627" s="45">
        <v>78</v>
      </c>
      <c r="E1627" s="46">
        <v>0</v>
      </c>
      <c r="F1627" s="46">
        <v>14.1</v>
      </c>
      <c r="G1627" s="46">
        <v>61.5</v>
      </c>
      <c r="H1627" s="46">
        <v>9</v>
      </c>
      <c r="I1627" s="46">
        <v>3.8</v>
      </c>
      <c r="J1627" s="46">
        <v>11.5</v>
      </c>
      <c r="K1627" s="46">
        <v>-1.4</v>
      </c>
      <c r="L1627" s="59">
        <v>0</v>
      </c>
    </row>
    <row r="1628" spans="1:13" x14ac:dyDescent="0.2">
      <c r="B1628" s="77"/>
      <c r="C1628" s="39" t="s">
        <v>68</v>
      </c>
      <c r="D1628" s="45">
        <v>897</v>
      </c>
      <c r="E1628" s="46">
        <v>2.2999999999999998</v>
      </c>
      <c r="F1628" s="46">
        <v>7.5</v>
      </c>
      <c r="G1628" s="46">
        <v>60.3</v>
      </c>
      <c r="H1628" s="46">
        <v>13.9</v>
      </c>
      <c r="I1628" s="46">
        <v>5.6</v>
      </c>
      <c r="J1628" s="46">
        <v>10.4</v>
      </c>
      <c r="K1628" s="46">
        <v>-7.2</v>
      </c>
      <c r="L1628" s="59">
        <v>0</v>
      </c>
    </row>
    <row r="1629" spans="1:13" x14ac:dyDescent="0.2">
      <c r="B1629" s="77"/>
      <c r="C1629" s="39" t="s">
        <v>69</v>
      </c>
      <c r="D1629" s="45">
        <v>189</v>
      </c>
      <c r="E1629" s="46">
        <v>1.6</v>
      </c>
      <c r="F1629" s="46">
        <v>9</v>
      </c>
      <c r="G1629" s="46">
        <v>47.1</v>
      </c>
      <c r="H1629" s="46">
        <v>13.2</v>
      </c>
      <c r="I1629" s="46">
        <v>2.6</v>
      </c>
      <c r="J1629" s="46">
        <v>26.5</v>
      </c>
      <c r="K1629" s="46">
        <v>-4.3</v>
      </c>
      <c r="L1629" s="59">
        <v>0</v>
      </c>
    </row>
    <row r="1630" spans="1:13" x14ac:dyDescent="0.2">
      <c r="B1630" s="77"/>
      <c r="C1630" s="39" t="s">
        <v>70</v>
      </c>
      <c r="D1630" s="45">
        <v>914</v>
      </c>
      <c r="E1630" s="46">
        <v>0.7</v>
      </c>
      <c r="F1630" s="46">
        <v>9.6999999999999993</v>
      </c>
      <c r="G1630" s="46">
        <v>49.5</v>
      </c>
      <c r="H1630" s="46">
        <v>14.6</v>
      </c>
      <c r="I1630" s="46">
        <v>5.3</v>
      </c>
      <c r="J1630" s="46">
        <v>20.399999999999999</v>
      </c>
      <c r="K1630" s="46">
        <v>-8.8000000000000007</v>
      </c>
      <c r="L1630" s="59">
        <v>0</v>
      </c>
    </row>
    <row r="1631" spans="1:13" ht="21.6" x14ac:dyDescent="0.2">
      <c r="B1631" s="77"/>
      <c r="C1631" s="39" t="s">
        <v>63</v>
      </c>
      <c r="D1631" s="45">
        <v>193</v>
      </c>
      <c r="E1631" s="46">
        <v>0.5</v>
      </c>
      <c r="F1631" s="46">
        <v>14</v>
      </c>
      <c r="G1631" s="46">
        <v>38.299999999999997</v>
      </c>
      <c r="H1631" s="46">
        <v>13.5</v>
      </c>
      <c r="I1631" s="46">
        <v>5.2</v>
      </c>
      <c r="J1631" s="46">
        <v>28.5</v>
      </c>
      <c r="K1631" s="46">
        <v>-6.2</v>
      </c>
      <c r="L1631" s="59">
        <v>0</v>
      </c>
    </row>
    <row r="1632" spans="1:13" x14ac:dyDescent="0.2">
      <c r="B1632" s="77"/>
      <c r="C1632" s="39" t="s">
        <v>64</v>
      </c>
      <c r="D1632" s="45">
        <v>203</v>
      </c>
      <c r="E1632" s="46">
        <v>0</v>
      </c>
      <c r="F1632" s="46">
        <v>9.4</v>
      </c>
      <c r="G1632" s="46">
        <v>47.8</v>
      </c>
      <c r="H1632" s="46">
        <v>18.7</v>
      </c>
      <c r="I1632" s="46">
        <v>4.9000000000000004</v>
      </c>
      <c r="J1632" s="46">
        <v>19.2</v>
      </c>
      <c r="K1632" s="46">
        <v>-11.9</v>
      </c>
      <c r="L1632" s="59">
        <v>0</v>
      </c>
    </row>
    <row r="1633" spans="1:25" x14ac:dyDescent="0.2">
      <c r="B1633" s="77"/>
      <c r="C1633" s="39" t="s">
        <v>65</v>
      </c>
      <c r="D1633" s="45">
        <v>263</v>
      </c>
      <c r="E1633" s="46">
        <v>0.8</v>
      </c>
      <c r="F1633" s="46">
        <v>9.5</v>
      </c>
      <c r="G1633" s="46">
        <v>51</v>
      </c>
      <c r="H1633" s="46">
        <v>13.7</v>
      </c>
      <c r="I1633" s="46">
        <v>6.1</v>
      </c>
      <c r="J1633" s="46">
        <v>19</v>
      </c>
      <c r="K1633" s="46">
        <v>-9.1999999999999993</v>
      </c>
      <c r="L1633" s="59">
        <v>0</v>
      </c>
    </row>
    <row r="1634" spans="1:25" x14ac:dyDescent="0.2">
      <c r="B1634" s="77"/>
      <c r="C1634" s="39" t="s">
        <v>66</v>
      </c>
      <c r="D1634" s="45">
        <v>194</v>
      </c>
      <c r="E1634" s="46">
        <v>0.5</v>
      </c>
      <c r="F1634" s="46">
        <v>8.1999999999999993</v>
      </c>
      <c r="G1634" s="46">
        <v>57.7</v>
      </c>
      <c r="H1634" s="46">
        <v>12.4</v>
      </c>
      <c r="I1634" s="46">
        <v>5.2</v>
      </c>
      <c r="J1634" s="46">
        <v>16</v>
      </c>
      <c r="K1634" s="46">
        <v>-8</v>
      </c>
      <c r="L1634" s="59">
        <v>0</v>
      </c>
    </row>
    <row r="1635" spans="1:25" x14ac:dyDescent="0.2">
      <c r="B1635" s="77"/>
      <c r="C1635" s="39" t="s">
        <v>67</v>
      </c>
      <c r="D1635" s="45">
        <v>61</v>
      </c>
      <c r="E1635" s="46">
        <v>3.3</v>
      </c>
      <c r="F1635" s="46">
        <v>3.3</v>
      </c>
      <c r="G1635" s="46">
        <v>57.4</v>
      </c>
      <c r="H1635" s="46">
        <v>14.8</v>
      </c>
      <c r="I1635" s="46">
        <v>3.3</v>
      </c>
      <c r="J1635" s="46">
        <v>18</v>
      </c>
      <c r="K1635" s="46">
        <v>-7</v>
      </c>
      <c r="L1635" s="59">
        <v>0</v>
      </c>
    </row>
    <row r="1636" spans="1:25" x14ac:dyDescent="0.2">
      <c r="B1636" s="77"/>
      <c r="C1636" s="39" t="s">
        <v>68</v>
      </c>
      <c r="D1636" s="45">
        <v>416</v>
      </c>
      <c r="E1636" s="46">
        <v>0.7</v>
      </c>
      <c r="F1636" s="46">
        <v>8.1999999999999993</v>
      </c>
      <c r="G1636" s="46">
        <v>52.9</v>
      </c>
      <c r="H1636" s="46">
        <v>13.9</v>
      </c>
      <c r="I1636" s="46">
        <v>5.5</v>
      </c>
      <c r="J1636" s="46">
        <v>18.8</v>
      </c>
      <c r="K1636" s="46">
        <v>-9.5</v>
      </c>
      <c r="L1636" s="59">
        <v>0</v>
      </c>
    </row>
    <row r="1637" spans="1:25" x14ac:dyDescent="0.2">
      <c r="B1637" s="77"/>
      <c r="C1637" s="40" t="s">
        <v>69</v>
      </c>
      <c r="D1637" s="48">
        <v>498</v>
      </c>
      <c r="E1637" s="49">
        <v>0.6</v>
      </c>
      <c r="F1637" s="49">
        <v>11</v>
      </c>
      <c r="G1637" s="49">
        <v>46.6</v>
      </c>
      <c r="H1637" s="49">
        <v>15.1</v>
      </c>
      <c r="I1637" s="49">
        <v>5</v>
      </c>
      <c r="J1637" s="49">
        <v>21.7</v>
      </c>
      <c r="K1637" s="49">
        <v>-8.1999999999999993</v>
      </c>
      <c r="L1637" s="60">
        <v>0</v>
      </c>
    </row>
    <row r="1638" spans="1:25" x14ac:dyDescent="0.2">
      <c r="B1638" s="7" t="s">
        <v>71</v>
      </c>
      <c r="C1638" s="4" t="s">
        <v>113</v>
      </c>
    </row>
    <row r="1639" spans="1:25" x14ac:dyDescent="0.2">
      <c r="B1639" s="4"/>
      <c r="C1639" s="4" t="s">
        <v>73</v>
      </c>
    </row>
    <row r="1641" spans="1:25" x14ac:dyDescent="0.2">
      <c r="A1641" s="26" t="s">
        <v>25</v>
      </c>
      <c r="B1641" t="s">
        <v>35</v>
      </c>
      <c r="C1641" t="s">
        <v>35</v>
      </c>
    </row>
    <row r="1642" spans="1:25" x14ac:dyDescent="0.2">
      <c r="B1642" s="75" t="s">
        <v>114</v>
      </c>
      <c r="C1642" s="76"/>
      <c r="D1642" s="76"/>
      <c r="E1642" s="76"/>
      <c r="F1642" s="76"/>
      <c r="G1642" s="76"/>
      <c r="H1642" s="76"/>
      <c r="I1642" s="76"/>
      <c r="J1642" s="76"/>
      <c r="K1642" s="76"/>
      <c r="L1642" s="76"/>
      <c r="M1642" s="76"/>
      <c r="N1642" s="76"/>
      <c r="O1642" s="76"/>
      <c r="P1642" s="76"/>
      <c r="Q1642" s="76"/>
      <c r="R1642" s="76"/>
      <c r="S1642" s="76"/>
      <c r="T1642" s="76"/>
      <c r="U1642" s="76"/>
      <c r="V1642" s="76"/>
      <c r="W1642" s="76"/>
      <c r="X1642" s="76"/>
      <c r="Y1642" s="76"/>
    </row>
    <row r="1643" spans="1:25" s="32" customFormat="1" ht="36.450000000000003" customHeight="1" x14ac:dyDescent="0.15">
      <c r="A1643" s="31"/>
      <c r="D1643" s="33" t="s">
        <v>378</v>
      </c>
      <c r="E1643" s="36" t="s">
        <v>537</v>
      </c>
      <c r="F1643" s="55" t="s">
        <v>525</v>
      </c>
      <c r="G1643" s="55" t="s">
        <v>538</v>
      </c>
      <c r="H1643" s="37" t="s">
        <v>480</v>
      </c>
      <c r="I1643" s="35" t="s">
        <v>381</v>
      </c>
    </row>
    <row r="1644" spans="1:25" x14ac:dyDescent="0.2">
      <c r="B1644" s="5"/>
      <c r="C1644" s="41" t="s">
        <v>38</v>
      </c>
      <c r="D1644" s="42">
        <v>2000</v>
      </c>
      <c r="E1644" s="43">
        <v>11.2</v>
      </c>
      <c r="F1644" s="43">
        <v>54.9</v>
      </c>
      <c r="G1644" s="43">
        <v>18.3</v>
      </c>
      <c r="H1644" s="44">
        <v>15.7</v>
      </c>
    </row>
    <row r="1645" spans="1:25" x14ac:dyDescent="0.2">
      <c r="B1645" s="77" t="s">
        <v>37</v>
      </c>
      <c r="C1645" s="39" t="s">
        <v>39</v>
      </c>
      <c r="D1645" s="45">
        <v>111</v>
      </c>
      <c r="E1645" s="46">
        <v>18.899999999999999</v>
      </c>
      <c r="F1645" s="46">
        <v>56.8</v>
      </c>
      <c r="G1645" s="46">
        <v>18</v>
      </c>
      <c r="H1645" s="47">
        <v>6.3</v>
      </c>
    </row>
    <row r="1646" spans="1:25" x14ac:dyDescent="0.2">
      <c r="B1646" s="77"/>
      <c r="C1646" s="39" t="s">
        <v>40</v>
      </c>
      <c r="D1646" s="45">
        <v>450</v>
      </c>
      <c r="E1646" s="46">
        <v>10.4</v>
      </c>
      <c r="F1646" s="46">
        <v>59.1</v>
      </c>
      <c r="G1646" s="46">
        <v>19.3</v>
      </c>
      <c r="H1646" s="47">
        <v>11.1</v>
      </c>
    </row>
    <row r="1647" spans="1:25" ht="21.6" x14ac:dyDescent="0.2">
      <c r="B1647" s="77"/>
      <c r="C1647" s="39" t="s">
        <v>41</v>
      </c>
      <c r="D1647" s="45">
        <v>30</v>
      </c>
      <c r="E1647" s="46">
        <v>16.7</v>
      </c>
      <c r="F1647" s="46">
        <v>50</v>
      </c>
      <c r="G1647" s="46">
        <v>13.3</v>
      </c>
      <c r="H1647" s="47">
        <v>20</v>
      </c>
    </row>
    <row r="1648" spans="1:25" ht="21.6" x14ac:dyDescent="0.2">
      <c r="B1648" s="77"/>
      <c r="C1648" s="39" t="s">
        <v>42</v>
      </c>
      <c r="D1648" s="45">
        <v>336</v>
      </c>
      <c r="E1648" s="46">
        <v>17</v>
      </c>
      <c r="F1648" s="46">
        <v>52.7</v>
      </c>
      <c r="G1648" s="46">
        <v>14</v>
      </c>
      <c r="H1648" s="47">
        <v>16.399999999999999</v>
      </c>
    </row>
    <row r="1649" spans="2:8" ht="21.6" x14ac:dyDescent="0.2">
      <c r="B1649" s="77"/>
      <c r="C1649" s="39" t="s">
        <v>43</v>
      </c>
      <c r="D1649" s="45">
        <v>327</v>
      </c>
      <c r="E1649" s="46">
        <v>6.1</v>
      </c>
      <c r="F1649" s="46">
        <v>55</v>
      </c>
      <c r="G1649" s="46">
        <v>20.5</v>
      </c>
      <c r="H1649" s="47">
        <v>18.3</v>
      </c>
    </row>
    <row r="1650" spans="2:8" ht="21.6" x14ac:dyDescent="0.2">
      <c r="B1650" s="77"/>
      <c r="C1650" s="39" t="s">
        <v>44</v>
      </c>
      <c r="D1650" s="45">
        <v>181</v>
      </c>
      <c r="E1650" s="46">
        <v>6.6</v>
      </c>
      <c r="F1650" s="46">
        <v>58</v>
      </c>
      <c r="G1650" s="46">
        <v>21.5</v>
      </c>
      <c r="H1650" s="47">
        <v>13.8</v>
      </c>
    </row>
    <row r="1651" spans="2:8" ht="21.6" x14ac:dyDescent="0.2">
      <c r="B1651" s="77"/>
      <c r="C1651" s="39" t="s">
        <v>45</v>
      </c>
      <c r="D1651" s="45">
        <v>565</v>
      </c>
      <c r="E1651" s="46">
        <v>11</v>
      </c>
      <c r="F1651" s="46">
        <v>51.7</v>
      </c>
      <c r="G1651" s="46">
        <v>17.899999999999999</v>
      </c>
      <c r="H1651" s="47">
        <v>19.5</v>
      </c>
    </row>
    <row r="1652" spans="2:8" ht="21.6" x14ac:dyDescent="0.2">
      <c r="B1652" s="77"/>
      <c r="C1652" s="39" t="s">
        <v>46</v>
      </c>
      <c r="D1652" s="45">
        <v>473</v>
      </c>
      <c r="E1652" s="46">
        <v>11</v>
      </c>
      <c r="F1652" s="46">
        <v>46.1</v>
      </c>
      <c r="G1652" s="46">
        <v>18.600000000000001</v>
      </c>
      <c r="H1652" s="47">
        <v>24.3</v>
      </c>
    </row>
    <row r="1653" spans="2:8" ht="21.6" x14ac:dyDescent="0.2">
      <c r="B1653" s="77"/>
      <c r="C1653" s="39" t="s">
        <v>47</v>
      </c>
      <c r="D1653" s="45">
        <v>441</v>
      </c>
      <c r="E1653" s="46">
        <v>11.6</v>
      </c>
      <c r="F1653" s="46">
        <v>60.1</v>
      </c>
      <c r="G1653" s="46">
        <v>17</v>
      </c>
      <c r="H1653" s="47">
        <v>11.3</v>
      </c>
    </row>
    <row r="1654" spans="2:8" ht="21.6" x14ac:dyDescent="0.2">
      <c r="B1654" s="77"/>
      <c r="C1654" s="39" t="s">
        <v>48</v>
      </c>
      <c r="D1654" s="45">
        <v>305</v>
      </c>
      <c r="E1654" s="46">
        <v>10.199999999999999</v>
      </c>
      <c r="F1654" s="46">
        <v>59.7</v>
      </c>
      <c r="G1654" s="46">
        <v>22</v>
      </c>
      <c r="H1654" s="47">
        <v>8.1999999999999993</v>
      </c>
    </row>
    <row r="1655" spans="2:8" ht="21.6" x14ac:dyDescent="0.2">
      <c r="B1655" s="77"/>
      <c r="C1655" s="39" t="s">
        <v>49</v>
      </c>
      <c r="D1655" s="45">
        <v>223</v>
      </c>
      <c r="E1655" s="46">
        <v>13.5</v>
      </c>
      <c r="F1655" s="46">
        <v>57.8</v>
      </c>
      <c r="G1655" s="46">
        <v>20.2</v>
      </c>
      <c r="H1655" s="47">
        <v>8.5</v>
      </c>
    </row>
    <row r="1656" spans="2:8" ht="21.6" x14ac:dyDescent="0.2">
      <c r="B1656" s="77"/>
      <c r="C1656" s="39" t="s">
        <v>50</v>
      </c>
      <c r="D1656" s="45">
        <v>123</v>
      </c>
      <c r="E1656" s="46">
        <v>14.6</v>
      </c>
      <c r="F1656" s="46">
        <v>55.3</v>
      </c>
      <c r="G1656" s="46">
        <v>23.6</v>
      </c>
      <c r="H1656" s="47">
        <v>6.5</v>
      </c>
    </row>
    <row r="1657" spans="2:8" ht="21.6" x14ac:dyDescent="0.2">
      <c r="B1657" s="77"/>
      <c r="C1657" s="39" t="s">
        <v>51</v>
      </c>
      <c r="D1657" s="45">
        <v>124</v>
      </c>
      <c r="E1657" s="46">
        <v>12.9</v>
      </c>
      <c r="F1657" s="46">
        <v>62.9</v>
      </c>
      <c r="G1657" s="46">
        <v>12.9</v>
      </c>
      <c r="H1657" s="47">
        <v>11.3</v>
      </c>
    </row>
    <row r="1658" spans="2:8" ht="21.6" x14ac:dyDescent="0.2">
      <c r="B1658" s="77"/>
      <c r="C1658" s="39" t="s">
        <v>52</v>
      </c>
      <c r="D1658" s="45">
        <v>312</v>
      </c>
      <c r="E1658" s="46">
        <v>8</v>
      </c>
      <c r="F1658" s="46">
        <v>70.8</v>
      </c>
      <c r="G1658" s="46">
        <v>14.1</v>
      </c>
      <c r="H1658" s="47">
        <v>7.1</v>
      </c>
    </row>
    <row r="1659" spans="2:8" x14ac:dyDescent="0.2">
      <c r="B1659" s="77"/>
      <c r="C1659" s="39" t="s">
        <v>53</v>
      </c>
      <c r="D1659" s="45">
        <v>269</v>
      </c>
      <c r="E1659" s="46">
        <v>11.9</v>
      </c>
      <c r="F1659" s="46">
        <v>59.5</v>
      </c>
      <c r="G1659" s="46">
        <v>19.7</v>
      </c>
      <c r="H1659" s="47">
        <v>8.9</v>
      </c>
    </row>
    <row r="1660" spans="2:8" ht="21.6" x14ac:dyDescent="0.2">
      <c r="B1660" s="77"/>
      <c r="C1660" s="39" t="s">
        <v>54</v>
      </c>
      <c r="D1660" s="45">
        <v>511</v>
      </c>
      <c r="E1660" s="46">
        <v>14.5</v>
      </c>
      <c r="F1660" s="46">
        <v>55</v>
      </c>
      <c r="G1660" s="46">
        <v>23.1</v>
      </c>
      <c r="H1660" s="47">
        <v>7.4</v>
      </c>
    </row>
    <row r="1661" spans="2:8" ht="21.6" x14ac:dyDescent="0.2">
      <c r="B1661" s="77"/>
      <c r="C1661" s="39" t="s">
        <v>55</v>
      </c>
      <c r="D1661" s="45">
        <v>615</v>
      </c>
      <c r="E1661" s="46">
        <v>13.2</v>
      </c>
      <c r="F1661" s="46">
        <v>52.4</v>
      </c>
      <c r="G1661" s="46">
        <v>20</v>
      </c>
      <c r="H1661" s="47">
        <v>14.5</v>
      </c>
    </row>
    <row r="1662" spans="2:8" ht="21.6" x14ac:dyDescent="0.2">
      <c r="B1662" s="77"/>
      <c r="C1662" s="39" t="s">
        <v>56</v>
      </c>
      <c r="D1662" s="45">
        <v>800</v>
      </c>
      <c r="E1662" s="46">
        <v>13.3</v>
      </c>
      <c r="F1662" s="46">
        <v>52.1</v>
      </c>
      <c r="G1662" s="46">
        <v>21.8</v>
      </c>
      <c r="H1662" s="47">
        <v>12.9</v>
      </c>
    </row>
    <row r="1663" spans="2:8" x14ac:dyDescent="0.2">
      <c r="B1663" s="77"/>
      <c r="C1663" s="40" t="s">
        <v>57</v>
      </c>
      <c r="D1663" s="48">
        <v>798</v>
      </c>
      <c r="E1663" s="49">
        <v>11.8</v>
      </c>
      <c r="F1663" s="49">
        <v>60.9</v>
      </c>
      <c r="G1663" s="49">
        <v>19.3</v>
      </c>
      <c r="H1663" s="50">
        <v>8</v>
      </c>
    </row>
    <row r="1665" spans="1:25" x14ac:dyDescent="0.2">
      <c r="C1665" t="s">
        <v>35</v>
      </c>
    </row>
    <row r="1666" spans="1:25" x14ac:dyDescent="0.2">
      <c r="B1666" s="75" t="s">
        <v>288</v>
      </c>
      <c r="C1666" s="76"/>
      <c r="D1666" s="76"/>
      <c r="E1666" s="76"/>
      <c r="F1666" s="76"/>
      <c r="G1666" s="76"/>
      <c r="H1666" s="76"/>
      <c r="I1666" s="76"/>
      <c r="J1666" s="76"/>
      <c r="K1666" s="76"/>
      <c r="L1666" s="76"/>
      <c r="M1666" s="76"/>
      <c r="N1666" s="76"/>
      <c r="O1666" s="76"/>
      <c r="P1666" s="76"/>
      <c r="Q1666" s="76"/>
      <c r="R1666" s="76"/>
      <c r="S1666" s="76"/>
      <c r="T1666" s="76"/>
      <c r="U1666" s="76"/>
      <c r="V1666" s="76"/>
      <c r="W1666" s="76"/>
      <c r="X1666" s="76"/>
      <c r="Y1666" s="76"/>
    </row>
    <row r="1667" spans="1:25" s="32" customFormat="1" ht="36.450000000000003" customHeight="1" x14ac:dyDescent="0.15">
      <c r="A1667" s="31"/>
      <c r="D1667" s="33" t="s">
        <v>378</v>
      </c>
      <c r="E1667" s="36" t="s">
        <v>537</v>
      </c>
      <c r="F1667" s="55" t="s">
        <v>525</v>
      </c>
      <c r="G1667" s="55" t="s">
        <v>538</v>
      </c>
      <c r="H1667" s="37" t="s">
        <v>480</v>
      </c>
      <c r="I1667" s="35" t="s">
        <v>381</v>
      </c>
    </row>
    <row r="1668" spans="1:25" ht="21.6" x14ac:dyDescent="0.2">
      <c r="B1668" s="77" t="s">
        <v>37</v>
      </c>
      <c r="C1668" s="38" t="s">
        <v>58</v>
      </c>
      <c r="D1668" s="51">
        <v>609</v>
      </c>
      <c r="E1668" s="52">
        <v>14.1</v>
      </c>
      <c r="F1668" s="52">
        <v>50.2</v>
      </c>
      <c r="G1668" s="52">
        <v>23.6</v>
      </c>
      <c r="H1668" s="53">
        <v>12</v>
      </c>
    </row>
    <row r="1669" spans="1:25" ht="21.6" x14ac:dyDescent="0.2">
      <c r="B1669" s="77"/>
      <c r="C1669" s="39" t="s">
        <v>59</v>
      </c>
      <c r="D1669" s="45">
        <v>1391</v>
      </c>
      <c r="E1669" s="46">
        <v>9.9</v>
      </c>
      <c r="F1669" s="46">
        <v>56.9</v>
      </c>
      <c r="G1669" s="46">
        <v>15.9</v>
      </c>
      <c r="H1669" s="47">
        <v>17.3</v>
      </c>
    </row>
    <row r="1670" spans="1:25" x14ac:dyDescent="0.2">
      <c r="B1670" s="77"/>
      <c r="C1670" s="39" t="s">
        <v>60</v>
      </c>
      <c r="D1670" s="45">
        <v>1325</v>
      </c>
      <c r="E1670" s="46">
        <v>11.6</v>
      </c>
      <c r="F1670" s="46">
        <v>55.2</v>
      </c>
      <c r="G1670" s="46">
        <v>18.100000000000001</v>
      </c>
      <c r="H1670" s="47">
        <v>15.1</v>
      </c>
    </row>
    <row r="1671" spans="1:25" x14ac:dyDescent="0.2">
      <c r="B1671" s="77"/>
      <c r="C1671" s="39" t="s">
        <v>61</v>
      </c>
      <c r="D1671" s="45">
        <v>675</v>
      </c>
      <c r="E1671" s="46">
        <v>10.4</v>
      </c>
      <c r="F1671" s="46">
        <v>54.4</v>
      </c>
      <c r="G1671" s="46">
        <v>18.5</v>
      </c>
      <c r="H1671" s="47">
        <v>16.7</v>
      </c>
    </row>
    <row r="1672" spans="1:25" x14ac:dyDescent="0.2">
      <c r="B1672" s="77"/>
      <c r="C1672" s="39" t="s">
        <v>62</v>
      </c>
      <c r="D1672" s="45">
        <v>1086</v>
      </c>
      <c r="E1672" s="46">
        <v>12.4</v>
      </c>
      <c r="F1672" s="46">
        <v>57.7</v>
      </c>
      <c r="G1672" s="46">
        <v>18.8</v>
      </c>
      <c r="H1672" s="47">
        <v>11</v>
      </c>
    </row>
    <row r="1673" spans="1:25" ht="21.6" x14ac:dyDescent="0.2">
      <c r="B1673" s="77"/>
      <c r="C1673" s="39" t="s">
        <v>63</v>
      </c>
      <c r="D1673" s="45">
        <v>203</v>
      </c>
      <c r="E1673" s="46">
        <v>13.3</v>
      </c>
      <c r="F1673" s="46">
        <v>51.2</v>
      </c>
      <c r="G1673" s="46">
        <v>16.3</v>
      </c>
      <c r="H1673" s="47">
        <v>19.2</v>
      </c>
    </row>
    <row r="1674" spans="1:25" x14ac:dyDescent="0.2">
      <c r="B1674" s="77"/>
      <c r="C1674" s="39" t="s">
        <v>64</v>
      </c>
      <c r="D1674" s="45">
        <v>263</v>
      </c>
      <c r="E1674" s="46">
        <v>17.5</v>
      </c>
      <c r="F1674" s="46">
        <v>53.6</v>
      </c>
      <c r="G1674" s="46">
        <v>20.2</v>
      </c>
      <c r="H1674" s="47">
        <v>8.6999999999999993</v>
      </c>
    </row>
    <row r="1675" spans="1:25" x14ac:dyDescent="0.2">
      <c r="B1675" s="77"/>
      <c r="C1675" s="39" t="s">
        <v>65</v>
      </c>
      <c r="D1675" s="45">
        <v>312</v>
      </c>
      <c r="E1675" s="46">
        <v>11.5</v>
      </c>
      <c r="F1675" s="46">
        <v>60.6</v>
      </c>
      <c r="G1675" s="46">
        <v>19.2</v>
      </c>
      <c r="H1675" s="47">
        <v>8.6999999999999993</v>
      </c>
    </row>
    <row r="1676" spans="1:25" x14ac:dyDescent="0.2">
      <c r="B1676" s="77"/>
      <c r="C1676" s="39" t="s">
        <v>66</v>
      </c>
      <c r="D1676" s="45">
        <v>230</v>
      </c>
      <c r="E1676" s="46">
        <v>7</v>
      </c>
      <c r="F1676" s="46">
        <v>63.9</v>
      </c>
      <c r="G1676" s="46">
        <v>19.600000000000001</v>
      </c>
      <c r="H1676" s="47">
        <v>9.6</v>
      </c>
    </row>
    <row r="1677" spans="1:25" x14ac:dyDescent="0.2">
      <c r="B1677" s="77"/>
      <c r="C1677" s="39" t="s">
        <v>67</v>
      </c>
      <c r="D1677" s="45">
        <v>78</v>
      </c>
      <c r="E1677" s="46">
        <v>12.8</v>
      </c>
      <c r="F1677" s="46">
        <v>59</v>
      </c>
      <c r="G1677" s="46">
        <v>16.7</v>
      </c>
      <c r="H1677" s="47">
        <v>11.5</v>
      </c>
    </row>
    <row r="1678" spans="1:25" x14ac:dyDescent="0.2">
      <c r="B1678" s="77"/>
      <c r="C1678" s="39" t="s">
        <v>68</v>
      </c>
      <c r="D1678" s="45">
        <v>897</v>
      </c>
      <c r="E1678" s="46">
        <v>13.8</v>
      </c>
      <c r="F1678" s="46">
        <v>59.2</v>
      </c>
      <c r="G1678" s="46">
        <v>20.100000000000001</v>
      </c>
      <c r="H1678" s="47">
        <v>6.9</v>
      </c>
    </row>
    <row r="1679" spans="1:25" x14ac:dyDescent="0.2">
      <c r="B1679" s="77"/>
      <c r="C1679" s="39" t="s">
        <v>69</v>
      </c>
      <c r="D1679" s="45">
        <v>189</v>
      </c>
      <c r="E1679" s="46">
        <v>5.8</v>
      </c>
      <c r="F1679" s="46">
        <v>50.8</v>
      </c>
      <c r="G1679" s="46">
        <v>12.7</v>
      </c>
      <c r="H1679" s="47">
        <v>30.7</v>
      </c>
    </row>
    <row r="1680" spans="1:25" x14ac:dyDescent="0.2">
      <c r="B1680" s="77"/>
      <c r="C1680" s="39" t="s">
        <v>70</v>
      </c>
      <c r="D1680" s="45">
        <v>914</v>
      </c>
      <c r="E1680" s="46">
        <v>9.6999999999999993</v>
      </c>
      <c r="F1680" s="46">
        <v>51.5</v>
      </c>
      <c r="G1680" s="46">
        <v>17.600000000000001</v>
      </c>
      <c r="H1680" s="47">
        <v>21.1</v>
      </c>
    </row>
    <row r="1681" spans="1:25" ht="21.6" x14ac:dyDescent="0.2">
      <c r="B1681" s="77"/>
      <c r="C1681" s="39" t="s">
        <v>63</v>
      </c>
      <c r="D1681" s="45">
        <v>193</v>
      </c>
      <c r="E1681" s="46">
        <v>17.600000000000001</v>
      </c>
      <c r="F1681" s="46">
        <v>38.299999999999997</v>
      </c>
      <c r="G1681" s="46">
        <v>16.100000000000001</v>
      </c>
      <c r="H1681" s="47">
        <v>28</v>
      </c>
    </row>
    <row r="1682" spans="1:25" x14ac:dyDescent="0.2">
      <c r="B1682" s="77"/>
      <c r="C1682" s="39" t="s">
        <v>64</v>
      </c>
      <c r="D1682" s="45">
        <v>203</v>
      </c>
      <c r="E1682" s="46">
        <v>7.9</v>
      </c>
      <c r="F1682" s="46">
        <v>50.7</v>
      </c>
      <c r="G1682" s="46">
        <v>19.2</v>
      </c>
      <c r="H1682" s="47">
        <v>22.2</v>
      </c>
    </row>
    <row r="1683" spans="1:25" x14ac:dyDescent="0.2">
      <c r="B1683" s="77"/>
      <c r="C1683" s="39" t="s">
        <v>65</v>
      </c>
      <c r="D1683" s="45">
        <v>263</v>
      </c>
      <c r="E1683" s="46">
        <v>8.6999999999999993</v>
      </c>
      <c r="F1683" s="46">
        <v>55.5</v>
      </c>
      <c r="G1683" s="46">
        <v>17.899999999999999</v>
      </c>
      <c r="H1683" s="47">
        <v>17.899999999999999</v>
      </c>
    </row>
    <row r="1684" spans="1:25" x14ac:dyDescent="0.2">
      <c r="B1684" s="77"/>
      <c r="C1684" s="39" t="s">
        <v>66</v>
      </c>
      <c r="D1684" s="45">
        <v>194</v>
      </c>
      <c r="E1684" s="46">
        <v>6.2</v>
      </c>
      <c r="F1684" s="46">
        <v>58.8</v>
      </c>
      <c r="G1684" s="46">
        <v>18</v>
      </c>
      <c r="H1684" s="47">
        <v>17</v>
      </c>
    </row>
    <row r="1685" spans="1:25" x14ac:dyDescent="0.2">
      <c r="B1685" s="77"/>
      <c r="C1685" s="39" t="s">
        <v>67</v>
      </c>
      <c r="D1685" s="45">
        <v>61</v>
      </c>
      <c r="E1685" s="46">
        <v>6.6</v>
      </c>
      <c r="F1685" s="46">
        <v>55.7</v>
      </c>
      <c r="G1685" s="46">
        <v>14.8</v>
      </c>
      <c r="H1685" s="47">
        <v>23</v>
      </c>
    </row>
    <row r="1686" spans="1:25" x14ac:dyDescent="0.2">
      <c r="B1686" s="77"/>
      <c r="C1686" s="39" t="s">
        <v>68</v>
      </c>
      <c r="D1686" s="45">
        <v>416</v>
      </c>
      <c r="E1686" s="46">
        <v>13.7</v>
      </c>
      <c r="F1686" s="46">
        <v>49.3</v>
      </c>
      <c r="G1686" s="46">
        <v>23.1</v>
      </c>
      <c r="H1686" s="47">
        <v>13.9</v>
      </c>
    </row>
    <row r="1687" spans="1:25" x14ac:dyDescent="0.2">
      <c r="B1687" s="77"/>
      <c r="C1687" s="40" t="s">
        <v>69</v>
      </c>
      <c r="D1687" s="48">
        <v>498</v>
      </c>
      <c r="E1687" s="49">
        <v>6.4</v>
      </c>
      <c r="F1687" s="49">
        <v>53.4</v>
      </c>
      <c r="G1687" s="49">
        <v>13.1</v>
      </c>
      <c r="H1687" s="50">
        <v>27.1</v>
      </c>
    </row>
    <row r="1689" spans="1:25" x14ac:dyDescent="0.2">
      <c r="A1689" s="26" t="s">
        <v>25</v>
      </c>
      <c r="B1689" t="s">
        <v>35</v>
      </c>
      <c r="C1689" t="s">
        <v>35</v>
      </c>
    </row>
    <row r="1690" spans="1:25" x14ac:dyDescent="0.2">
      <c r="B1690" s="75" t="s">
        <v>115</v>
      </c>
      <c r="C1690" s="76"/>
      <c r="D1690" s="76"/>
      <c r="E1690" s="76"/>
      <c r="F1690" s="76"/>
      <c r="G1690" s="76"/>
      <c r="H1690" s="76"/>
      <c r="I1690" s="76"/>
      <c r="J1690" s="76"/>
      <c r="K1690" s="76"/>
      <c r="L1690" s="76"/>
      <c r="M1690" s="76"/>
      <c r="N1690" s="76"/>
      <c r="O1690" s="76"/>
      <c r="P1690" s="76"/>
      <c r="Q1690" s="76"/>
      <c r="R1690" s="76"/>
      <c r="S1690" s="76"/>
      <c r="T1690" s="76"/>
      <c r="U1690" s="76"/>
      <c r="V1690" s="76"/>
      <c r="W1690" s="76"/>
      <c r="X1690" s="76"/>
      <c r="Y1690" s="76"/>
    </row>
    <row r="1691" spans="1:25" s="32" customFormat="1" ht="36.450000000000003" customHeight="1" x14ac:dyDescent="0.15">
      <c r="A1691" s="31"/>
      <c r="D1691" s="33" t="s">
        <v>378</v>
      </c>
      <c r="E1691" s="36" t="s">
        <v>537</v>
      </c>
      <c r="F1691" s="55" t="s">
        <v>525</v>
      </c>
      <c r="G1691" s="55" t="s">
        <v>538</v>
      </c>
      <c r="H1691" s="37" t="s">
        <v>480</v>
      </c>
      <c r="I1691" s="35" t="s">
        <v>381</v>
      </c>
    </row>
    <row r="1692" spans="1:25" x14ac:dyDescent="0.2">
      <c r="B1692" s="5"/>
      <c r="C1692" s="41" t="s">
        <v>38</v>
      </c>
      <c r="D1692" s="42">
        <v>2000</v>
      </c>
      <c r="E1692" s="43">
        <v>10.199999999999999</v>
      </c>
      <c r="F1692" s="43">
        <v>54.1</v>
      </c>
      <c r="G1692" s="43">
        <v>19.3</v>
      </c>
      <c r="H1692" s="44">
        <v>16.5</v>
      </c>
    </row>
    <row r="1693" spans="1:25" x14ac:dyDescent="0.2">
      <c r="B1693" s="77" t="s">
        <v>37</v>
      </c>
      <c r="C1693" s="39" t="s">
        <v>39</v>
      </c>
      <c r="D1693" s="45">
        <v>111</v>
      </c>
      <c r="E1693" s="46">
        <v>10.8</v>
      </c>
      <c r="F1693" s="46">
        <v>64.900000000000006</v>
      </c>
      <c r="G1693" s="46">
        <v>13.5</v>
      </c>
      <c r="H1693" s="47">
        <v>10.8</v>
      </c>
    </row>
    <row r="1694" spans="1:25" x14ac:dyDescent="0.2">
      <c r="B1694" s="77"/>
      <c r="C1694" s="39" t="s">
        <v>40</v>
      </c>
      <c r="D1694" s="45">
        <v>450</v>
      </c>
      <c r="E1694" s="46">
        <v>8.6999999999999993</v>
      </c>
      <c r="F1694" s="46">
        <v>56.2</v>
      </c>
      <c r="G1694" s="46">
        <v>22</v>
      </c>
      <c r="H1694" s="47">
        <v>13.1</v>
      </c>
    </row>
    <row r="1695" spans="1:25" ht="21.6" x14ac:dyDescent="0.2">
      <c r="B1695" s="77"/>
      <c r="C1695" s="39" t="s">
        <v>41</v>
      </c>
      <c r="D1695" s="45">
        <v>30</v>
      </c>
      <c r="E1695" s="46">
        <v>10</v>
      </c>
      <c r="F1695" s="46">
        <v>53.3</v>
      </c>
      <c r="G1695" s="46">
        <v>16.7</v>
      </c>
      <c r="H1695" s="47">
        <v>20</v>
      </c>
    </row>
    <row r="1696" spans="1:25" ht="21.6" x14ac:dyDescent="0.2">
      <c r="B1696" s="77"/>
      <c r="C1696" s="39" t="s">
        <v>42</v>
      </c>
      <c r="D1696" s="45">
        <v>336</v>
      </c>
      <c r="E1696" s="46">
        <v>11</v>
      </c>
      <c r="F1696" s="46">
        <v>56</v>
      </c>
      <c r="G1696" s="46">
        <v>13.1</v>
      </c>
      <c r="H1696" s="47">
        <v>19.899999999999999</v>
      </c>
    </row>
    <row r="1697" spans="2:8" ht="21.6" x14ac:dyDescent="0.2">
      <c r="B1697" s="77"/>
      <c r="C1697" s="39" t="s">
        <v>43</v>
      </c>
      <c r="D1697" s="45">
        <v>327</v>
      </c>
      <c r="E1697" s="46">
        <v>9.1999999999999993</v>
      </c>
      <c r="F1697" s="46">
        <v>49.5</v>
      </c>
      <c r="G1697" s="46">
        <v>25.4</v>
      </c>
      <c r="H1697" s="47">
        <v>15.9</v>
      </c>
    </row>
    <row r="1698" spans="2:8" ht="21.6" x14ac:dyDescent="0.2">
      <c r="B1698" s="77"/>
      <c r="C1698" s="39" t="s">
        <v>44</v>
      </c>
      <c r="D1698" s="45">
        <v>181</v>
      </c>
      <c r="E1698" s="46">
        <v>9.9</v>
      </c>
      <c r="F1698" s="46">
        <v>59.1</v>
      </c>
      <c r="G1698" s="46">
        <v>16</v>
      </c>
      <c r="H1698" s="47">
        <v>14.9</v>
      </c>
    </row>
    <row r="1699" spans="2:8" ht="21.6" x14ac:dyDescent="0.2">
      <c r="B1699" s="77"/>
      <c r="C1699" s="39" t="s">
        <v>45</v>
      </c>
      <c r="D1699" s="45">
        <v>565</v>
      </c>
      <c r="E1699" s="46">
        <v>11.3</v>
      </c>
      <c r="F1699" s="46">
        <v>50.3</v>
      </c>
      <c r="G1699" s="46">
        <v>19.600000000000001</v>
      </c>
      <c r="H1699" s="47">
        <v>18.8</v>
      </c>
    </row>
    <row r="1700" spans="2:8" ht="21.6" x14ac:dyDescent="0.2">
      <c r="B1700" s="77"/>
      <c r="C1700" s="39" t="s">
        <v>46</v>
      </c>
      <c r="D1700" s="45">
        <v>473</v>
      </c>
      <c r="E1700" s="46">
        <v>10.6</v>
      </c>
      <c r="F1700" s="46">
        <v>45.2</v>
      </c>
      <c r="G1700" s="46">
        <v>20.9</v>
      </c>
      <c r="H1700" s="47">
        <v>23.3</v>
      </c>
    </row>
    <row r="1701" spans="2:8" ht="21.6" x14ac:dyDescent="0.2">
      <c r="B1701" s="77"/>
      <c r="C1701" s="39" t="s">
        <v>47</v>
      </c>
      <c r="D1701" s="45">
        <v>441</v>
      </c>
      <c r="E1701" s="46">
        <v>9.3000000000000007</v>
      </c>
      <c r="F1701" s="46">
        <v>58</v>
      </c>
      <c r="G1701" s="46">
        <v>20.2</v>
      </c>
      <c r="H1701" s="47">
        <v>12.5</v>
      </c>
    </row>
    <row r="1702" spans="2:8" ht="21.6" x14ac:dyDescent="0.2">
      <c r="B1702" s="77"/>
      <c r="C1702" s="39" t="s">
        <v>48</v>
      </c>
      <c r="D1702" s="45">
        <v>305</v>
      </c>
      <c r="E1702" s="46">
        <v>8.1999999999999993</v>
      </c>
      <c r="F1702" s="46">
        <v>59</v>
      </c>
      <c r="G1702" s="46">
        <v>21.6</v>
      </c>
      <c r="H1702" s="47">
        <v>11.1</v>
      </c>
    </row>
    <row r="1703" spans="2:8" ht="21.6" x14ac:dyDescent="0.2">
      <c r="B1703" s="77"/>
      <c r="C1703" s="39" t="s">
        <v>49</v>
      </c>
      <c r="D1703" s="45">
        <v>223</v>
      </c>
      <c r="E1703" s="46">
        <v>13.9</v>
      </c>
      <c r="F1703" s="46">
        <v>57.4</v>
      </c>
      <c r="G1703" s="46">
        <v>18.8</v>
      </c>
      <c r="H1703" s="47">
        <v>9.9</v>
      </c>
    </row>
    <row r="1704" spans="2:8" ht="21.6" x14ac:dyDescent="0.2">
      <c r="B1704" s="77"/>
      <c r="C1704" s="39" t="s">
        <v>50</v>
      </c>
      <c r="D1704" s="45">
        <v>123</v>
      </c>
      <c r="E1704" s="46">
        <v>11.4</v>
      </c>
      <c r="F1704" s="46">
        <v>63.4</v>
      </c>
      <c r="G1704" s="46">
        <v>16.3</v>
      </c>
      <c r="H1704" s="47">
        <v>8.9</v>
      </c>
    </row>
    <row r="1705" spans="2:8" ht="21.6" x14ac:dyDescent="0.2">
      <c r="B1705" s="77"/>
      <c r="C1705" s="39" t="s">
        <v>51</v>
      </c>
      <c r="D1705" s="45">
        <v>124</v>
      </c>
      <c r="E1705" s="46">
        <v>9.6999999999999993</v>
      </c>
      <c r="F1705" s="46">
        <v>66.099999999999994</v>
      </c>
      <c r="G1705" s="46">
        <v>13.7</v>
      </c>
      <c r="H1705" s="47">
        <v>10.5</v>
      </c>
    </row>
    <row r="1706" spans="2:8" ht="21.6" x14ac:dyDescent="0.2">
      <c r="B1706" s="77"/>
      <c r="C1706" s="39" t="s">
        <v>52</v>
      </c>
      <c r="D1706" s="45">
        <v>312</v>
      </c>
      <c r="E1706" s="46">
        <v>6.4</v>
      </c>
      <c r="F1706" s="46">
        <v>71.8</v>
      </c>
      <c r="G1706" s="46">
        <v>15.1</v>
      </c>
      <c r="H1706" s="47">
        <v>6.7</v>
      </c>
    </row>
    <row r="1707" spans="2:8" x14ac:dyDescent="0.2">
      <c r="B1707" s="77"/>
      <c r="C1707" s="39" t="s">
        <v>53</v>
      </c>
      <c r="D1707" s="45">
        <v>269</v>
      </c>
      <c r="E1707" s="46">
        <v>13</v>
      </c>
      <c r="F1707" s="46">
        <v>59.9</v>
      </c>
      <c r="G1707" s="46">
        <v>19.7</v>
      </c>
      <c r="H1707" s="47">
        <v>7.4</v>
      </c>
    </row>
    <row r="1708" spans="2:8" ht="21.6" x14ac:dyDescent="0.2">
      <c r="B1708" s="77"/>
      <c r="C1708" s="39" t="s">
        <v>54</v>
      </c>
      <c r="D1708" s="45">
        <v>511</v>
      </c>
      <c r="E1708" s="46">
        <v>12.3</v>
      </c>
      <c r="F1708" s="46">
        <v>54.8</v>
      </c>
      <c r="G1708" s="46">
        <v>22.5</v>
      </c>
      <c r="H1708" s="47">
        <v>10.4</v>
      </c>
    </row>
    <row r="1709" spans="2:8" ht="21.6" x14ac:dyDescent="0.2">
      <c r="B1709" s="77"/>
      <c r="C1709" s="39" t="s">
        <v>55</v>
      </c>
      <c r="D1709" s="45">
        <v>615</v>
      </c>
      <c r="E1709" s="46">
        <v>10.199999999999999</v>
      </c>
      <c r="F1709" s="46">
        <v>50.9</v>
      </c>
      <c r="G1709" s="46">
        <v>21</v>
      </c>
      <c r="H1709" s="47">
        <v>17.899999999999999</v>
      </c>
    </row>
    <row r="1710" spans="2:8" ht="21.6" x14ac:dyDescent="0.2">
      <c r="B1710" s="77"/>
      <c r="C1710" s="39" t="s">
        <v>56</v>
      </c>
      <c r="D1710" s="45">
        <v>800</v>
      </c>
      <c r="E1710" s="46">
        <v>12.8</v>
      </c>
      <c r="F1710" s="46">
        <v>49</v>
      </c>
      <c r="G1710" s="46">
        <v>22.9</v>
      </c>
      <c r="H1710" s="47">
        <v>15.4</v>
      </c>
    </row>
    <row r="1711" spans="2:8" x14ac:dyDescent="0.2">
      <c r="B1711" s="77"/>
      <c r="C1711" s="40" t="s">
        <v>57</v>
      </c>
      <c r="D1711" s="48">
        <v>798</v>
      </c>
      <c r="E1711" s="49">
        <v>8.1</v>
      </c>
      <c r="F1711" s="49">
        <v>63.8</v>
      </c>
      <c r="G1711" s="49">
        <v>18.7</v>
      </c>
      <c r="H1711" s="50">
        <v>9.4</v>
      </c>
    </row>
    <row r="1713" spans="1:25" x14ac:dyDescent="0.2">
      <c r="C1713" t="s">
        <v>35</v>
      </c>
    </row>
    <row r="1714" spans="1:25" x14ac:dyDescent="0.2">
      <c r="B1714" s="75" t="s">
        <v>289</v>
      </c>
      <c r="C1714" s="76"/>
      <c r="D1714" s="76"/>
      <c r="E1714" s="76"/>
      <c r="F1714" s="76"/>
      <c r="G1714" s="76"/>
      <c r="H1714" s="76"/>
      <c r="I1714" s="76"/>
      <c r="J1714" s="76"/>
      <c r="K1714" s="76"/>
      <c r="L1714" s="76"/>
      <c r="M1714" s="76"/>
      <c r="N1714" s="76"/>
      <c r="O1714" s="76"/>
      <c r="P1714" s="76"/>
      <c r="Q1714" s="76"/>
      <c r="R1714" s="76"/>
      <c r="S1714" s="76"/>
      <c r="T1714" s="76"/>
      <c r="U1714" s="76"/>
      <c r="V1714" s="76"/>
      <c r="W1714" s="76"/>
      <c r="X1714" s="76"/>
      <c r="Y1714" s="76"/>
    </row>
    <row r="1715" spans="1:25" s="32" customFormat="1" ht="36.450000000000003" customHeight="1" x14ac:dyDescent="0.15">
      <c r="A1715" s="31"/>
      <c r="D1715" s="33" t="s">
        <v>378</v>
      </c>
      <c r="E1715" s="36" t="s">
        <v>537</v>
      </c>
      <c r="F1715" s="55" t="s">
        <v>525</v>
      </c>
      <c r="G1715" s="55" t="s">
        <v>538</v>
      </c>
      <c r="H1715" s="37" t="s">
        <v>480</v>
      </c>
      <c r="I1715" s="35" t="s">
        <v>381</v>
      </c>
    </row>
    <row r="1716" spans="1:25" ht="21.6" x14ac:dyDescent="0.2">
      <c r="B1716" s="77" t="s">
        <v>37</v>
      </c>
      <c r="C1716" s="38" t="s">
        <v>58</v>
      </c>
      <c r="D1716" s="51">
        <v>609</v>
      </c>
      <c r="E1716" s="52">
        <v>13.3</v>
      </c>
      <c r="F1716" s="52">
        <v>47.5</v>
      </c>
      <c r="G1716" s="52">
        <v>25</v>
      </c>
      <c r="H1716" s="53">
        <v>14.3</v>
      </c>
    </row>
    <row r="1717" spans="1:25" ht="21.6" x14ac:dyDescent="0.2">
      <c r="B1717" s="77"/>
      <c r="C1717" s="39" t="s">
        <v>59</v>
      </c>
      <c r="D1717" s="45">
        <v>1391</v>
      </c>
      <c r="E1717" s="46">
        <v>8.8000000000000007</v>
      </c>
      <c r="F1717" s="46">
        <v>57</v>
      </c>
      <c r="G1717" s="46">
        <v>16.8</v>
      </c>
      <c r="H1717" s="47">
        <v>17.399999999999999</v>
      </c>
    </row>
    <row r="1718" spans="1:25" x14ac:dyDescent="0.2">
      <c r="B1718" s="77"/>
      <c r="C1718" s="39" t="s">
        <v>60</v>
      </c>
      <c r="D1718" s="45">
        <v>1325</v>
      </c>
      <c r="E1718" s="46">
        <v>9.9</v>
      </c>
      <c r="F1718" s="46">
        <v>54.4</v>
      </c>
      <c r="G1718" s="46">
        <v>20</v>
      </c>
      <c r="H1718" s="47">
        <v>15.7</v>
      </c>
    </row>
    <row r="1719" spans="1:25" x14ac:dyDescent="0.2">
      <c r="B1719" s="77"/>
      <c r="C1719" s="39" t="s">
        <v>61</v>
      </c>
      <c r="D1719" s="45">
        <v>675</v>
      </c>
      <c r="E1719" s="46">
        <v>10.7</v>
      </c>
      <c r="F1719" s="46">
        <v>53.5</v>
      </c>
      <c r="G1719" s="46">
        <v>17.899999999999999</v>
      </c>
      <c r="H1719" s="47">
        <v>17.899999999999999</v>
      </c>
    </row>
    <row r="1720" spans="1:25" x14ac:dyDescent="0.2">
      <c r="B1720" s="77"/>
      <c r="C1720" s="39" t="s">
        <v>62</v>
      </c>
      <c r="D1720" s="45">
        <v>1086</v>
      </c>
      <c r="E1720" s="46">
        <v>9.9</v>
      </c>
      <c r="F1720" s="46">
        <v>58</v>
      </c>
      <c r="G1720" s="46">
        <v>18.899999999999999</v>
      </c>
      <c r="H1720" s="47">
        <v>13.2</v>
      </c>
    </row>
    <row r="1721" spans="1:25" ht="21.6" x14ac:dyDescent="0.2">
      <c r="B1721" s="77"/>
      <c r="C1721" s="39" t="s">
        <v>63</v>
      </c>
      <c r="D1721" s="45">
        <v>203</v>
      </c>
      <c r="E1721" s="46">
        <v>12.3</v>
      </c>
      <c r="F1721" s="46">
        <v>52.7</v>
      </c>
      <c r="G1721" s="46">
        <v>15.3</v>
      </c>
      <c r="H1721" s="47">
        <v>19.7</v>
      </c>
    </row>
    <row r="1722" spans="1:25" x14ac:dyDescent="0.2">
      <c r="B1722" s="77"/>
      <c r="C1722" s="39" t="s">
        <v>64</v>
      </c>
      <c r="D1722" s="45">
        <v>263</v>
      </c>
      <c r="E1722" s="46">
        <v>12.9</v>
      </c>
      <c r="F1722" s="46">
        <v>53.6</v>
      </c>
      <c r="G1722" s="46">
        <v>23.6</v>
      </c>
      <c r="H1722" s="47">
        <v>9.9</v>
      </c>
    </row>
    <row r="1723" spans="1:25" x14ac:dyDescent="0.2">
      <c r="B1723" s="77"/>
      <c r="C1723" s="39" t="s">
        <v>65</v>
      </c>
      <c r="D1723" s="45">
        <v>312</v>
      </c>
      <c r="E1723" s="46">
        <v>8.3000000000000007</v>
      </c>
      <c r="F1723" s="46">
        <v>60.6</v>
      </c>
      <c r="G1723" s="46">
        <v>19.2</v>
      </c>
      <c r="H1723" s="47">
        <v>11.9</v>
      </c>
    </row>
    <row r="1724" spans="1:25" x14ac:dyDescent="0.2">
      <c r="B1724" s="77"/>
      <c r="C1724" s="39" t="s">
        <v>66</v>
      </c>
      <c r="D1724" s="45">
        <v>230</v>
      </c>
      <c r="E1724" s="46">
        <v>5.2</v>
      </c>
      <c r="F1724" s="46">
        <v>63</v>
      </c>
      <c r="G1724" s="46">
        <v>18.3</v>
      </c>
      <c r="H1724" s="47">
        <v>13.5</v>
      </c>
    </row>
    <row r="1725" spans="1:25" x14ac:dyDescent="0.2">
      <c r="B1725" s="77"/>
      <c r="C1725" s="39" t="s">
        <v>67</v>
      </c>
      <c r="D1725" s="45">
        <v>78</v>
      </c>
      <c r="E1725" s="46">
        <v>14.1</v>
      </c>
      <c r="F1725" s="46">
        <v>61.5</v>
      </c>
      <c r="G1725" s="46">
        <v>12.8</v>
      </c>
      <c r="H1725" s="47">
        <v>11.5</v>
      </c>
    </row>
    <row r="1726" spans="1:25" x14ac:dyDescent="0.2">
      <c r="B1726" s="77"/>
      <c r="C1726" s="39" t="s">
        <v>68</v>
      </c>
      <c r="D1726" s="45">
        <v>897</v>
      </c>
      <c r="E1726" s="46">
        <v>9.8000000000000007</v>
      </c>
      <c r="F1726" s="46">
        <v>60.3</v>
      </c>
      <c r="G1726" s="46">
        <v>19.5</v>
      </c>
      <c r="H1726" s="47">
        <v>10.4</v>
      </c>
    </row>
    <row r="1727" spans="1:25" x14ac:dyDescent="0.2">
      <c r="B1727" s="77"/>
      <c r="C1727" s="39" t="s">
        <v>69</v>
      </c>
      <c r="D1727" s="45">
        <v>189</v>
      </c>
      <c r="E1727" s="46">
        <v>10.6</v>
      </c>
      <c r="F1727" s="46">
        <v>47.1</v>
      </c>
      <c r="G1727" s="46">
        <v>15.9</v>
      </c>
      <c r="H1727" s="47">
        <v>26.5</v>
      </c>
    </row>
    <row r="1728" spans="1:25" x14ac:dyDescent="0.2">
      <c r="B1728" s="77"/>
      <c r="C1728" s="39" t="s">
        <v>70</v>
      </c>
      <c r="D1728" s="45">
        <v>914</v>
      </c>
      <c r="E1728" s="46">
        <v>10.4</v>
      </c>
      <c r="F1728" s="46">
        <v>49.5</v>
      </c>
      <c r="G1728" s="46">
        <v>19.8</v>
      </c>
      <c r="H1728" s="47">
        <v>20.399999999999999</v>
      </c>
    </row>
    <row r="1729" spans="1:25" ht="21.6" x14ac:dyDescent="0.2">
      <c r="B1729" s="77"/>
      <c r="C1729" s="39" t="s">
        <v>63</v>
      </c>
      <c r="D1729" s="45">
        <v>193</v>
      </c>
      <c r="E1729" s="46">
        <v>14.5</v>
      </c>
      <c r="F1729" s="46">
        <v>38.299999999999997</v>
      </c>
      <c r="G1729" s="46">
        <v>18.7</v>
      </c>
      <c r="H1729" s="47">
        <v>28.5</v>
      </c>
    </row>
    <row r="1730" spans="1:25" x14ac:dyDescent="0.2">
      <c r="B1730" s="77"/>
      <c r="C1730" s="39" t="s">
        <v>64</v>
      </c>
      <c r="D1730" s="45">
        <v>203</v>
      </c>
      <c r="E1730" s="46">
        <v>9.4</v>
      </c>
      <c r="F1730" s="46">
        <v>47.8</v>
      </c>
      <c r="G1730" s="46">
        <v>23.6</v>
      </c>
      <c r="H1730" s="47">
        <v>19.2</v>
      </c>
    </row>
    <row r="1731" spans="1:25" x14ac:dyDescent="0.2">
      <c r="B1731" s="77"/>
      <c r="C1731" s="39" t="s">
        <v>65</v>
      </c>
      <c r="D1731" s="45">
        <v>263</v>
      </c>
      <c r="E1731" s="46">
        <v>10.3</v>
      </c>
      <c r="F1731" s="46">
        <v>51</v>
      </c>
      <c r="G1731" s="46">
        <v>19.8</v>
      </c>
      <c r="H1731" s="47">
        <v>19</v>
      </c>
    </row>
    <row r="1732" spans="1:25" x14ac:dyDescent="0.2">
      <c r="B1732" s="77"/>
      <c r="C1732" s="39" t="s">
        <v>66</v>
      </c>
      <c r="D1732" s="45">
        <v>194</v>
      </c>
      <c r="E1732" s="46">
        <v>8.8000000000000007</v>
      </c>
      <c r="F1732" s="46">
        <v>57.7</v>
      </c>
      <c r="G1732" s="46">
        <v>17.5</v>
      </c>
      <c r="H1732" s="47">
        <v>16</v>
      </c>
    </row>
    <row r="1733" spans="1:25" x14ac:dyDescent="0.2">
      <c r="B1733" s="77"/>
      <c r="C1733" s="39" t="s">
        <v>67</v>
      </c>
      <c r="D1733" s="45">
        <v>61</v>
      </c>
      <c r="E1733" s="46">
        <v>6.6</v>
      </c>
      <c r="F1733" s="46">
        <v>57.4</v>
      </c>
      <c r="G1733" s="46">
        <v>18</v>
      </c>
      <c r="H1733" s="47">
        <v>18</v>
      </c>
    </row>
    <row r="1734" spans="1:25" x14ac:dyDescent="0.2">
      <c r="B1734" s="77"/>
      <c r="C1734" s="39" t="s">
        <v>68</v>
      </c>
      <c r="D1734" s="45">
        <v>416</v>
      </c>
      <c r="E1734" s="46">
        <v>8.9</v>
      </c>
      <c r="F1734" s="46">
        <v>52.9</v>
      </c>
      <c r="G1734" s="46">
        <v>19.5</v>
      </c>
      <c r="H1734" s="47">
        <v>18.8</v>
      </c>
    </row>
    <row r="1735" spans="1:25" x14ac:dyDescent="0.2">
      <c r="B1735" s="77"/>
      <c r="C1735" s="40" t="s">
        <v>69</v>
      </c>
      <c r="D1735" s="48">
        <v>498</v>
      </c>
      <c r="E1735" s="49">
        <v>11.6</v>
      </c>
      <c r="F1735" s="49">
        <v>46.6</v>
      </c>
      <c r="G1735" s="49">
        <v>20.100000000000001</v>
      </c>
      <c r="H1735" s="50">
        <v>21.7</v>
      </c>
    </row>
    <row r="1737" spans="1:25" x14ac:dyDescent="0.2">
      <c r="A1737" s="26" t="s">
        <v>25</v>
      </c>
      <c r="B1737" t="s">
        <v>35</v>
      </c>
      <c r="C1737" t="s">
        <v>35</v>
      </c>
    </row>
    <row r="1738" spans="1:25" x14ac:dyDescent="0.2">
      <c r="B1738" s="75" t="s">
        <v>116</v>
      </c>
      <c r="C1738" s="76"/>
      <c r="D1738" s="76"/>
      <c r="E1738" s="76"/>
      <c r="F1738" s="76"/>
      <c r="G1738" s="76"/>
      <c r="H1738" s="76"/>
      <c r="I1738" s="76"/>
      <c r="J1738" s="76"/>
      <c r="K1738" s="76"/>
      <c r="L1738" s="76"/>
      <c r="M1738" s="76"/>
      <c r="N1738" s="76"/>
      <c r="O1738" s="76"/>
      <c r="P1738" s="76"/>
      <c r="Q1738" s="76"/>
      <c r="R1738" s="76"/>
      <c r="S1738" s="76"/>
      <c r="T1738" s="76"/>
      <c r="U1738" s="76"/>
      <c r="V1738" s="76"/>
      <c r="W1738" s="76"/>
      <c r="X1738" s="76"/>
      <c r="Y1738" s="76"/>
    </row>
    <row r="1739" spans="1:25" s="32" customFormat="1" ht="47.25" customHeight="1" x14ac:dyDescent="0.15">
      <c r="A1739" s="31"/>
      <c r="D1739" s="33" t="s">
        <v>378</v>
      </c>
      <c r="E1739" s="36" t="s">
        <v>533</v>
      </c>
      <c r="F1739" s="55" t="s">
        <v>534</v>
      </c>
      <c r="G1739" s="55" t="s">
        <v>521</v>
      </c>
      <c r="H1739" s="55" t="s">
        <v>535</v>
      </c>
      <c r="I1739" s="55" t="s">
        <v>536</v>
      </c>
      <c r="J1739" s="55" t="s">
        <v>480</v>
      </c>
      <c r="K1739" s="56" t="s">
        <v>387</v>
      </c>
      <c r="L1739" s="57" t="s">
        <v>388</v>
      </c>
      <c r="M1739" s="54" t="s">
        <v>381</v>
      </c>
    </row>
    <row r="1740" spans="1:25" x14ac:dyDescent="0.2">
      <c r="B1740" s="5"/>
      <c r="C1740" s="41" t="s">
        <v>38</v>
      </c>
      <c r="D1740" s="42">
        <v>2000</v>
      </c>
      <c r="E1740" s="43">
        <v>5.2</v>
      </c>
      <c r="F1740" s="43">
        <v>15.1</v>
      </c>
      <c r="G1740" s="43">
        <v>54.1</v>
      </c>
      <c r="H1740" s="43">
        <v>15.4</v>
      </c>
      <c r="I1740" s="43">
        <v>7.7</v>
      </c>
      <c r="J1740" s="43">
        <v>2.7</v>
      </c>
      <c r="K1740" s="43">
        <v>-2.7</v>
      </c>
      <c r="L1740" s="58">
        <v>0</v>
      </c>
    </row>
    <row r="1741" spans="1:25" x14ac:dyDescent="0.2">
      <c r="B1741" s="77" t="s">
        <v>37</v>
      </c>
      <c r="C1741" s="39" t="s">
        <v>39</v>
      </c>
      <c r="D1741" s="45">
        <v>111</v>
      </c>
      <c r="E1741" s="46">
        <v>8.1</v>
      </c>
      <c r="F1741" s="46">
        <v>15.3</v>
      </c>
      <c r="G1741" s="46">
        <v>53.2</v>
      </c>
      <c r="H1741" s="46">
        <v>19.8</v>
      </c>
      <c r="I1741" s="46">
        <v>3.6</v>
      </c>
      <c r="J1741" s="46">
        <v>0</v>
      </c>
      <c r="K1741" s="46">
        <v>2.2999999999999998</v>
      </c>
      <c r="L1741" s="59">
        <v>0</v>
      </c>
    </row>
    <row r="1742" spans="1:25" x14ac:dyDescent="0.2">
      <c r="B1742" s="77"/>
      <c r="C1742" s="39" t="s">
        <v>40</v>
      </c>
      <c r="D1742" s="45">
        <v>450</v>
      </c>
      <c r="E1742" s="46">
        <v>4.9000000000000004</v>
      </c>
      <c r="F1742" s="46">
        <v>13.8</v>
      </c>
      <c r="G1742" s="46">
        <v>52.2</v>
      </c>
      <c r="H1742" s="46">
        <v>17.100000000000001</v>
      </c>
      <c r="I1742" s="46">
        <v>10.199999999999999</v>
      </c>
      <c r="J1742" s="46">
        <v>1.8</v>
      </c>
      <c r="K1742" s="46">
        <v>-7.1</v>
      </c>
      <c r="L1742" s="59">
        <v>0</v>
      </c>
    </row>
    <row r="1743" spans="1:25" ht="21.6" x14ac:dyDescent="0.2">
      <c r="B1743" s="77"/>
      <c r="C1743" s="39" t="s">
        <v>41</v>
      </c>
      <c r="D1743" s="45">
        <v>30</v>
      </c>
      <c r="E1743" s="46">
        <v>13.3</v>
      </c>
      <c r="F1743" s="46">
        <v>13.3</v>
      </c>
      <c r="G1743" s="46">
        <v>46.7</v>
      </c>
      <c r="H1743" s="46">
        <v>10</v>
      </c>
      <c r="I1743" s="46">
        <v>10</v>
      </c>
      <c r="J1743" s="46">
        <v>6.7</v>
      </c>
      <c r="K1743" s="46">
        <v>5.4</v>
      </c>
      <c r="L1743" s="59">
        <v>0</v>
      </c>
    </row>
    <row r="1744" spans="1:25" ht="21.6" x14ac:dyDescent="0.2">
      <c r="B1744" s="77"/>
      <c r="C1744" s="39" t="s">
        <v>42</v>
      </c>
      <c r="D1744" s="45">
        <v>336</v>
      </c>
      <c r="E1744" s="46">
        <v>5.0999999999999996</v>
      </c>
      <c r="F1744" s="46">
        <v>19.600000000000001</v>
      </c>
      <c r="G1744" s="46">
        <v>53.3</v>
      </c>
      <c r="H1744" s="46">
        <v>12.5</v>
      </c>
      <c r="I1744" s="46">
        <v>7.4</v>
      </c>
      <c r="J1744" s="46">
        <v>2.1</v>
      </c>
      <c r="K1744" s="46">
        <v>1.2</v>
      </c>
      <c r="L1744" s="59">
        <v>0</v>
      </c>
    </row>
    <row r="1745" spans="2:12" ht="21.6" x14ac:dyDescent="0.2">
      <c r="B1745" s="77"/>
      <c r="C1745" s="39" t="s">
        <v>43</v>
      </c>
      <c r="D1745" s="45">
        <v>327</v>
      </c>
      <c r="E1745" s="46">
        <v>4.9000000000000004</v>
      </c>
      <c r="F1745" s="46">
        <v>13.8</v>
      </c>
      <c r="G1745" s="46">
        <v>51.7</v>
      </c>
      <c r="H1745" s="46">
        <v>17.399999999999999</v>
      </c>
      <c r="I1745" s="46">
        <v>8.9</v>
      </c>
      <c r="J1745" s="46">
        <v>3.4</v>
      </c>
      <c r="K1745" s="46">
        <v>-6</v>
      </c>
      <c r="L1745" s="59">
        <v>0</v>
      </c>
    </row>
    <row r="1746" spans="2:12" ht="21.6" x14ac:dyDescent="0.2">
      <c r="B1746" s="77"/>
      <c r="C1746" s="39" t="s">
        <v>44</v>
      </c>
      <c r="D1746" s="45">
        <v>181</v>
      </c>
      <c r="E1746" s="46">
        <v>7.2</v>
      </c>
      <c r="F1746" s="46">
        <v>11</v>
      </c>
      <c r="G1746" s="46">
        <v>60.8</v>
      </c>
      <c r="H1746" s="46">
        <v>14.4</v>
      </c>
      <c r="I1746" s="46">
        <v>5</v>
      </c>
      <c r="J1746" s="46">
        <v>1.7</v>
      </c>
      <c r="K1746" s="46">
        <v>0.6</v>
      </c>
      <c r="L1746" s="59">
        <v>0</v>
      </c>
    </row>
    <row r="1747" spans="2:12" ht="21.6" x14ac:dyDescent="0.2">
      <c r="B1747" s="77"/>
      <c r="C1747" s="39" t="s">
        <v>45</v>
      </c>
      <c r="D1747" s="45">
        <v>565</v>
      </c>
      <c r="E1747" s="46">
        <v>3.9</v>
      </c>
      <c r="F1747" s="46">
        <v>15.6</v>
      </c>
      <c r="G1747" s="46">
        <v>55.9</v>
      </c>
      <c r="H1747" s="46">
        <v>14.2</v>
      </c>
      <c r="I1747" s="46">
        <v>6.5</v>
      </c>
      <c r="J1747" s="46">
        <v>3.9</v>
      </c>
      <c r="K1747" s="46">
        <v>-2</v>
      </c>
      <c r="L1747" s="59">
        <v>0</v>
      </c>
    </row>
    <row r="1748" spans="2:12" ht="21.6" x14ac:dyDescent="0.2">
      <c r="B1748" s="77"/>
      <c r="C1748" s="39" t="s">
        <v>46</v>
      </c>
      <c r="D1748" s="45">
        <v>473</v>
      </c>
      <c r="E1748" s="46">
        <v>7</v>
      </c>
      <c r="F1748" s="46">
        <v>12.9</v>
      </c>
      <c r="G1748" s="46">
        <v>52.2</v>
      </c>
      <c r="H1748" s="46">
        <v>14.8</v>
      </c>
      <c r="I1748" s="46">
        <v>10.1</v>
      </c>
      <c r="J1748" s="46">
        <v>3</v>
      </c>
      <c r="K1748" s="46">
        <v>-4.2</v>
      </c>
      <c r="L1748" s="59">
        <v>0</v>
      </c>
    </row>
    <row r="1749" spans="2:12" ht="21.6" x14ac:dyDescent="0.2">
      <c r="B1749" s="77"/>
      <c r="C1749" s="39" t="s">
        <v>47</v>
      </c>
      <c r="D1749" s="45">
        <v>441</v>
      </c>
      <c r="E1749" s="46">
        <v>4.8</v>
      </c>
      <c r="F1749" s="46">
        <v>17.2</v>
      </c>
      <c r="G1749" s="46">
        <v>53.3</v>
      </c>
      <c r="H1749" s="46">
        <v>15.9</v>
      </c>
      <c r="I1749" s="46">
        <v>7.3</v>
      </c>
      <c r="J1749" s="46">
        <v>1.6</v>
      </c>
      <c r="K1749" s="46">
        <v>-1.8</v>
      </c>
      <c r="L1749" s="59">
        <v>0</v>
      </c>
    </row>
    <row r="1750" spans="2:12" ht="21.6" x14ac:dyDescent="0.2">
      <c r="B1750" s="77"/>
      <c r="C1750" s="39" t="s">
        <v>48</v>
      </c>
      <c r="D1750" s="45">
        <v>305</v>
      </c>
      <c r="E1750" s="46">
        <v>2.6</v>
      </c>
      <c r="F1750" s="46">
        <v>14.4</v>
      </c>
      <c r="G1750" s="46">
        <v>52.8</v>
      </c>
      <c r="H1750" s="46">
        <v>22.3</v>
      </c>
      <c r="I1750" s="46">
        <v>7.5</v>
      </c>
      <c r="J1750" s="46">
        <v>0.3</v>
      </c>
      <c r="K1750" s="46">
        <v>-8.9</v>
      </c>
      <c r="L1750" s="59">
        <v>0</v>
      </c>
    </row>
    <row r="1751" spans="2:12" ht="21.6" x14ac:dyDescent="0.2">
      <c r="B1751" s="77"/>
      <c r="C1751" s="39" t="s">
        <v>49</v>
      </c>
      <c r="D1751" s="45">
        <v>223</v>
      </c>
      <c r="E1751" s="46">
        <v>3.6</v>
      </c>
      <c r="F1751" s="46">
        <v>16.100000000000001</v>
      </c>
      <c r="G1751" s="46">
        <v>59.6</v>
      </c>
      <c r="H1751" s="46">
        <v>13.9</v>
      </c>
      <c r="I1751" s="46">
        <v>5.8</v>
      </c>
      <c r="J1751" s="46">
        <v>0.9</v>
      </c>
      <c r="K1751" s="46">
        <v>-1.1000000000000001</v>
      </c>
      <c r="L1751" s="59">
        <v>0</v>
      </c>
    </row>
    <row r="1752" spans="2:12" ht="21.6" x14ac:dyDescent="0.2">
      <c r="B1752" s="77"/>
      <c r="C1752" s="39" t="s">
        <v>50</v>
      </c>
      <c r="D1752" s="45">
        <v>123</v>
      </c>
      <c r="E1752" s="46">
        <v>7.3</v>
      </c>
      <c r="F1752" s="46">
        <v>17.100000000000001</v>
      </c>
      <c r="G1752" s="46">
        <v>52</v>
      </c>
      <c r="H1752" s="46">
        <v>17.899999999999999</v>
      </c>
      <c r="I1752" s="46">
        <v>5.7</v>
      </c>
      <c r="J1752" s="46">
        <v>0</v>
      </c>
      <c r="K1752" s="46">
        <v>1.2</v>
      </c>
      <c r="L1752" s="59">
        <v>0</v>
      </c>
    </row>
    <row r="1753" spans="2:12" ht="21.6" x14ac:dyDescent="0.2">
      <c r="B1753" s="77"/>
      <c r="C1753" s="39" t="s">
        <v>51</v>
      </c>
      <c r="D1753" s="45">
        <v>124</v>
      </c>
      <c r="E1753" s="46">
        <v>4</v>
      </c>
      <c r="F1753" s="46">
        <v>15.3</v>
      </c>
      <c r="G1753" s="46">
        <v>61.3</v>
      </c>
      <c r="H1753" s="46">
        <v>10.5</v>
      </c>
      <c r="I1753" s="46">
        <v>4.8</v>
      </c>
      <c r="J1753" s="46">
        <v>4</v>
      </c>
      <c r="K1753" s="46">
        <v>1.7</v>
      </c>
      <c r="L1753" s="59">
        <v>0</v>
      </c>
    </row>
    <row r="1754" spans="2:12" ht="21.6" x14ac:dyDescent="0.2">
      <c r="B1754" s="77"/>
      <c r="C1754" s="39" t="s">
        <v>52</v>
      </c>
      <c r="D1754" s="45">
        <v>312</v>
      </c>
      <c r="E1754" s="46">
        <v>2.9</v>
      </c>
      <c r="F1754" s="46">
        <v>11.5</v>
      </c>
      <c r="G1754" s="46">
        <v>59.6</v>
      </c>
      <c r="H1754" s="46">
        <v>16.3</v>
      </c>
      <c r="I1754" s="46">
        <v>8</v>
      </c>
      <c r="J1754" s="46">
        <v>1.6</v>
      </c>
      <c r="K1754" s="46">
        <v>-7.7</v>
      </c>
      <c r="L1754" s="59">
        <v>0</v>
      </c>
    </row>
    <row r="1755" spans="2:12" x14ac:dyDescent="0.2">
      <c r="B1755" s="77"/>
      <c r="C1755" s="39" t="s">
        <v>53</v>
      </c>
      <c r="D1755" s="45">
        <v>269</v>
      </c>
      <c r="E1755" s="46">
        <v>3</v>
      </c>
      <c r="F1755" s="46">
        <v>17.8</v>
      </c>
      <c r="G1755" s="46">
        <v>52.8</v>
      </c>
      <c r="H1755" s="46">
        <v>16</v>
      </c>
      <c r="I1755" s="46">
        <v>8.9</v>
      </c>
      <c r="J1755" s="46">
        <v>1.5</v>
      </c>
      <c r="K1755" s="46">
        <v>-5.0999999999999996</v>
      </c>
      <c r="L1755" s="59">
        <v>0</v>
      </c>
    </row>
    <row r="1756" spans="2:12" ht="21.6" x14ac:dyDescent="0.2">
      <c r="B1756" s="77"/>
      <c r="C1756" s="39" t="s">
        <v>54</v>
      </c>
      <c r="D1756" s="45">
        <v>511</v>
      </c>
      <c r="E1756" s="46">
        <v>5.7</v>
      </c>
      <c r="F1756" s="46">
        <v>19.2</v>
      </c>
      <c r="G1756" s="46">
        <v>50.9</v>
      </c>
      <c r="H1756" s="46">
        <v>16.8</v>
      </c>
      <c r="I1756" s="46">
        <v>5.9</v>
      </c>
      <c r="J1756" s="46">
        <v>1.6</v>
      </c>
      <c r="K1756" s="46">
        <v>1</v>
      </c>
      <c r="L1756" s="59">
        <v>0</v>
      </c>
    </row>
    <row r="1757" spans="2:12" ht="21.6" x14ac:dyDescent="0.2">
      <c r="B1757" s="77"/>
      <c r="C1757" s="39" t="s">
        <v>55</v>
      </c>
      <c r="D1757" s="45">
        <v>615</v>
      </c>
      <c r="E1757" s="46">
        <v>6.3</v>
      </c>
      <c r="F1757" s="46">
        <v>13.8</v>
      </c>
      <c r="G1757" s="46">
        <v>55.1</v>
      </c>
      <c r="H1757" s="46">
        <v>14.8</v>
      </c>
      <c r="I1757" s="46">
        <v>8</v>
      </c>
      <c r="J1757" s="46">
        <v>2</v>
      </c>
      <c r="K1757" s="46">
        <v>-2.2000000000000002</v>
      </c>
      <c r="L1757" s="59">
        <v>0</v>
      </c>
    </row>
    <row r="1758" spans="2:12" ht="21.6" x14ac:dyDescent="0.2">
      <c r="B1758" s="77"/>
      <c r="C1758" s="39" t="s">
        <v>56</v>
      </c>
      <c r="D1758" s="45">
        <v>800</v>
      </c>
      <c r="E1758" s="46">
        <v>7</v>
      </c>
      <c r="F1758" s="46">
        <v>13.8</v>
      </c>
      <c r="G1758" s="46">
        <v>53.1</v>
      </c>
      <c r="H1758" s="46">
        <v>16.8</v>
      </c>
      <c r="I1758" s="46">
        <v>7</v>
      </c>
      <c r="J1758" s="46">
        <v>2.4</v>
      </c>
      <c r="K1758" s="46">
        <v>-1.5</v>
      </c>
      <c r="L1758" s="59">
        <v>0</v>
      </c>
    </row>
    <row r="1759" spans="2:12" x14ac:dyDescent="0.2">
      <c r="B1759" s="77"/>
      <c r="C1759" s="40" t="s">
        <v>57</v>
      </c>
      <c r="D1759" s="48">
        <v>798</v>
      </c>
      <c r="E1759" s="49">
        <v>3.5</v>
      </c>
      <c r="F1759" s="49">
        <v>16.5</v>
      </c>
      <c r="G1759" s="49">
        <v>56.8</v>
      </c>
      <c r="H1759" s="49">
        <v>14.5</v>
      </c>
      <c r="I1759" s="49">
        <v>7.5</v>
      </c>
      <c r="J1759" s="49">
        <v>1.1000000000000001</v>
      </c>
      <c r="K1759" s="49">
        <v>-3</v>
      </c>
      <c r="L1759" s="60">
        <v>0</v>
      </c>
    </row>
    <row r="1760" spans="2:12" x14ac:dyDescent="0.2">
      <c r="B1760" s="7" t="s">
        <v>71</v>
      </c>
      <c r="C1760" s="4" t="s">
        <v>117</v>
      </c>
    </row>
    <row r="1761" spans="1:25" x14ac:dyDescent="0.2">
      <c r="B1761" s="4"/>
      <c r="C1761" s="4" t="s">
        <v>73</v>
      </c>
    </row>
    <row r="1763" spans="1:25" x14ac:dyDescent="0.2">
      <c r="C1763" t="s">
        <v>35</v>
      </c>
    </row>
    <row r="1764" spans="1:25" x14ac:dyDescent="0.2">
      <c r="B1764" s="75" t="s">
        <v>290</v>
      </c>
      <c r="C1764" s="76"/>
      <c r="D1764" s="76"/>
      <c r="E1764" s="76"/>
      <c r="F1764" s="76"/>
      <c r="G1764" s="76"/>
      <c r="H1764" s="76"/>
      <c r="I1764" s="76"/>
      <c r="J1764" s="76"/>
      <c r="K1764" s="76"/>
      <c r="L1764" s="76"/>
      <c r="M1764" s="76"/>
      <c r="N1764" s="76"/>
      <c r="O1764" s="76"/>
      <c r="P1764" s="76"/>
      <c r="Q1764" s="76"/>
      <c r="R1764" s="76"/>
      <c r="S1764" s="76"/>
      <c r="T1764" s="76"/>
      <c r="U1764" s="76"/>
      <c r="V1764" s="76"/>
      <c r="W1764" s="76"/>
      <c r="X1764" s="76"/>
      <c r="Y1764" s="76"/>
    </row>
    <row r="1765" spans="1:25" s="32" customFormat="1" ht="47.25" customHeight="1" x14ac:dyDescent="0.15">
      <c r="A1765" s="31"/>
      <c r="D1765" s="33" t="s">
        <v>378</v>
      </c>
      <c r="E1765" s="36" t="s">
        <v>533</v>
      </c>
      <c r="F1765" s="55" t="s">
        <v>534</v>
      </c>
      <c r="G1765" s="55" t="s">
        <v>521</v>
      </c>
      <c r="H1765" s="55" t="s">
        <v>535</v>
      </c>
      <c r="I1765" s="55" t="s">
        <v>536</v>
      </c>
      <c r="J1765" s="55" t="s">
        <v>480</v>
      </c>
      <c r="K1765" s="56" t="s">
        <v>387</v>
      </c>
      <c r="L1765" s="57" t="s">
        <v>388</v>
      </c>
      <c r="M1765" s="54" t="s">
        <v>381</v>
      </c>
    </row>
    <row r="1766" spans="1:25" ht="21.6" x14ac:dyDescent="0.2">
      <c r="B1766" s="77" t="s">
        <v>37</v>
      </c>
      <c r="C1766" s="38" t="s">
        <v>58</v>
      </c>
      <c r="D1766" s="51">
        <v>609</v>
      </c>
      <c r="E1766" s="52">
        <v>7.1</v>
      </c>
      <c r="F1766" s="52">
        <v>15.6</v>
      </c>
      <c r="G1766" s="52">
        <v>49.8</v>
      </c>
      <c r="H1766" s="52">
        <v>16.899999999999999</v>
      </c>
      <c r="I1766" s="52">
        <v>8</v>
      </c>
      <c r="J1766" s="52">
        <v>2.6</v>
      </c>
      <c r="K1766" s="52">
        <v>-1.7</v>
      </c>
      <c r="L1766" s="61">
        <v>0</v>
      </c>
    </row>
    <row r="1767" spans="1:25" ht="21.6" x14ac:dyDescent="0.2">
      <c r="B1767" s="77"/>
      <c r="C1767" s="39" t="s">
        <v>59</v>
      </c>
      <c r="D1767" s="45">
        <v>1391</v>
      </c>
      <c r="E1767" s="46">
        <v>4.3</v>
      </c>
      <c r="F1767" s="46">
        <v>14.9</v>
      </c>
      <c r="G1767" s="46">
        <v>56</v>
      </c>
      <c r="H1767" s="46">
        <v>14.7</v>
      </c>
      <c r="I1767" s="46">
        <v>7.5</v>
      </c>
      <c r="J1767" s="46">
        <v>2.7</v>
      </c>
      <c r="K1767" s="46">
        <v>-3.1</v>
      </c>
      <c r="L1767" s="59">
        <v>0</v>
      </c>
    </row>
    <row r="1768" spans="1:25" x14ac:dyDescent="0.2">
      <c r="B1768" s="77"/>
      <c r="C1768" s="39" t="s">
        <v>60</v>
      </c>
      <c r="D1768" s="45">
        <v>1325</v>
      </c>
      <c r="E1768" s="46">
        <v>5.5</v>
      </c>
      <c r="F1768" s="46">
        <v>15.1</v>
      </c>
      <c r="G1768" s="46">
        <v>53.7</v>
      </c>
      <c r="H1768" s="46">
        <v>15.3</v>
      </c>
      <c r="I1768" s="46">
        <v>7.9</v>
      </c>
      <c r="J1768" s="46">
        <v>2.5</v>
      </c>
      <c r="K1768" s="46">
        <v>-2.6</v>
      </c>
      <c r="L1768" s="59">
        <v>0</v>
      </c>
    </row>
    <row r="1769" spans="1:25" x14ac:dyDescent="0.2">
      <c r="B1769" s="77"/>
      <c r="C1769" s="39" t="s">
        <v>61</v>
      </c>
      <c r="D1769" s="45">
        <v>675</v>
      </c>
      <c r="E1769" s="46">
        <v>4.4000000000000004</v>
      </c>
      <c r="F1769" s="46">
        <v>15.1</v>
      </c>
      <c r="G1769" s="46">
        <v>55</v>
      </c>
      <c r="H1769" s="46">
        <v>15.4</v>
      </c>
      <c r="I1769" s="46">
        <v>7.1</v>
      </c>
      <c r="J1769" s="46">
        <v>3</v>
      </c>
      <c r="K1769" s="46">
        <v>-2.9</v>
      </c>
      <c r="L1769" s="59">
        <v>0</v>
      </c>
    </row>
    <row r="1770" spans="1:25" x14ac:dyDescent="0.2">
      <c r="B1770" s="77"/>
      <c r="C1770" s="39" t="s">
        <v>62</v>
      </c>
      <c r="D1770" s="45">
        <v>1086</v>
      </c>
      <c r="E1770" s="46">
        <v>5.9</v>
      </c>
      <c r="F1770" s="46">
        <v>15.3</v>
      </c>
      <c r="G1770" s="46">
        <v>55</v>
      </c>
      <c r="H1770" s="46">
        <v>15.2</v>
      </c>
      <c r="I1770" s="46">
        <v>6.5</v>
      </c>
      <c r="J1770" s="46">
        <v>2.1</v>
      </c>
      <c r="K1770" s="46">
        <v>-0.6</v>
      </c>
      <c r="L1770" s="59">
        <v>0</v>
      </c>
    </row>
    <row r="1771" spans="1:25" ht="21.6" x14ac:dyDescent="0.2">
      <c r="B1771" s="77"/>
      <c r="C1771" s="39" t="s">
        <v>63</v>
      </c>
      <c r="D1771" s="45">
        <v>203</v>
      </c>
      <c r="E1771" s="46">
        <v>7.9</v>
      </c>
      <c r="F1771" s="46">
        <v>17.7</v>
      </c>
      <c r="G1771" s="46">
        <v>49.3</v>
      </c>
      <c r="H1771" s="46">
        <v>12.8</v>
      </c>
      <c r="I1771" s="46">
        <v>5.9</v>
      </c>
      <c r="J1771" s="46">
        <v>6.4</v>
      </c>
      <c r="K1771" s="46">
        <v>4.7</v>
      </c>
      <c r="L1771" s="59">
        <v>0</v>
      </c>
    </row>
    <row r="1772" spans="1:25" x14ac:dyDescent="0.2">
      <c r="B1772" s="77"/>
      <c r="C1772" s="39" t="s">
        <v>64</v>
      </c>
      <c r="D1772" s="45">
        <v>263</v>
      </c>
      <c r="E1772" s="46">
        <v>6.8</v>
      </c>
      <c r="F1772" s="46">
        <v>16.3</v>
      </c>
      <c r="G1772" s="46">
        <v>51</v>
      </c>
      <c r="H1772" s="46">
        <v>14.8</v>
      </c>
      <c r="I1772" s="46">
        <v>8.6999999999999993</v>
      </c>
      <c r="J1772" s="46">
        <v>2.2999999999999998</v>
      </c>
      <c r="K1772" s="46">
        <v>-1.2</v>
      </c>
      <c r="L1772" s="59">
        <v>0</v>
      </c>
    </row>
    <row r="1773" spans="1:25" x14ac:dyDescent="0.2">
      <c r="B1773" s="77"/>
      <c r="C1773" s="39" t="s">
        <v>65</v>
      </c>
      <c r="D1773" s="45">
        <v>312</v>
      </c>
      <c r="E1773" s="46">
        <v>5.8</v>
      </c>
      <c r="F1773" s="46">
        <v>17.3</v>
      </c>
      <c r="G1773" s="46">
        <v>52.9</v>
      </c>
      <c r="H1773" s="46">
        <v>15.1</v>
      </c>
      <c r="I1773" s="46">
        <v>8</v>
      </c>
      <c r="J1773" s="46">
        <v>1</v>
      </c>
      <c r="K1773" s="46">
        <v>-1.1000000000000001</v>
      </c>
      <c r="L1773" s="59">
        <v>0</v>
      </c>
    </row>
    <row r="1774" spans="1:25" x14ac:dyDescent="0.2">
      <c r="B1774" s="77"/>
      <c r="C1774" s="39" t="s">
        <v>66</v>
      </c>
      <c r="D1774" s="45">
        <v>230</v>
      </c>
      <c r="E1774" s="46">
        <v>4.8</v>
      </c>
      <c r="F1774" s="46">
        <v>11.7</v>
      </c>
      <c r="G1774" s="46">
        <v>60.4</v>
      </c>
      <c r="H1774" s="46">
        <v>18.7</v>
      </c>
      <c r="I1774" s="46">
        <v>3.9</v>
      </c>
      <c r="J1774" s="46">
        <v>0.4</v>
      </c>
      <c r="K1774" s="46">
        <v>-2.6</v>
      </c>
      <c r="L1774" s="59">
        <v>0</v>
      </c>
    </row>
    <row r="1775" spans="1:25" x14ac:dyDescent="0.2">
      <c r="B1775" s="77"/>
      <c r="C1775" s="39" t="s">
        <v>67</v>
      </c>
      <c r="D1775" s="45">
        <v>78</v>
      </c>
      <c r="E1775" s="46">
        <v>1.3</v>
      </c>
      <c r="F1775" s="46">
        <v>7.7</v>
      </c>
      <c r="G1775" s="46">
        <v>75.599999999999994</v>
      </c>
      <c r="H1775" s="46">
        <v>12.8</v>
      </c>
      <c r="I1775" s="46">
        <v>2.6</v>
      </c>
      <c r="J1775" s="46">
        <v>0</v>
      </c>
      <c r="K1775" s="46">
        <v>-3.8</v>
      </c>
      <c r="L1775" s="59">
        <v>0</v>
      </c>
    </row>
    <row r="1776" spans="1:25" x14ac:dyDescent="0.2">
      <c r="B1776" s="77"/>
      <c r="C1776" s="39" t="s">
        <v>68</v>
      </c>
      <c r="D1776" s="45">
        <v>897</v>
      </c>
      <c r="E1776" s="46">
        <v>5.9</v>
      </c>
      <c r="F1776" s="46">
        <v>15.9</v>
      </c>
      <c r="G1776" s="46">
        <v>54.3</v>
      </c>
      <c r="H1776" s="46">
        <v>15.4</v>
      </c>
      <c r="I1776" s="46">
        <v>6.4</v>
      </c>
      <c r="J1776" s="46">
        <v>2.1</v>
      </c>
      <c r="K1776" s="46">
        <v>-0.2</v>
      </c>
      <c r="L1776" s="59">
        <v>0</v>
      </c>
    </row>
    <row r="1777" spans="1:25" x14ac:dyDescent="0.2">
      <c r="B1777" s="77"/>
      <c r="C1777" s="39" t="s">
        <v>69</v>
      </c>
      <c r="D1777" s="45">
        <v>189</v>
      </c>
      <c r="E1777" s="46">
        <v>5.8</v>
      </c>
      <c r="F1777" s="46">
        <v>12.2</v>
      </c>
      <c r="G1777" s="46">
        <v>58.2</v>
      </c>
      <c r="H1777" s="46">
        <v>14.3</v>
      </c>
      <c r="I1777" s="46">
        <v>7.4</v>
      </c>
      <c r="J1777" s="46">
        <v>2.1</v>
      </c>
      <c r="K1777" s="46">
        <v>-2.7</v>
      </c>
      <c r="L1777" s="59">
        <v>0</v>
      </c>
    </row>
    <row r="1778" spans="1:25" x14ac:dyDescent="0.2">
      <c r="B1778" s="77"/>
      <c r="C1778" s="39" t="s">
        <v>70</v>
      </c>
      <c r="D1778" s="45">
        <v>914</v>
      </c>
      <c r="E1778" s="46">
        <v>4.3</v>
      </c>
      <c r="F1778" s="46">
        <v>14.9</v>
      </c>
      <c r="G1778" s="46">
        <v>53.1</v>
      </c>
      <c r="H1778" s="46">
        <v>15.5</v>
      </c>
      <c r="I1778" s="46">
        <v>9</v>
      </c>
      <c r="J1778" s="46">
        <v>3.3</v>
      </c>
      <c r="K1778" s="46">
        <v>-5.2</v>
      </c>
      <c r="L1778" s="59">
        <v>0</v>
      </c>
    </row>
    <row r="1779" spans="1:25" ht="21.6" x14ac:dyDescent="0.2">
      <c r="B1779" s="77"/>
      <c r="C1779" s="39" t="s">
        <v>63</v>
      </c>
      <c r="D1779" s="45">
        <v>193</v>
      </c>
      <c r="E1779" s="46">
        <v>9.8000000000000007</v>
      </c>
      <c r="F1779" s="46">
        <v>14.5</v>
      </c>
      <c r="G1779" s="46">
        <v>39.9</v>
      </c>
      <c r="H1779" s="46">
        <v>18.100000000000001</v>
      </c>
      <c r="I1779" s="46">
        <v>8.8000000000000007</v>
      </c>
      <c r="J1779" s="46">
        <v>8.8000000000000007</v>
      </c>
      <c r="K1779" s="46">
        <v>-0.9</v>
      </c>
      <c r="L1779" s="59">
        <v>0</v>
      </c>
    </row>
    <row r="1780" spans="1:25" x14ac:dyDescent="0.2">
      <c r="B1780" s="77"/>
      <c r="C1780" s="39" t="s">
        <v>64</v>
      </c>
      <c r="D1780" s="45">
        <v>203</v>
      </c>
      <c r="E1780" s="46">
        <v>3.9</v>
      </c>
      <c r="F1780" s="46">
        <v>19.7</v>
      </c>
      <c r="G1780" s="46">
        <v>51.2</v>
      </c>
      <c r="H1780" s="46">
        <v>15.8</v>
      </c>
      <c r="I1780" s="46">
        <v>7.4</v>
      </c>
      <c r="J1780" s="46">
        <v>2</v>
      </c>
      <c r="K1780" s="46">
        <v>-1.5</v>
      </c>
      <c r="L1780" s="59">
        <v>0</v>
      </c>
    </row>
    <row r="1781" spans="1:25" x14ac:dyDescent="0.2">
      <c r="B1781" s="77"/>
      <c r="C1781" s="39" t="s">
        <v>65</v>
      </c>
      <c r="D1781" s="45">
        <v>263</v>
      </c>
      <c r="E1781" s="46">
        <v>1.5</v>
      </c>
      <c r="F1781" s="46">
        <v>16.3</v>
      </c>
      <c r="G1781" s="46">
        <v>58.6</v>
      </c>
      <c r="H1781" s="46">
        <v>13.3</v>
      </c>
      <c r="I1781" s="46">
        <v>8.4</v>
      </c>
      <c r="J1781" s="46">
        <v>1.9</v>
      </c>
      <c r="K1781" s="46">
        <v>-5.4</v>
      </c>
      <c r="L1781" s="59">
        <v>0</v>
      </c>
    </row>
    <row r="1782" spans="1:25" x14ac:dyDescent="0.2">
      <c r="B1782" s="77"/>
      <c r="C1782" s="39" t="s">
        <v>66</v>
      </c>
      <c r="D1782" s="45">
        <v>194</v>
      </c>
      <c r="E1782" s="46">
        <v>3.1</v>
      </c>
      <c r="F1782" s="46">
        <v>10.3</v>
      </c>
      <c r="G1782" s="46">
        <v>59.3</v>
      </c>
      <c r="H1782" s="46">
        <v>15.5</v>
      </c>
      <c r="I1782" s="46">
        <v>9.8000000000000007</v>
      </c>
      <c r="J1782" s="46">
        <v>2.1</v>
      </c>
      <c r="K1782" s="46">
        <v>-9.5</v>
      </c>
      <c r="L1782" s="59">
        <v>0</v>
      </c>
    </row>
    <row r="1783" spans="1:25" x14ac:dyDescent="0.2">
      <c r="B1783" s="77"/>
      <c r="C1783" s="39" t="s">
        <v>67</v>
      </c>
      <c r="D1783" s="45">
        <v>61</v>
      </c>
      <c r="E1783" s="46">
        <v>3.3</v>
      </c>
      <c r="F1783" s="46">
        <v>8.1999999999999993</v>
      </c>
      <c r="G1783" s="46">
        <v>57.4</v>
      </c>
      <c r="H1783" s="46">
        <v>16.399999999999999</v>
      </c>
      <c r="I1783" s="46">
        <v>14.8</v>
      </c>
      <c r="J1783" s="46">
        <v>0</v>
      </c>
      <c r="K1783" s="46">
        <v>-15.6</v>
      </c>
      <c r="L1783" s="59">
        <v>0</v>
      </c>
    </row>
    <row r="1784" spans="1:25" x14ac:dyDescent="0.2">
      <c r="B1784" s="77"/>
      <c r="C1784" s="39" t="s">
        <v>68</v>
      </c>
      <c r="D1784" s="45">
        <v>416</v>
      </c>
      <c r="E1784" s="46">
        <v>5.5</v>
      </c>
      <c r="F1784" s="46">
        <v>16.100000000000001</v>
      </c>
      <c r="G1784" s="46">
        <v>53.8</v>
      </c>
      <c r="H1784" s="46">
        <v>14.4</v>
      </c>
      <c r="I1784" s="46">
        <v>6</v>
      </c>
      <c r="J1784" s="46">
        <v>4.0999999999999996</v>
      </c>
      <c r="K1784" s="46">
        <v>0.4</v>
      </c>
      <c r="L1784" s="59">
        <v>0</v>
      </c>
    </row>
    <row r="1785" spans="1:25" x14ac:dyDescent="0.2">
      <c r="B1785" s="77"/>
      <c r="C1785" s="40" t="s">
        <v>69</v>
      </c>
      <c r="D1785" s="48">
        <v>498</v>
      </c>
      <c r="E1785" s="49">
        <v>3.2</v>
      </c>
      <c r="F1785" s="49">
        <v>13.9</v>
      </c>
      <c r="G1785" s="49">
        <v>52.4</v>
      </c>
      <c r="H1785" s="49">
        <v>16.5</v>
      </c>
      <c r="I1785" s="49">
        <v>11.4</v>
      </c>
      <c r="J1785" s="49">
        <v>2.6</v>
      </c>
      <c r="K1785" s="49">
        <v>-9.8000000000000007</v>
      </c>
      <c r="L1785" s="60">
        <v>0</v>
      </c>
    </row>
    <row r="1786" spans="1:25" x14ac:dyDescent="0.2">
      <c r="B1786" s="7" t="s">
        <v>71</v>
      </c>
      <c r="C1786" s="4" t="s">
        <v>117</v>
      </c>
    </row>
    <row r="1787" spans="1:25" x14ac:dyDescent="0.2">
      <c r="B1787" s="4"/>
      <c r="C1787" s="4" t="s">
        <v>73</v>
      </c>
    </row>
    <row r="1789" spans="1:25" x14ac:dyDescent="0.2">
      <c r="A1789" s="26" t="s">
        <v>25</v>
      </c>
      <c r="B1789" t="s">
        <v>35</v>
      </c>
      <c r="C1789" t="s">
        <v>35</v>
      </c>
    </row>
    <row r="1790" spans="1:25" x14ac:dyDescent="0.2">
      <c r="B1790" s="75" t="s">
        <v>118</v>
      </c>
      <c r="C1790" s="76"/>
      <c r="D1790" s="76"/>
      <c r="E1790" s="76"/>
      <c r="F1790" s="76"/>
      <c r="G1790" s="76"/>
      <c r="H1790" s="76"/>
      <c r="I1790" s="76"/>
      <c r="J1790" s="76"/>
      <c r="K1790" s="76"/>
      <c r="L1790" s="76"/>
      <c r="M1790" s="76"/>
      <c r="N1790" s="76"/>
      <c r="O1790" s="76"/>
      <c r="P1790" s="76"/>
      <c r="Q1790" s="76"/>
      <c r="R1790" s="76"/>
      <c r="S1790" s="76"/>
      <c r="T1790" s="76"/>
      <c r="U1790" s="76"/>
      <c r="V1790" s="76"/>
      <c r="W1790" s="76"/>
      <c r="X1790" s="76"/>
      <c r="Y1790" s="76"/>
    </row>
    <row r="1791" spans="1:25" s="32" customFormat="1" ht="36.450000000000003" customHeight="1" x14ac:dyDescent="0.15">
      <c r="A1791" s="31"/>
      <c r="D1791" s="33" t="s">
        <v>378</v>
      </c>
      <c r="E1791" s="36" t="s">
        <v>537</v>
      </c>
      <c r="F1791" s="55" t="s">
        <v>525</v>
      </c>
      <c r="G1791" s="55" t="s">
        <v>538</v>
      </c>
      <c r="H1791" s="37" t="s">
        <v>480</v>
      </c>
      <c r="I1791" s="35" t="s">
        <v>381</v>
      </c>
    </row>
    <row r="1792" spans="1:25" x14ac:dyDescent="0.2">
      <c r="B1792" s="5"/>
      <c r="C1792" s="41" t="s">
        <v>38</v>
      </c>
      <c r="D1792" s="42">
        <v>2000</v>
      </c>
      <c r="E1792" s="43">
        <v>20.3</v>
      </c>
      <c r="F1792" s="43">
        <v>54.1</v>
      </c>
      <c r="G1792" s="43">
        <v>23</v>
      </c>
      <c r="H1792" s="44">
        <v>2.7</v>
      </c>
    </row>
    <row r="1793" spans="2:8" x14ac:dyDescent="0.2">
      <c r="B1793" s="77" t="s">
        <v>37</v>
      </c>
      <c r="C1793" s="39" t="s">
        <v>39</v>
      </c>
      <c r="D1793" s="45">
        <v>111</v>
      </c>
      <c r="E1793" s="46">
        <v>23.4</v>
      </c>
      <c r="F1793" s="46">
        <v>53.2</v>
      </c>
      <c r="G1793" s="46">
        <v>23.4</v>
      </c>
      <c r="H1793" s="47">
        <v>0</v>
      </c>
    </row>
    <row r="1794" spans="2:8" x14ac:dyDescent="0.2">
      <c r="B1794" s="77"/>
      <c r="C1794" s="39" t="s">
        <v>40</v>
      </c>
      <c r="D1794" s="45">
        <v>450</v>
      </c>
      <c r="E1794" s="46">
        <v>18.7</v>
      </c>
      <c r="F1794" s="46">
        <v>52.2</v>
      </c>
      <c r="G1794" s="46">
        <v>27.3</v>
      </c>
      <c r="H1794" s="47">
        <v>1.8</v>
      </c>
    </row>
    <row r="1795" spans="2:8" ht="21.6" x14ac:dyDescent="0.2">
      <c r="B1795" s="77"/>
      <c r="C1795" s="39" t="s">
        <v>41</v>
      </c>
      <c r="D1795" s="45">
        <v>30</v>
      </c>
      <c r="E1795" s="46">
        <v>26.7</v>
      </c>
      <c r="F1795" s="46">
        <v>46.7</v>
      </c>
      <c r="G1795" s="46">
        <v>20</v>
      </c>
      <c r="H1795" s="47">
        <v>6.7</v>
      </c>
    </row>
    <row r="1796" spans="2:8" ht="21.6" x14ac:dyDescent="0.2">
      <c r="B1796" s="77"/>
      <c r="C1796" s="39" t="s">
        <v>42</v>
      </c>
      <c r="D1796" s="45">
        <v>336</v>
      </c>
      <c r="E1796" s="46">
        <v>24.7</v>
      </c>
      <c r="F1796" s="46">
        <v>53.3</v>
      </c>
      <c r="G1796" s="46">
        <v>19.899999999999999</v>
      </c>
      <c r="H1796" s="47">
        <v>2.1</v>
      </c>
    </row>
    <row r="1797" spans="2:8" ht="21.6" x14ac:dyDescent="0.2">
      <c r="B1797" s="77"/>
      <c r="C1797" s="39" t="s">
        <v>43</v>
      </c>
      <c r="D1797" s="45">
        <v>327</v>
      </c>
      <c r="E1797" s="46">
        <v>18.7</v>
      </c>
      <c r="F1797" s="46">
        <v>51.7</v>
      </c>
      <c r="G1797" s="46">
        <v>26.3</v>
      </c>
      <c r="H1797" s="47">
        <v>3.4</v>
      </c>
    </row>
    <row r="1798" spans="2:8" ht="21.6" x14ac:dyDescent="0.2">
      <c r="B1798" s="77"/>
      <c r="C1798" s="39" t="s">
        <v>44</v>
      </c>
      <c r="D1798" s="45">
        <v>181</v>
      </c>
      <c r="E1798" s="46">
        <v>18.2</v>
      </c>
      <c r="F1798" s="46">
        <v>60.8</v>
      </c>
      <c r="G1798" s="46">
        <v>19.3</v>
      </c>
      <c r="H1798" s="47">
        <v>1.7</v>
      </c>
    </row>
    <row r="1799" spans="2:8" ht="21.6" x14ac:dyDescent="0.2">
      <c r="B1799" s="77"/>
      <c r="C1799" s="39" t="s">
        <v>45</v>
      </c>
      <c r="D1799" s="45">
        <v>565</v>
      </c>
      <c r="E1799" s="46">
        <v>19.5</v>
      </c>
      <c r="F1799" s="46">
        <v>55.9</v>
      </c>
      <c r="G1799" s="46">
        <v>20.7</v>
      </c>
      <c r="H1799" s="47">
        <v>3.9</v>
      </c>
    </row>
    <row r="1800" spans="2:8" ht="21.6" x14ac:dyDescent="0.2">
      <c r="B1800" s="77"/>
      <c r="C1800" s="39" t="s">
        <v>46</v>
      </c>
      <c r="D1800" s="45">
        <v>473</v>
      </c>
      <c r="E1800" s="46">
        <v>19.899999999999999</v>
      </c>
      <c r="F1800" s="46">
        <v>52.2</v>
      </c>
      <c r="G1800" s="46">
        <v>24.9</v>
      </c>
      <c r="H1800" s="47">
        <v>3</v>
      </c>
    </row>
    <row r="1801" spans="2:8" ht="21.6" x14ac:dyDescent="0.2">
      <c r="B1801" s="77"/>
      <c r="C1801" s="39" t="s">
        <v>47</v>
      </c>
      <c r="D1801" s="45">
        <v>441</v>
      </c>
      <c r="E1801" s="46">
        <v>22</v>
      </c>
      <c r="F1801" s="46">
        <v>53.3</v>
      </c>
      <c r="G1801" s="46">
        <v>23.1</v>
      </c>
      <c r="H1801" s="47">
        <v>1.6</v>
      </c>
    </row>
    <row r="1802" spans="2:8" ht="21.6" x14ac:dyDescent="0.2">
      <c r="B1802" s="77"/>
      <c r="C1802" s="39" t="s">
        <v>48</v>
      </c>
      <c r="D1802" s="45">
        <v>305</v>
      </c>
      <c r="E1802" s="46">
        <v>17</v>
      </c>
      <c r="F1802" s="46">
        <v>52.8</v>
      </c>
      <c r="G1802" s="46">
        <v>29.8</v>
      </c>
      <c r="H1802" s="47">
        <v>0.3</v>
      </c>
    </row>
    <row r="1803" spans="2:8" ht="21.6" x14ac:dyDescent="0.2">
      <c r="B1803" s="77"/>
      <c r="C1803" s="39" t="s">
        <v>49</v>
      </c>
      <c r="D1803" s="45">
        <v>223</v>
      </c>
      <c r="E1803" s="46">
        <v>19.7</v>
      </c>
      <c r="F1803" s="46">
        <v>59.6</v>
      </c>
      <c r="G1803" s="46">
        <v>19.7</v>
      </c>
      <c r="H1803" s="47">
        <v>0.9</v>
      </c>
    </row>
    <row r="1804" spans="2:8" ht="21.6" x14ac:dyDescent="0.2">
      <c r="B1804" s="77"/>
      <c r="C1804" s="39" t="s">
        <v>50</v>
      </c>
      <c r="D1804" s="45">
        <v>123</v>
      </c>
      <c r="E1804" s="46">
        <v>24.4</v>
      </c>
      <c r="F1804" s="46">
        <v>52</v>
      </c>
      <c r="G1804" s="46">
        <v>23.6</v>
      </c>
      <c r="H1804" s="47">
        <v>0</v>
      </c>
    </row>
    <row r="1805" spans="2:8" ht="21.6" x14ac:dyDescent="0.2">
      <c r="B1805" s="77"/>
      <c r="C1805" s="39" t="s">
        <v>51</v>
      </c>
      <c r="D1805" s="45">
        <v>124</v>
      </c>
      <c r="E1805" s="46">
        <v>19.399999999999999</v>
      </c>
      <c r="F1805" s="46">
        <v>61.3</v>
      </c>
      <c r="G1805" s="46">
        <v>15.3</v>
      </c>
      <c r="H1805" s="47">
        <v>4</v>
      </c>
    </row>
    <row r="1806" spans="2:8" ht="21.6" x14ac:dyDescent="0.2">
      <c r="B1806" s="77"/>
      <c r="C1806" s="39" t="s">
        <v>52</v>
      </c>
      <c r="D1806" s="45">
        <v>312</v>
      </c>
      <c r="E1806" s="46">
        <v>14.4</v>
      </c>
      <c r="F1806" s="46">
        <v>59.6</v>
      </c>
      <c r="G1806" s="46">
        <v>24.4</v>
      </c>
      <c r="H1806" s="47">
        <v>1.6</v>
      </c>
    </row>
    <row r="1807" spans="2:8" x14ac:dyDescent="0.2">
      <c r="B1807" s="77"/>
      <c r="C1807" s="39" t="s">
        <v>53</v>
      </c>
      <c r="D1807" s="45">
        <v>269</v>
      </c>
      <c r="E1807" s="46">
        <v>20.8</v>
      </c>
      <c r="F1807" s="46">
        <v>52.8</v>
      </c>
      <c r="G1807" s="46">
        <v>24.9</v>
      </c>
      <c r="H1807" s="47">
        <v>1.5</v>
      </c>
    </row>
    <row r="1808" spans="2:8" ht="21.6" x14ac:dyDescent="0.2">
      <c r="B1808" s="77"/>
      <c r="C1808" s="39" t="s">
        <v>54</v>
      </c>
      <c r="D1808" s="45">
        <v>511</v>
      </c>
      <c r="E1808" s="46">
        <v>24.9</v>
      </c>
      <c r="F1808" s="46">
        <v>50.9</v>
      </c>
      <c r="G1808" s="46">
        <v>22.7</v>
      </c>
      <c r="H1808" s="47">
        <v>1.6</v>
      </c>
    </row>
    <row r="1809" spans="1:25" ht="21.6" x14ac:dyDescent="0.2">
      <c r="B1809" s="77"/>
      <c r="C1809" s="39" t="s">
        <v>55</v>
      </c>
      <c r="D1809" s="45">
        <v>615</v>
      </c>
      <c r="E1809" s="46">
        <v>20.2</v>
      </c>
      <c r="F1809" s="46">
        <v>55.1</v>
      </c>
      <c r="G1809" s="46">
        <v>22.8</v>
      </c>
      <c r="H1809" s="47">
        <v>2</v>
      </c>
    </row>
    <row r="1810" spans="1:25" ht="21.6" x14ac:dyDescent="0.2">
      <c r="B1810" s="77"/>
      <c r="C1810" s="39" t="s">
        <v>56</v>
      </c>
      <c r="D1810" s="45">
        <v>800</v>
      </c>
      <c r="E1810" s="46">
        <v>20.8</v>
      </c>
      <c r="F1810" s="46">
        <v>53.1</v>
      </c>
      <c r="G1810" s="46">
        <v>23.8</v>
      </c>
      <c r="H1810" s="47">
        <v>2.4</v>
      </c>
    </row>
    <row r="1811" spans="1:25" x14ac:dyDescent="0.2">
      <c r="B1811" s="77"/>
      <c r="C1811" s="40" t="s">
        <v>57</v>
      </c>
      <c r="D1811" s="48">
        <v>798</v>
      </c>
      <c r="E1811" s="49">
        <v>20.100000000000001</v>
      </c>
      <c r="F1811" s="49">
        <v>56.8</v>
      </c>
      <c r="G1811" s="49">
        <v>22.1</v>
      </c>
      <c r="H1811" s="50">
        <v>1.1000000000000001</v>
      </c>
    </row>
    <row r="1813" spans="1:25" x14ac:dyDescent="0.2">
      <c r="C1813" t="s">
        <v>35</v>
      </c>
    </row>
    <row r="1814" spans="1:25" x14ac:dyDescent="0.2">
      <c r="B1814" s="75" t="s">
        <v>291</v>
      </c>
      <c r="C1814" s="76"/>
      <c r="D1814" s="76"/>
      <c r="E1814" s="76"/>
      <c r="F1814" s="76"/>
      <c r="G1814" s="76"/>
      <c r="H1814" s="76"/>
      <c r="I1814" s="76"/>
      <c r="J1814" s="76"/>
      <c r="K1814" s="76"/>
      <c r="L1814" s="76"/>
      <c r="M1814" s="76"/>
      <c r="N1814" s="76"/>
      <c r="O1814" s="76"/>
      <c r="P1814" s="76"/>
      <c r="Q1814" s="76"/>
      <c r="R1814" s="76"/>
      <c r="S1814" s="76"/>
      <c r="T1814" s="76"/>
      <c r="U1814" s="76"/>
      <c r="V1814" s="76"/>
      <c r="W1814" s="76"/>
      <c r="X1814" s="76"/>
      <c r="Y1814" s="76"/>
    </row>
    <row r="1815" spans="1:25" s="32" customFormat="1" ht="36.450000000000003" customHeight="1" x14ac:dyDescent="0.15">
      <c r="A1815" s="31"/>
      <c r="D1815" s="33" t="s">
        <v>378</v>
      </c>
      <c r="E1815" s="36" t="s">
        <v>537</v>
      </c>
      <c r="F1815" s="55" t="s">
        <v>525</v>
      </c>
      <c r="G1815" s="55" t="s">
        <v>538</v>
      </c>
      <c r="H1815" s="37" t="s">
        <v>480</v>
      </c>
      <c r="I1815" s="35" t="s">
        <v>381</v>
      </c>
    </row>
    <row r="1816" spans="1:25" ht="21.6" x14ac:dyDescent="0.2">
      <c r="B1816" s="77" t="s">
        <v>37</v>
      </c>
      <c r="C1816" s="38" t="s">
        <v>58</v>
      </c>
      <c r="D1816" s="51">
        <v>609</v>
      </c>
      <c r="E1816" s="52">
        <v>22.7</v>
      </c>
      <c r="F1816" s="52">
        <v>49.8</v>
      </c>
      <c r="G1816" s="52">
        <v>25</v>
      </c>
      <c r="H1816" s="53">
        <v>2.6</v>
      </c>
    </row>
    <row r="1817" spans="1:25" ht="21.6" x14ac:dyDescent="0.2">
      <c r="B1817" s="77"/>
      <c r="C1817" s="39" t="s">
        <v>59</v>
      </c>
      <c r="D1817" s="45">
        <v>1391</v>
      </c>
      <c r="E1817" s="46">
        <v>19.2</v>
      </c>
      <c r="F1817" s="46">
        <v>56</v>
      </c>
      <c r="G1817" s="46">
        <v>22.1</v>
      </c>
      <c r="H1817" s="47">
        <v>2.7</v>
      </c>
    </row>
    <row r="1818" spans="1:25" x14ac:dyDescent="0.2">
      <c r="B1818" s="77"/>
      <c r="C1818" s="39" t="s">
        <v>60</v>
      </c>
      <c r="D1818" s="45">
        <v>1325</v>
      </c>
      <c r="E1818" s="46">
        <v>20.6</v>
      </c>
      <c r="F1818" s="46">
        <v>53.7</v>
      </c>
      <c r="G1818" s="46">
        <v>23.2</v>
      </c>
      <c r="H1818" s="47">
        <v>2.5</v>
      </c>
    </row>
    <row r="1819" spans="1:25" x14ac:dyDescent="0.2">
      <c r="B1819" s="77"/>
      <c r="C1819" s="39" t="s">
        <v>61</v>
      </c>
      <c r="D1819" s="45">
        <v>675</v>
      </c>
      <c r="E1819" s="46">
        <v>19.600000000000001</v>
      </c>
      <c r="F1819" s="46">
        <v>55</v>
      </c>
      <c r="G1819" s="46">
        <v>22.5</v>
      </c>
      <c r="H1819" s="47">
        <v>3</v>
      </c>
    </row>
    <row r="1820" spans="1:25" x14ac:dyDescent="0.2">
      <c r="B1820" s="77"/>
      <c r="C1820" s="39" t="s">
        <v>62</v>
      </c>
      <c r="D1820" s="45">
        <v>1086</v>
      </c>
      <c r="E1820" s="46">
        <v>21.2</v>
      </c>
      <c r="F1820" s="46">
        <v>55</v>
      </c>
      <c r="G1820" s="46">
        <v>21.7</v>
      </c>
      <c r="H1820" s="47">
        <v>2.1</v>
      </c>
    </row>
    <row r="1821" spans="1:25" ht="21.6" x14ac:dyDescent="0.2">
      <c r="B1821" s="77"/>
      <c r="C1821" s="39" t="s">
        <v>63</v>
      </c>
      <c r="D1821" s="45">
        <v>203</v>
      </c>
      <c r="E1821" s="46">
        <v>25.6</v>
      </c>
      <c r="F1821" s="46">
        <v>49.3</v>
      </c>
      <c r="G1821" s="46">
        <v>18.7</v>
      </c>
      <c r="H1821" s="47">
        <v>6.4</v>
      </c>
    </row>
    <row r="1822" spans="1:25" x14ac:dyDescent="0.2">
      <c r="B1822" s="77"/>
      <c r="C1822" s="39" t="s">
        <v>64</v>
      </c>
      <c r="D1822" s="45">
        <v>263</v>
      </c>
      <c r="E1822" s="46">
        <v>23.2</v>
      </c>
      <c r="F1822" s="46">
        <v>51</v>
      </c>
      <c r="G1822" s="46">
        <v>23.6</v>
      </c>
      <c r="H1822" s="47">
        <v>2.2999999999999998</v>
      </c>
    </row>
    <row r="1823" spans="1:25" x14ac:dyDescent="0.2">
      <c r="B1823" s="77"/>
      <c r="C1823" s="39" t="s">
        <v>65</v>
      </c>
      <c r="D1823" s="45">
        <v>312</v>
      </c>
      <c r="E1823" s="46">
        <v>23.1</v>
      </c>
      <c r="F1823" s="46">
        <v>52.9</v>
      </c>
      <c r="G1823" s="46">
        <v>23.1</v>
      </c>
      <c r="H1823" s="47">
        <v>1</v>
      </c>
    </row>
    <row r="1824" spans="1:25" x14ac:dyDescent="0.2">
      <c r="B1824" s="77"/>
      <c r="C1824" s="39" t="s">
        <v>66</v>
      </c>
      <c r="D1824" s="45">
        <v>230</v>
      </c>
      <c r="E1824" s="46">
        <v>16.5</v>
      </c>
      <c r="F1824" s="46">
        <v>60.4</v>
      </c>
      <c r="G1824" s="46">
        <v>22.6</v>
      </c>
      <c r="H1824" s="47">
        <v>0.4</v>
      </c>
    </row>
    <row r="1825" spans="1:25" x14ac:dyDescent="0.2">
      <c r="B1825" s="77"/>
      <c r="C1825" s="39" t="s">
        <v>67</v>
      </c>
      <c r="D1825" s="45">
        <v>78</v>
      </c>
      <c r="E1825" s="46">
        <v>9</v>
      </c>
      <c r="F1825" s="46">
        <v>75.599999999999994</v>
      </c>
      <c r="G1825" s="46">
        <v>15.4</v>
      </c>
      <c r="H1825" s="47">
        <v>0</v>
      </c>
    </row>
    <row r="1826" spans="1:25" x14ac:dyDescent="0.2">
      <c r="B1826" s="77"/>
      <c r="C1826" s="39" t="s">
        <v>68</v>
      </c>
      <c r="D1826" s="45">
        <v>897</v>
      </c>
      <c r="E1826" s="46">
        <v>21.9</v>
      </c>
      <c r="F1826" s="46">
        <v>54.3</v>
      </c>
      <c r="G1826" s="46">
        <v>21.7</v>
      </c>
      <c r="H1826" s="47">
        <v>2.1</v>
      </c>
    </row>
    <row r="1827" spans="1:25" x14ac:dyDescent="0.2">
      <c r="B1827" s="77"/>
      <c r="C1827" s="39" t="s">
        <v>69</v>
      </c>
      <c r="D1827" s="45">
        <v>189</v>
      </c>
      <c r="E1827" s="46">
        <v>18</v>
      </c>
      <c r="F1827" s="46">
        <v>58.2</v>
      </c>
      <c r="G1827" s="46">
        <v>21.7</v>
      </c>
      <c r="H1827" s="47">
        <v>2.1</v>
      </c>
    </row>
    <row r="1828" spans="1:25" x14ac:dyDescent="0.2">
      <c r="B1828" s="77"/>
      <c r="C1828" s="39" t="s">
        <v>70</v>
      </c>
      <c r="D1828" s="45">
        <v>914</v>
      </c>
      <c r="E1828" s="46">
        <v>19.100000000000001</v>
      </c>
      <c r="F1828" s="46">
        <v>53.1</v>
      </c>
      <c r="G1828" s="46">
        <v>24.5</v>
      </c>
      <c r="H1828" s="47">
        <v>3.3</v>
      </c>
    </row>
    <row r="1829" spans="1:25" ht="21.6" x14ac:dyDescent="0.2">
      <c r="B1829" s="77"/>
      <c r="C1829" s="39" t="s">
        <v>63</v>
      </c>
      <c r="D1829" s="45">
        <v>193</v>
      </c>
      <c r="E1829" s="46">
        <v>24.4</v>
      </c>
      <c r="F1829" s="46">
        <v>39.9</v>
      </c>
      <c r="G1829" s="46">
        <v>26.9</v>
      </c>
      <c r="H1829" s="47">
        <v>8.8000000000000007</v>
      </c>
    </row>
    <row r="1830" spans="1:25" x14ac:dyDescent="0.2">
      <c r="B1830" s="77"/>
      <c r="C1830" s="39" t="s">
        <v>64</v>
      </c>
      <c r="D1830" s="45">
        <v>203</v>
      </c>
      <c r="E1830" s="46">
        <v>23.6</v>
      </c>
      <c r="F1830" s="46">
        <v>51.2</v>
      </c>
      <c r="G1830" s="46">
        <v>23.2</v>
      </c>
      <c r="H1830" s="47">
        <v>2</v>
      </c>
    </row>
    <row r="1831" spans="1:25" x14ac:dyDescent="0.2">
      <c r="B1831" s="77"/>
      <c r="C1831" s="39" t="s">
        <v>65</v>
      </c>
      <c r="D1831" s="45">
        <v>263</v>
      </c>
      <c r="E1831" s="46">
        <v>17.899999999999999</v>
      </c>
      <c r="F1831" s="46">
        <v>58.6</v>
      </c>
      <c r="G1831" s="46">
        <v>21.7</v>
      </c>
      <c r="H1831" s="47">
        <v>1.9</v>
      </c>
    </row>
    <row r="1832" spans="1:25" x14ac:dyDescent="0.2">
      <c r="B1832" s="77"/>
      <c r="C1832" s="39" t="s">
        <v>66</v>
      </c>
      <c r="D1832" s="45">
        <v>194</v>
      </c>
      <c r="E1832" s="46">
        <v>13.4</v>
      </c>
      <c r="F1832" s="46">
        <v>59.3</v>
      </c>
      <c r="G1832" s="46">
        <v>25.3</v>
      </c>
      <c r="H1832" s="47">
        <v>2.1</v>
      </c>
    </row>
    <row r="1833" spans="1:25" x14ac:dyDescent="0.2">
      <c r="B1833" s="77"/>
      <c r="C1833" s="39" t="s">
        <v>67</v>
      </c>
      <c r="D1833" s="45">
        <v>61</v>
      </c>
      <c r="E1833" s="46">
        <v>11.5</v>
      </c>
      <c r="F1833" s="46">
        <v>57.4</v>
      </c>
      <c r="G1833" s="46">
        <v>31.1</v>
      </c>
      <c r="H1833" s="47">
        <v>0</v>
      </c>
    </row>
    <row r="1834" spans="1:25" x14ac:dyDescent="0.2">
      <c r="B1834" s="77"/>
      <c r="C1834" s="39" t="s">
        <v>68</v>
      </c>
      <c r="D1834" s="45">
        <v>416</v>
      </c>
      <c r="E1834" s="46">
        <v>21.6</v>
      </c>
      <c r="F1834" s="46">
        <v>53.8</v>
      </c>
      <c r="G1834" s="46">
        <v>20.399999999999999</v>
      </c>
      <c r="H1834" s="47">
        <v>4.0999999999999996</v>
      </c>
    </row>
    <row r="1835" spans="1:25" x14ac:dyDescent="0.2">
      <c r="B1835" s="77"/>
      <c r="C1835" s="40" t="s">
        <v>69</v>
      </c>
      <c r="D1835" s="48">
        <v>498</v>
      </c>
      <c r="E1835" s="49">
        <v>17.100000000000001</v>
      </c>
      <c r="F1835" s="49">
        <v>52.4</v>
      </c>
      <c r="G1835" s="49">
        <v>27.9</v>
      </c>
      <c r="H1835" s="50">
        <v>2.6</v>
      </c>
    </row>
    <row r="1837" spans="1:25" x14ac:dyDescent="0.2">
      <c r="A1837" s="26" t="s">
        <v>25</v>
      </c>
      <c r="B1837" t="s">
        <v>35</v>
      </c>
      <c r="C1837" t="s">
        <v>35</v>
      </c>
    </row>
    <row r="1838" spans="1:25" x14ac:dyDescent="0.2">
      <c r="B1838" s="75" t="s">
        <v>119</v>
      </c>
      <c r="C1838" s="76"/>
      <c r="D1838" s="76"/>
      <c r="E1838" s="76"/>
      <c r="F1838" s="76"/>
      <c r="G1838" s="76"/>
      <c r="H1838" s="76"/>
      <c r="I1838" s="76"/>
      <c r="J1838" s="76"/>
      <c r="K1838" s="76"/>
      <c r="L1838" s="76"/>
      <c r="M1838" s="76"/>
      <c r="N1838" s="76"/>
      <c r="O1838" s="76"/>
      <c r="P1838" s="76"/>
      <c r="Q1838" s="76"/>
      <c r="R1838" s="76"/>
      <c r="S1838" s="76"/>
      <c r="T1838" s="76"/>
      <c r="U1838" s="76"/>
      <c r="V1838" s="76"/>
      <c r="W1838" s="76"/>
      <c r="X1838" s="76"/>
      <c r="Y1838" s="76"/>
    </row>
    <row r="1839" spans="1:25" s="32" customFormat="1" ht="36.450000000000003" customHeight="1" x14ac:dyDescent="0.15">
      <c r="A1839" s="31"/>
      <c r="D1839" s="33" t="s">
        <v>378</v>
      </c>
      <c r="E1839" s="36" t="s">
        <v>539</v>
      </c>
      <c r="F1839" s="55" t="s">
        <v>540</v>
      </c>
      <c r="G1839" s="55" t="s">
        <v>541</v>
      </c>
      <c r="H1839" s="55" t="s">
        <v>542</v>
      </c>
      <c r="I1839" s="37" t="s">
        <v>480</v>
      </c>
      <c r="J1839" s="35" t="s">
        <v>381</v>
      </c>
    </row>
    <row r="1840" spans="1:25" x14ac:dyDescent="0.2">
      <c r="B1840" s="5"/>
      <c r="C1840" s="41" t="s">
        <v>38</v>
      </c>
      <c r="D1840" s="42">
        <v>2000</v>
      </c>
      <c r="E1840" s="43">
        <v>8.3000000000000007</v>
      </c>
      <c r="F1840" s="43">
        <v>22.2</v>
      </c>
      <c r="G1840" s="43">
        <v>36.5</v>
      </c>
      <c r="H1840" s="43">
        <v>24.6</v>
      </c>
      <c r="I1840" s="44">
        <v>8.5</v>
      </c>
    </row>
    <row r="1841" spans="2:9" x14ac:dyDescent="0.2">
      <c r="B1841" s="77" t="s">
        <v>37</v>
      </c>
      <c r="C1841" s="39" t="s">
        <v>39</v>
      </c>
      <c r="D1841" s="45">
        <v>111</v>
      </c>
      <c r="E1841" s="46">
        <v>5.4</v>
      </c>
      <c r="F1841" s="46">
        <v>22.5</v>
      </c>
      <c r="G1841" s="46">
        <v>47.7</v>
      </c>
      <c r="H1841" s="46">
        <v>18.899999999999999</v>
      </c>
      <c r="I1841" s="47">
        <v>5.4</v>
      </c>
    </row>
    <row r="1842" spans="2:9" x14ac:dyDescent="0.2">
      <c r="B1842" s="77"/>
      <c r="C1842" s="39" t="s">
        <v>40</v>
      </c>
      <c r="D1842" s="45">
        <v>450</v>
      </c>
      <c r="E1842" s="46">
        <v>8.4</v>
      </c>
      <c r="F1842" s="46">
        <v>24.7</v>
      </c>
      <c r="G1842" s="46">
        <v>37.1</v>
      </c>
      <c r="H1842" s="46">
        <v>22.9</v>
      </c>
      <c r="I1842" s="47">
        <v>6.9</v>
      </c>
    </row>
    <row r="1843" spans="2:9" ht="21.6" x14ac:dyDescent="0.2">
      <c r="B1843" s="77"/>
      <c r="C1843" s="39" t="s">
        <v>41</v>
      </c>
      <c r="D1843" s="45">
        <v>30</v>
      </c>
      <c r="E1843" s="46">
        <v>10</v>
      </c>
      <c r="F1843" s="46">
        <v>20</v>
      </c>
      <c r="G1843" s="46">
        <v>26.7</v>
      </c>
      <c r="H1843" s="46">
        <v>26.7</v>
      </c>
      <c r="I1843" s="47">
        <v>16.7</v>
      </c>
    </row>
    <row r="1844" spans="2:9" ht="21.6" x14ac:dyDescent="0.2">
      <c r="B1844" s="77"/>
      <c r="C1844" s="39" t="s">
        <v>42</v>
      </c>
      <c r="D1844" s="45">
        <v>336</v>
      </c>
      <c r="E1844" s="46">
        <v>7.1</v>
      </c>
      <c r="F1844" s="46">
        <v>19</v>
      </c>
      <c r="G1844" s="46">
        <v>34.5</v>
      </c>
      <c r="H1844" s="46">
        <v>29.5</v>
      </c>
      <c r="I1844" s="47">
        <v>9.8000000000000007</v>
      </c>
    </row>
    <row r="1845" spans="2:9" ht="21.6" x14ac:dyDescent="0.2">
      <c r="B1845" s="77"/>
      <c r="C1845" s="39" t="s">
        <v>43</v>
      </c>
      <c r="D1845" s="45">
        <v>327</v>
      </c>
      <c r="E1845" s="46">
        <v>10.7</v>
      </c>
      <c r="F1845" s="46">
        <v>20.8</v>
      </c>
      <c r="G1845" s="46">
        <v>37</v>
      </c>
      <c r="H1845" s="46">
        <v>24.5</v>
      </c>
      <c r="I1845" s="47">
        <v>7</v>
      </c>
    </row>
    <row r="1846" spans="2:9" ht="21.6" x14ac:dyDescent="0.2">
      <c r="B1846" s="77"/>
      <c r="C1846" s="39" t="s">
        <v>44</v>
      </c>
      <c r="D1846" s="45">
        <v>181</v>
      </c>
      <c r="E1846" s="46">
        <v>6.1</v>
      </c>
      <c r="F1846" s="46">
        <v>23.2</v>
      </c>
      <c r="G1846" s="46">
        <v>43.1</v>
      </c>
      <c r="H1846" s="46">
        <v>21.5</v>
      </c>
      <c r="I1846" s="47">
        <v>6.1</v>
      </c>
    </row>
    <row r="1847" spans="2:9" ht="21.6" x14ac:dyDescent="0.2">
      <c r="B1847" s="77"/>
      <c r="C1847" s="39" t="s">
        <v>45</v>
      </c>
      <c r="D1847" s="45">
        <v>565</v>
      </c>
      <c r="E1847" s="46">
        <v>8.5</v>
      </c>
      <c r="F1847" s="46">
        <v>22.7</v>
      </c>
      <c r="G1847" s="46">
        <v>32.9</v>
      </c>
      <c r="H1847" s="46">
        <v>25.1</v>
      </c>
      <c r="I1847" s="47">
        <v>10.8</v>
      </c>
    </row>
    <row r="1848" spans="2:9" ht="21.6" x14ac:dyDescent="0.2">
      <c r="B1848" s="77"/>
      <c r="C1848" s="39" t="s">
        <v>46</v>
      </c>
      <c r="D1848" s="45">
        <v>473</v>
      </c>
      <c r="E1848" s="46">
        <v>12.9</v>
      </c>
      <c r="F1848" s="46">
        <v>23.3</v>
      </c>
      <c r="G1848" s="46">
        <v>33.4</v>
      </c>
      <c r="H1848" s="46">
        <v>21.4</v>
      </c>
      <c r="I1848" s="47">
        <v>9.1</v>
      </c>
    </row>
    <row r="1849" spans="2:9" ht="21.6" x14ac:dyDescent="0.2">
      <c r="B1849" s="77"/>
      <c r="C1849" s="39" t="s">
        <v>47</v>
      </c>
      <c r="D1849" s="45">
        <v>441</v>
      </c>
      <c r="E1849" s="46">
        <v>8.4</v>
      </c>
      <c r="F1849" s="46">
        <v>26.3</v>
      </c>
      <c r="G1849" s="46">
        <v>33.299999999999997</v>
      </c>
      <c r="H1849" s="46">
        <v>24.9</v>
      </c>
      <c r="I1849" s="47">
        <v>7</v>
      </c>
    </row>
    <row r="1850" spans="2:9" ht="21.6" x14ac:dyDescent="0.2">
      <c r="B1850" s="77"/>
      <c r="C1850" s="39" t="s">
        <v>48</v>
      </c>
      <c r="D1850" s="45">
        <v>305</v>
      </c>
      <c r="E1850" s="46">
        <v>4.9000000000000004</v>
      </c>
      <c r="F1850" s="46">
        <v>21.3</v>
      </c>
      <c r="G1850" s="46">
        <v>40.299999999999997</v>
      </c>
      <c r="H1850" s="46">
        <v>26.2</v>
      </c>
      <c r="I1850" s="47">
        <v>7.2</v>
      </c>
    </row>
    <row r="1851" spans="2:9" ht="21.6" x14ac:dyDescent="0.2">
      <c r="B1851" s="77"/>
      <c r="C1851" s="39" t="s">
        <v>49</v>
      </c>
      <c r="D1851" s="45">
        <v>223</v>
      </c>
      <c r="E1851" s="46">
        <v>5.4</v>
      </c>
      <c r="F1851" s="46">
        <v>19.7</v>
      </c>
      <c r="G1851" s="46">
        <v>42.2</v>
      </c>
      <c r="H1851" s="46">
        <v>30</v>
      </c>
      <c r="I1851" s="47">
        <v>2.7</v>
      </c>
    </row>
    <row r="1852" spans="2:9" ht="21.6" x14ac:dyDescent="0.2">
      <c r="B1852" s="77"/>
      <c r="C1852" s="39" t="s">
        <v>50</v>
      </c>
      <c r="D1852" s="45">
        <v>123</v>
      </c>
      <c r="E1852" s="46">
        <v>4.0999999999999996</v>
      </c>
      <c r="F1852" s="46">
        <v>15.4</v>
      </c>
      <c r="G1852" s="46">
        <v>39.799999999999997</v>
      </c>
      <c r="H1852" s="46">
        <v>36.6</v>
      </c>
      <c r="I1852" s="47">
        <v>4.0999999999999996</v>
      </c>
    </row>
    <row r="1853" spans="2:9" ht="21.6" x14ac:dyDescent="0.2">
      <c r="B1853" s="77"/>
      <c r="C1853" s="39" t="s">
        <v>51</v>
      </c>
      <c r="D1853" s="45">
        <v>124</v>
      </c>
      <c r="E1853" s="46">
        <v>2.4</v>
      </c>
      <c r="F1853" s="46">
        <v>16.100000000000001</v>
      </c>
      <c r="G1853" s="46">
        <v>39.5</v>
      </c>
      <c r="H1853" s="46">
        <v>33.9</v>
      </c>
      <c r="I1853" s="47">
        <v>8.1</v>
      </c>
    </row>
    <row r="1854" spans="2:9" ht="21.6" x14ac:dyDescent="0.2">
      <c r="B1854" s="77"/>
      <c r="C1854" s="39" t="s">
        <v>52</v>
      </c>
      <c r="D1854" s="45">
        <v>312</v>
      </c>
      <c r="E1854" s="46">
        <v>11.5</v>
      </c>
      <c r="F1854" s="46">
        <v>23.7</v>
      </c>
      <c r="G1854" s="46">
        <v>34</v>
      </c>
      <c r="H1854" s="46">
        <v>23.4</v>
      </c>
      <c r="I1854" s="47">
        <v>7.4</v>
      </c>
    </row>
    <row r="1855" spans="2:9" x14ac:dyDescent="0.2">
      <c r="B1855" s="77"/>
      <c r="C1855" s="39" t="s">
        <v>53</v>
      </c>
      <c r="D1855" s="45">
        <v>269</v>
      </c>
      <c r="E1855" s="46">
        <v>7.1</v>
      </c>
      <c r="F1855" s="46">
        <v>28.6</v>
      </c>
      <c r="G1855" s="46">
        <v>36.799999999999997</v>
      </c>
      <c r="H1855" s="46">
        <v>17.100000000000001</v>
      </c>
      <c r="I1855" s="47">
        <v>10.4</v>
      </c>
    </row>
    <row r="1856" spans="2:9" ht="21.6" x14ac:dyDescent="0.2">
      <c r="B1856" s="77"/>
      <c r="C1856" s="39" t="s">
        <v>54</v>
      </c>
      <c r="D1856" s="45">
        <v>511</v>
      </c>
      <c r="E1856" s="46">
        <v>8.4</v>
      </c>
      <c r="F1856" s="46">
        <v>25.6</v>
      </c>
      <c r="G1856" s="46">
        <v>35.200000000000003</v>
      </c>
      <c r="H1856" s="46">
        <v>24.5</v>
      </c>
      <c r="I1856" s="47">
        <v>6.3</v>
      </c>
    </row>
    <row r="1857" spans="1:25" ht="21.6" x14ac:dyDescent="0.2">
      <c r="B1857" s="77"/>
      <c r="C1857" s="39" t="s">
        <v>55</v>
      </c>
      <c r="D1857" s="45">
        <v>615</v>
      </c>
      <c r="E1857" s="46">
        <v>5.4</v>
      </c>
      <c r="F1857" s="46">
        <v>17.7</v>
      </c>
      <c r="G1857" s="46">
        <v>40</v>
      </c>
      <c r="H1857" s="46">
        <v>31.7</v>
      </c>
      <c r="I1857" s="47">
        <v>5.2</v>
      </c>
    </row>
    <row r="1858" spans="1:25" ht="21.6" x14ac:dyDescent="0.2">
      <c r="B1858" s="77"/>
      <c r="C1858" s="39" t="s">
        <v>56</v>
      </c>
      <c r="D1858" s="45">
        <v>800</v>
      </c>
      <c r="E1858" s="46">
        <v>7.1</v>
      </c>
      <c r="F1858" s="46">
        <v>21.1</v>
      </c>
      <c r="G1858" s="46">
        <v>38.1</v>
      </c>
      <c r="H1858" s="46">
        <v>27.3</v>
      </c>
      <c r="I1858" s="47">
        <v>6.4</v>
      </c>
    </row>
    <row r="1859" spans="1:25" x14ac:dyDescent="0.2">
      <c r="B1859" s="77"/>
      <c r="C1859" s="40" t="s">
        <v>57</v>
      </c>
      <c r="D1859" s="48">
        <v>798</v>
      </c>
      <c r="E1859" s="49">
        <v>8.5</v>
      </c>
      <c r="F1859" s="49">
        <v>25.9</v>
      </c>
      <c r="G1859" s="49">
        <v>33.200000000000003</v>
      </c>
      <c r="H1859" s="49">
        <v>25.4</v>
      </c>
      <c r="I1859" s="50">
        <v>6.9</v>
      </c>
    </row>
    <row r="1860" spans="1:25" x14ac:dyDescent="0.2">
      <c r="B1860" s="7" t="s">
        <v>71</v>
      </c>
      <c r="C1860" s="4" t="s">
        <v>120</v>
      </c>
    </row>
    <row r="1861" spans="1:25" x14ac:dyDescent="0.2">
      <c r="B1861" s="4"/>
      <c r="C1861" s="4" t="s">
        <v>73</v>
      </c>
    </row>
    <row r="1863" spans="1:25" x14ac:dyDescent="0.2">
      <c r="C1863" t="s">
        <v>35</v>
      </c>
    </row>
    <row r="1864" spans="1:25" x14ac:dyDescent="0.2">
      <c r="B1864" s="75" t="s">
        <v>292</v>
      </c>
      <c r="C1864" s="76"/>
      <c r="D1864" s="76"/>
      <c r="E1864" s="76"/>
      <c r="F1864" s="76"/>
      <c r="G1864" s="76"/>
      <c r="H1864" s="76"/>
      <c r="I1864" s="76"/>
      <c r="J1864" s="76"/>
      <c r="K1864" s="76"/>
      <c r="L1864" s="76"/>
      <c r="M1864" s="76"/>
      <c r="N1864" s="76"/>
      <c r="O1864" s="76"/>
      <c r="P1864" s="76"/>
      <c r="Q1864" s="76"/>
      <c r="R1864" s="76"/>
      <c r="S1864" s="76"/>
      <c r="T1864" s="76"/>
      <c r="U1864" s="76"/>
      <c r="V1864" s="76"/>
      <c r="W1864" s="76"/>
      <c r="X1864" s="76"/>
      <c r="Y1864" s="76"/>
    </row>
    <row r="1865" spans="1:25" s="32" customFormat="1" ht="36.450000000000003" customHeight="1" x14ac:dyDescent="0.15">
      <c r="A1865" s="31"/>
      <c r="D1865" s="33" t="s">
        <v>378</v>
      </c>
      <c r="E1865" s="36" t="s">
        <v>539</v>
      </c>
      <c r="F1865" s="55" t="s">
        <v>540</v>
      </c>
      <c r="G1865" s="55" t="s">
        <v>541</v>
      </c>
      <c r="H1865" s="55" t="s">
        <v>542</v>
      </c>
      <c r="I1865" s="37" t="s">
        <v>480</v>
      </c>
      <c r="J1865" s="35" t="s">
        <v>381</v>
      </c>
    </row>
    <row r="1866" spans="1:25" ht="21.6" x14ac:dyDescent="0.2">
      <c r="B1866" s="77" t="s">
        <v>37</v>
      </c>
      <c r="C1866" s="38" t="s">
        <v>58</v>
      </c>
      <c r="D1866" s="51">
        <v>609</v>
      </c>
      <c r="E1866" s="52">
        <v>7.9</v>
      </c>
      <c r="F1866" s="52">
        <v>22.7</v>
      </c>
      <c r="G1866" s="52">
        <v>36.5</v>
      </c>
      <c r="H1866" s="52">
        <v>27.1</v>
      </c>
      <c r="I1866" s="53">
        <v>5.9</v>
      </c>
    </row>
    <row r="1867" spans="1:25" ht="21.6" x14ac:dyDescent="0.2">
      <c r="B1867" s="77"/>
      <c r="C1867" s="39" t="s">
        <v>59</v>
      </c>
      <c r="D1867" s="45">
        <v>1391</v>
      </c>
      <c r="E1867" s="46">
        <v>8.4</v>
      </c>
      <c r="F1867" s="46">
        <v>22</v>
      </c>
      <c r="G1867" s="46">
        <v>36.4</v>
      </c>
      <c r="H1867" s="46">
        <v>23.5</v>
      </c>
      <c r="I1867" s="47">
        <v>9.6</v>
      </c>
    </row>
    <row r="1868" spans="1:25" x14ac:dyDescent="0.2">
      <c r="B1868" s="77"/>
      <c r="C1868" s="39" t="s">
        <v>60</v>
      </c>
      <c r="D1868" s="45">
        <v>1325</v>
      </c>
      <c r="E1868" s="46">
        <v>7.8</v>
      </c>
      <c r="F1868" s="46">
        <v>22.7</v>
      </c>
      <c r="G1868" s="46">
        <v>36.299999999999997</v>
      </c>
      <c r="H1868" s="46">
        <v>24.4</v>
      </c>
      <c r="I1868" s="47">
        <v>8.8000000000000007</v>
      </c>
    </row>
    <row r="1869" spans="1:25" x14ac:dyDescent="0.2">
      <c r="B1869" s="77"/>
      <c r="C1869" s="39" t="s">
        <v>61</v>
      </c>
      <c r="D1869" s="45">
        <v>675</v>
      </c>
      <c r="E1869" s="46">
        <v>9</v>
      </c>
      <c r="F1869" s="46">
        <v>21.2</v>
      </c>
      <c r="G1869" s="46">
        <v>36.700000000000003</v>
      </c>
      <c r="H1869" s="46">
        <v>25</v>
      </c>
      <c r="I1869" s="47">
        <v>8</v>
      </c>
    </row>
    <row r="1870" spans="1:25" x14ac:dyDescent="0.2">
      <c r="B1870" s="77"/>
      <c r="C1870" s="39" t="s">
        <v>62</v>
      </c>
      <c r="D1870" s="45">
        <v>1086</v>
      </c>
      <c r="E1870" s="46">
        <v>7.6</v>
      </c>
      <c r="F1870" s="46">
        <v>22.4</v>
      </c>
      <c r="G1870" s="46">
        <v>36.299999999999997</v>
      </c>
      <c r="H1870" s="46">
        <v>24.5</v>
      </c>
      <c r="I1870" s="47">
        <v>9.1999999999999993</v>
      </c>
    </row>
    <row r="1871" spans="1:25" ht="21.6" x14ac:dyDescent="0.2">
      <c r="B1871" s="77"/>
      <c r="C1871" s="39" t="s">
        <v>63</v>
      </c>
      <c r="D1871" s="45">
        <v>203</v>
      </c>
      <c r="E1871" s="46">
        <v>7.9</v>
      </c>
      <c r="F1871" s="46">
        <v>21.7</v>
      </c>
      <c r="G1871" s="46">
        <v>39.4</v>
      </c>
      <c r="H1871" s="46">
        <v>20.7</v>
      </c>
      <c r="I1871" s="47">
        <v>10.3</v>
      </c>
    </row>
    <row r="1872" spans="1:25" x14ac:dyDescent="0.2">
      <c r="B1872" s="77"/>
      <c r="C1872" s="39" t="s">
        <v>64</v>
      </c>
      <c r="D1872" s="45">
        <v>263</v>
      </c>
      <c r="E1872" s="46">
        <v>7.2</v>
      </c>
      <c r="F1872" s="46">
        <v>22.8</v>
      </c>
      <c r="G1872" s="46">
        <v>35</v>
      </c>
      <c r="H1872" s="46">
        <v>24.7</v>
      </c>
      <c r="I1872" s="47">
        <v>10.3</v>
      </c>
    </row>
    <row r="1873" spans="2:9" x14ac:dyDescent="0.2">
      <c r="B1873" s="77"/>
      <c r="C1873" s="39" t="s">
        <v>65</v>
      </c>
      <c r="D1873" s="45">
        <v>312</v>
      </c>
      <c r="E1873" s="46">
        <v>8.3000000000000007</v>
      </c>
      <c r="F1873" s="46">
        <v>25.3</v>
      </c>
      <c r="G1873" s="46">
        <v>33.700000000000003</v>
      </c>
      <c r="H1873" s="46">
        <v>23.4</v>
      </c>
      <c r="I1873" s="47">
        <v>9.3000000000000007</v>
      </c>
    </row>
    <row r="1874" spans="2:9" x14ac:dyDescent="0.2">
      <c r="B1874" s="77"/>
      <c r="C1874" s="39" t="s">
        <v>66</v>
      </c>
      <c r="D1874" s="45">
        <v>230</v>
      </c>
      <c r="E1874" s="46">
        <v>8.6999999999999993</v>
      </c>
      <c r="F1874" s="46">
        <v>17.399999999999999</v>
      </c>
      <c r="G1874" s="46">
        <v>40</v>
      </c>
      <c r="H1874" s="46">
        <v>27</v>
      </c>
      <c r="I1874" s="47">
        <v>7</v>
      </c>
    </row>
    <row r="1875" spans="2:9" x14ac:dyDescent="0.2">
      <c r="B1875" s="77"/>
      <c r="C1875" s="39" t="s">
        <v>67</v>
      </c>
      <c r="D1875" s="45">
        <v>78</v>
      </c>
      <c r="E1875" s="46">
        <v>2.6</v>
      </c>
      <c r="F1875" s="46">
        <v>25.6</v>
      </c>
      <c r="G1875" s="46">
        <v>32.1</v>
      </c>
      <c r="H1875" s="46">
        <v>30.8</v>
      </c>
      <c r="I1875" s="47">
        <v>9</v>
      </c>
    </row>
    <row r="1876" spans="2:9" x14ac:dyDescent="0.2">
      <c r="B1876" s="77"/>
      <c r="C1876" s="39" t="s">
        <v>68</v>
      </c>
      <c r="D1876" s="45">
        <v>897</v>
      </c>
      <c r="E1876" s="46">
        <v>6.8</v>
      </c>
      <c r="F1876" s="46">
        <v>22.5</v>
      </c>
      <c r="G1876" s="46">
        <v>36.700000000000003</v>
      </c>
      <c r="H1876" s="46">
        <v>26.2</v>
      </c>
      <c r="I1876" s="47">
        <v>7.8</v>
      </c>
    </row>
    <row r="1877" spans="2:9" x14ac:dyDescent="0.2">
      <c r="B1877" s="77"/>
      <c r="C1877" s="39" t="s">
        <v>69</v>
      </c>
      <c r="D1877" s="45">
        <v>189</v>
      </c>
      <c r="E1877" s="46">
        <v>11.6</v>
      </c>
      <c r="F1877" s="46">
        <v>21.7</v>
      </c>
      <c r="G1877" s="46">
        <v>34.4</v>
      </c>
      <c r="H1877" s="46">
        <v>16.399999999999999</v>
      </c>
      <c r="I1877" s="47">
        <v>15.9</v>
      </c>
    </row>
    <row r="1878" spans="2:9" x14ac:dyDescent="0.2">
      <c r="B1878" s="77"/>
      <c r="C1878" s="39" t="s">
        <v>70</v>
      </c>
      <c r="D1878" s="45">
        <v>914</v>
      </c>
      <c r="E1878" s="46">
        <v>9</v>
      </c>
      <c r="F1878" s="46">
        <v>22</v>
      </c>
      <c r="G1878" s="46">
        <v>36.700000000000003</v>
      </c>
      <c r="H1878" s="46">
        <v>24.7</v>
      </c>
      <c r="I1878" s="47">
        <v>7.7</v>
      </c>
    </row>
    <row r="1879" spans="2:9" ht="21.6" x14ac:dyDescent="0.2">
      <c r="B1879" s="77"/>
      <c r="C1879" s="39" t="s">
        <v>63</v>
      </c>
      <c r="D1879" s="45">
        <v>193</v>
      </c>
      <c r="E1879" s="46">
        <v>8.3000000000000007</v>
      </c>
      <c r="F1879" s="46">
        <v>23.3</v>
      </c>
      <c r="G1879" s="46">
        <v>28</v>
      </c>
      <c r="H1879" s="46">
        <v>30.6</v>
      </c>
      <c r="I1879" s="47">
        <v>9.8000000000000007</v>
      </c>
    </row>
    <row r="1880" spans="2:9" x14ac:dyDescent="0.2">
      <c r="B1880" s="77"/>
      <c r="C1880" s="39" t="s">
        <v>64</v>
      </c>
      <c r="D1880" s="45">
        <v>203</v>
      </c>
      <c r="E1880" s="46">
        <v>7.9</v>
      </c>
      <c r="F1880" s="46">
        <v>22.2</v>
      </c>
      <c r="G1880" s="46">
        <v>37.4</v>
      </c>
      <c r="H1880" s="46">
        <v>26.1</v>
      </c>
      <c r="I1880" s="47">
        <v>6.4</v>
      </c>
    </row>
    <row r="1881" spans="2:9" x14ac:dyDescent="0.2">
      <c r="B1881" s="77"/>
      <c r="C1881" s="39" t="s">
        <v>65</v>
      </c>
      <c r="D1881" s="45">
        <v>263</v>
      </c>
      <c r="E1881" s="46">
        <v>10.6</v>
      </c>
      <c r="F1881" s="46">
        <v>19.399999999999999</v>
      </c>
      <c r="G1881" s="46">
        <v>40.299999999999997</v>
      </c>
      <c r="H1881" s="46">
        <v>21.3</v>
      </c>
      <c r="I1881" s="47">
        <v>8.4</v>
      </c>
    </row>
    <row r="1882" spans="2:9" x14ac:dyDescent="0.2">
      <c r="B1882" s="77"/>
      <c r="C1882" s="39" t="s">
        <v>66</v>
      </c>
      <c r="D1882" s="45">
        <v>194</v>
      </c>
      <c r="E1882" s="46">
        <v>7.7</v>
      </c>
      <c r="F1882" s="46">
        <v>22.7</v>
      </c>
      <c r="G1882" s="46">
        <v>40.200000000000003</v>
      </c>
      <c r="H1882" s="46">
        <v>22.2</v>
      </c>
      <c r="I1882" s="47">
        <v>7.2</v>
      </c>
    </row>
    <row r="1883" spans="2:9" x14ac:dyDescent="0.2">
      <c r="B1883" s="77"/>
      <c r="C1883" s="39" t="s">
        <v>67</v>
      </c>
      <c r="D1883" s="45">
        <v>61</v>
      </c>
      <c r="E1883" s="46">
        <v>11.5</v>
      </c>
      <c r="F1883" s="46">
        <v>26.2</v>
      </c>
      <c r="G1883" s="46">
        <v>34.4</v>
      </c>
      <c r="H1883" s="46">
        <v>24.6</v>
      </c>
      <c r="I1883" s="47">
        <v>3.3</v>
      </c>
    </row>
    <row r="1884" spans="2:9" x14ac:dyDescent="0.2">
      <c r="B1884" s="77"/>
      <c r="C1884" s="39" t="s">
        <v>68</v>
      </c>
      <c r="D1884" s="45">
        <v>416</v>
      </c>
      <c r="E1884" s="46">
        <v>7.5</v>
      </c>
      <c r="F1884" s="46">
        <v>20.9</v>
      </c>
      <c r="G1884" s="46">
        <v>36.5</v>
      </c>
      <c r="H1884" s="46">
        <v>28.4</v>
      </c>
      <c r="I1884" s="47">
        <v>6.7</v>
      </c>
    </row>
    <row r="1885" spans="2:9" x14ac:dyDescent="0.2">
      <c r="B1885" s="77"/>
      <c r="C1885" s="40" t="s">
        <v>69</v>
      </c>
      <c r="D1885" s="48">
        <v>498</v>
      </c>
      <c r="E1885" s="49">
        <v>10.199999999999999</v>
      </c>
      <c r="F1885" s="49">
        <v>22.9</v>
      </c>
      <c r="G1885" s="49">
        <v>36.700000000000003</v>
      </c>
      <c r="H1885" s="49">
        <v>21.7</v>
      </c>
      <c r="I1885" s="50">
        <v>8.4</v>
      </c>
    </row>
    <row r="1886" spans="2:9" x14ac:dyDescent="0.2">
      <c r="B1886" s="7" t="s">
        <v>71</v>
      </c>
      <c r="C1886" s="4" t="s">
        <v>120</v>
      </c>
    </row>
    <row r="1887" spans="2:9" x14ac:dyDescent="0.2">
      <c r="B1887" s="4"/>
      <c r="C1887" s="4" t="s">
        <v>73</v>
      </c>
    </row>
    <row r="1889" spans="1:25" x14ac:dyDescent="0.2">
      <c r="A1889" s="26" t="s">
        <v>25</v>
      </c>
      <c r="B1889" t="s">
        <v>35</v>
      </c>
      <c r="C1889" t="s">
        <v>35</v>
      </c>
    </row>
    <row r="1890" spans="1:25" x14ac:dyDescent="0.2">
      <c r="B1890" s="75" t="s">
        <v>121</v>
      </c>
      <c r="C1890" s="76"/>
      <c r="D1890" s="76"/>
      <c r="E1890" s="76"/>
      <c r="F1890" s="76"/>
      <c r="G1890" s="76"/>
      <c r="H1890" s="76"/>
      <c r="I1890" s="76"/>
      <c r="J1890" s="76"/>
      <c r="K1890" s="76"/>
      <c r="L1890" s="76"/>
      <c r="M1890" s="76"/>
      <c r="N1890" s="76"/>
      <c r="O1890" s="76"/>
      <c r="P1890" s="76"/>
      <c r="Q1890" s="76"/>
      <c r="R1890" s="76"/>
      <c r="S1890" s="76"/>
      <c r="T1890" s="76"/>
      <c r="U1890" s="76"/>
      <c r="V1890" s="76"/>
      <c r="W1890" s="76"/>
      <c r="X1890" s="76"/>
      <c r="Y1890" s="76"/>
    </row>
    <row r="1891" spans="1:25" s="32" customFormat="1" ht="47.25" customHeight="1" x14ac:dyDescent="0.15">
      <c r="A1891" s="31"/>
      <c r="D1891" s="33" t="s">
        <v>378</v>
      </c>
      <c r="E1891" s="36" t="s">
        <v>543</v>
      </c>
      <c r="F1891" s="55" t="s">
        <v>544</v>
      </c>
      <c r="G1891" s="37" t="s">
        <v>480</v>
      </c>
      <c r="H1891" s="35" t="s">
        <v>381</v>
      </c>
    </row>
    <row r="1892" spans="1:25" x14ac:dyDescent="0.2">
      <c r="B1892" s="5"/>
      <c r="C1892" s="41" t="s">
        <v>38</v>
      </c>
      <c r="D1892" s="42">
        <v>2000</v>
      </c>
      <c r="E1892" s="43">
        <v>30.5</v>
      </c>
      <c r="F1892" s="43">
        <v>61.1</v>
      </c>
      <c r="G1892" s="44">
        <v>8.5</v>
      </c>
    </row>
    <row r="1893" spans="1:25" x14ac:dyDescent="0.2">
      <c r="B1893" s="77" t="s">
        <v>37</v>
      </c>
      <c r="C1893" s="39" t="s">
        <v>39</v>
      </c>
      <c r="D1893" s="45">
        <v>111</v>
      </c>
      <c r="E1893" s="46">
        <v>27.9</v>
      </c>
      <c r="F1893" s="46">
        <v>66.7</v>
      </c>
      <c r="G1893" s="47">
        <v>5.4</v>
      </c>
    </row>
    <row r="1894" spans="1:25" x14ac:dyDescent="0.2">
      <c r="B1894" s="77"/>
      <c r="C1894" s="39" t="s">
        <v>40</v>
      </c>
      <c r="D1894" s="45">
        <v>450</v>
      </c>
      <c r="E1894" s="46">
        <v>33.1</v>
      </c>
      <c r="F1894" s="46">
        <v>60</v>
      </c>
      <c r="G1894" s="47">
        <v>6.9</v>
      </c>
    </row>
    <row r="1895" spans="1:25" ht="21.6" x14ac:dyDescent="0.2">
      <c r="B1895" s="77"/>
      <c r="C1895" s="39" t="s">
        <v>41</v>
      </c>
      <c r="D1895" s="45">
        <v>30</v>
      </c>
      <c r="E1895" s="46">
        <v>30</v>
      </c>
      <c r="F1895" s="46">
        <v>53.3</v>
      </c>
      <c r="G1895" s="47">
        <v>16.7</v>
      </c>
    </row>
    <row r="1896" spans="1:25" ht="21.6" x14ac:dyDescent="0.2">
      <c r="B1896" s="77"/>
      <c r="C1896" s="39" t="s">
        <v>42</v>
      </c>
      <c r="D1896" s="45">
        <v>336</v>
      </c>
      <c r="E1896" s="46">
        <v>26.2</v>
      </c>
      <c r="F1896" s="46">
        <v>64</v>
      </c>
      <c r="G1896" s="47">
        <v>9.8000000000000007</v>
      </c>
    </row>
    <row r="1897" spans="1:25" ht="21.6" x14ac:dyDescent="0.2">
      <c r="B1897" s="77"/>
      <c r="C1897" s="39" t="s">
        <v>43</v>
      </c>
      <c r="D1897" s="45">
        <v>327</v>
      </c>
      <c r="E1897" s="46">
        <v>31.5</v>
      </c>
      <c r="F1897" s="46">
        <v>61.5</v>
      </c>
      <c r="G1897" s="47">
        <v>7</v>
      </c>
    </row>
    <row r="1898" spans="1:25" ht="21.6" x14ac:dyDescent="0.2">
      <c r="B1898" s="77"/>
      <c r="C1898" s="39" t="s">
        <v>44</v>
      </c>
      <c r="D1898" s="45">
        <v>181</v>
      </c>
      <c r="E1898" s="46">
        <v>29.3</v>
      </c>
      <c r="F1898" s="46">
        <v>64.599999999999994</v>
      </c>
      <c r="G1898" s="47">
        <v>6.1</v>
      </c>
    </row>
    <row r="1899" spans="1:25" ht="21.6" x14ac:dyDescent="0.2">
      <c r="B1899" s="77"/>
      <c r="C1899" s="39" t="s">
        <v>45</v>
      </c>
      <c r="D1899" s="45">
        <v>565</v>
      </c>
      <c r="E1899" s="46">
        <v>31.2</v>
      </c>
      <c r="F1899" s="46">
        <v>58.1</v>
      </c>
      <c r="G1899" s="47">
        <v>10.8</v>
      </c>
    </row>
    <row r="1900" spans="1:25" ht="21.6" x14ac:dyDescent="0.2">
      <c r="B1900" s="77"/>
      <c r="C1900" s="39" t="s">
        <v>46</v>
      </c>
      <c r="D1900" s="45">
        <v>473</v>
      </c>
      <c r="E1900" s="46">
        <v>36.200000000000003</v>
      </c>
      <c r="F1900" s="46">
        <v>54.8</v>
      </c>
      <c r="G1900" s="47">
        <v>9.1</v>
      </c>
    </row>
    <row r="1901" spans="1:25" ht="21.6" x14ac:dyDescent="0.2">
      <c r="B1901" s="77"/>
      <c r="C1901" s="39" t="s">
        <v>47</v>
      </c>
      <c r="D1901" s="45">
        <v>441</v>
      </c>
      <c r="E1901" s="46">
        <v>34.700000000000003</v>
      </c>
      <c r="F1901" s="46">
        <v>58.3</v>
      </c>
      <c r="G1901" s="47">
        <v>7</v>
      </c>
    </row>
    <row r="1902" spans="1:25" ht="21.6" x14ac:dyDescent="0.2">
      <c r="B1902" s="77"/>
      <c r="C1902" s="39" t="s">
        <v>48</v>
      </c>
      <c r="D1902" s="45">
        <v>305</v>
      </c>
      <c r="E1902" s="46">
        <v>26.2</v>
      </c>
      <c r="F1902" s="46">
        <v>66.599999999999994</v>
      </c>
      <c r="G1902" s="47">
        <v>7.2</v>
      </c>
    </row>
    <row r="1903" spans="1:25" ht="21.6" x14ac:dyDescent="0.2">
      <c r="B1903" s="77"/>
      <c r="C1903" s="39" t="s">
        <v>49</v>
      </c>
      <c r="D1903" s="45">
        <v>223</v>
      </c>
      <c r="E1903" s="46">
        <v>25.1</v>
      </c>
      <c r="F1903" s="46">
        <v>72.2</v>
      </c>
      <c r="G1903" s="47">
        <v>2.7</v>
      </c>
    </row>
    <row r="1904" spans="1:25" ht="21.6" x14ac:dyDescent="0.2">
      <c r="B1904" s="77"/>
      <c r="C1904" s="39" t="s">
        <v>50</v>
      </c>
      <c r="D1904" s="45">
        <v>123</v>
      </c>
      <c r="E1904" s="46">
        <v>19.5</v>
      </c>
      <c r="F1904" s="46">
        <v>76.400000000000006</v>
      </c>
      <c r="G1904" s="47">
        <v>4.0999999999999996</v>
      </c>
    </row>
    <row r="1905" spans="1:25" ht="21.6" x14ac:dyDescent="0.2">
      <c r="B1905" s="77"/>
      <c r="C1905" s="39" t="s">
        <v>51</v>
      </c>
      <c r="D1905" s="45">
        <v>124</v>
      </c>
      <c r="E1905" s="46">
        <v>18.5</v>
      </c>
      <c r="F1905" s="46">
        <v>73.400000000000006</v>
      </c>
      <c r="G1905" s="47">
        <v>8.1</v>
      </c>
    </row>
    <row r="1906" spans="1:25" ht="21.6" x14ac:dyDescent="0.2">
      <c r="B1906" s="77"/>
      <c r="C1906" s="39" t="s">
        <v>52</v>
      </c>
      <c r="D1906" s="45">
        <v>312</v>
      </c>
      <c r="E1906" s="46">
        <v>35.299999999999997</v>
      </c>
      <c r="F1906" s="46">
        <v>57.4</v>
      </c>
      <c r="G1906" s="47">
        <v>7.4</v>
      </c>
    </row>
    <row r="1907" spans="1:25" x14ac:dyDescent="0.2">
      <c r="B1907" s="77"/>
      <c r="C1907" s="39" t="s">
        <v>53</v>
      </c>
      <c r="D1907" s="45">
        <v>269</v>
      </c>
      <c r="E1907" s="46">
        <v>35.700000000000003</v>
      </c>
      <c r="F1907" s="46">
        <v>53.9</v>
      </c>
      <c r="G1907" s="47">
        <v>10.4</v>
      </c>
    </row>
    <row r="1908" spans="1:25" ht="21.6" x14ac:dyDescent="0.2">
      <c r="B1908" s="77"/>
      <c r="C1908" s="39" t="s">
        <v>54</v>
      </c>
      <c r="D1908" s="45">
        <v>511</v>
      </c>
      <c r="E1908" s="46">
        <v>34.1</v>
      </c>
      <c r="F1908" s="46">
        <v>59.7</v>
      </c>
      <c r="G1908" s="47">
        <v>6.3</v>
      </c>
    </row>
    <row r="1909" spans="1:25" ht="21.6" x14ac:dyDescent="0.2">
      <c r="B1909" s="77"/>
      <c r="C1909" s="39" t="s">
        <v>55</v>
      </c>
      <c r="D1909" s="45">
        <v>615</v>
      </c>
      <c r="E1909" s="46">
        <v>23.1</v>
      </c>
      <c r="F1909" s="46">
        <v>71.7</v>
      </c>
      <c r="G1909" s="47">
        <v>5.2</v>
      </c>
    </row>
    <row r="1910" spans="1:25" ht="21.6" x14ac:dyDescent="0.2">
      <c r="B1910" s="77"/>
      <c r="C1910" s="39" t="s">
        <v>56</v>
      </c>
      <c r="D1910" s="45">
        <v>800</v>
      </c>
      <c r="E1910" s="46">
        <v>28.3</v>
      </c>
      <c r="F1910" s="46">
        <v>65.400000000000006</v>
      </c>
      <c r="G1910" s="47">
        <v>6.4</v>
      </c>
    </row>
    <row r="1911" spans="1:25" x14ac:dyDescent="0.2">
      <c r="B1911" s="77"/>
      <c r="C1911" s="40" t="s">
        <v>57</v>
      </c>
      <c r="D1911" s="48">
        <v>798</v>
      </c>
      <c r="E1911" s="49">
        <v>34.5</v>
      </c>
      <c r="F1911" s="49">
        <v>58.6</v>
      </c>
      <c r="G1911" s="50">
        <v>6.9</v>
      </c>
    </row>
    <row r="1913" spans="1:25" x14ac:dyDescent="0.2">
      <c r="C1913" t="s">
        <v>35</v>
      </c>
    </row>
    <row r="1914" spans="1:25" x14ac:dyDescent="0.2">
      <c r="B1914" s="75" t="s">
        <v>293</v>
      </c>
      <c r="C1914" s="76"/>
      <c r="D1914" s="76"/>
      <c r="E1914" s="76"/>
      <c r="F1914" s="76"/>
      <c r="G1914" s="76"/>
      <c r="H1914" s="76"/>
      <c r="I1914" s="76"/>
      <c r="J1914" s="76"/>
      <c r="K1914" s="76"/>
      <c r="L1914" s="76"/>
      <c r="M1914" s="76"/>
      <c r="N1914" s="76"/>
      <c r="O1914" s="76"/>
      <c r="P1914" s="76"/>
      <c r="Q1914" s="76"/>
      <c r="R1914" s="76"/>
      <c r="S1914" s="76"/>
      <c r="T1914" s="76"/>
      <c r="U1914" s="76"/>
      <c r="V1914" s="76"/>
      <c r="W1914" s="76"/>
      <c r="X1914" s="76"/>
      <c r="Y1914" s="76"/>
    </row>
    <row r="1915" spans="1:25" s="32" customFormat="1" ht="47.25" customHeight="1" x14ac:dyDescent="0.15">
      <c r="A1915" s="31"/>
      <c r="D1915" s="33" t="s">
        <v>378</v>
      </c>
      <c r="E1915" s="36" t="s">
        <v>543</v>
      </c>
      <c r="F1915" s="55" t="s">
        <v>544</v>
      </c>
      <c r="G1915" s="37" t="s">
        <v>480</v>
      </c>
      <c r="H1915" s="35" t="s">
        <v>381</v>
      </c>
    </row>
    <row r="1916" spans="1:25" ht="21.6" x14ac:dyDescent="0.2">
      <c r="B1916" s="77" t="s">
        <v>37</v>
      </c>
      <c r="C1916" s="38" t="s">
        <v>58</v>
      </c>
      <c r="D1916" s="51">
        <v>609</v>
      </c>
      <c r="E1916" s="52">
        <v>30.5</v>
      </c>
      <c r="F1916" s="52">
        <v>63.5</v>
      </c>
      <c r="G1916" s="53">
        <v>5.9</v>
      </c>
    </row>
    <row r="1917" spans="1:25" ht="21.6" x14ac:dyDescent="0.2">
      <c r="B1917" s="77"/>
      <c r="C1917" s="39" t="s">
        <v>59</v>
      </c>
      <c r="D1917" s="45">
        <v>1391</v>
      </c>
      <c r="E1917" s="46">
        <v>30.4</v>
      </c>
      <c r="F1917" s="46">
        <v>60</v>
      </c>
      <c r="G1917" s="47">
        <v>9.6</v>
      </c>
    </row>
    <row r="1918" spans="1:25" x14ac:dyDescent="0.2">
      <c r="B1918" s="77"/>
      <c r="C1918" s="39" t="s">
        <v>60</v>
      </c>
      <c r="D1918" s="45">
        <v>1325</v>
      </c>
      <c r="E1918" s="46">
        <v>30.6</v>
      </c>
      <c r="F1918" s="46">
        <v>60.7</v>
      </c>
      <c r="G1918" s="47">
        <v>8.8000000000000007</v>
      </c>
    </row>
    <row r="1919" spans="1:25" x14ac:dyDescent="0.2">
      <c r="B1919" s="77"/>
      <c r="C1919" s="39" t="s">
        <v>61</v>
      </c>
      <c r="D1919" s="45">
        <v>675</v>
      </c>
      <c r="E1919" s="46">
        <v>30.2</v>
      </c>
      <c r="F1919" s="46">
        <v>61.8</v>
      </c>
      <c r="G1919" s="47">
        <v>8</v>
      </c>
    </row>
    <row r="1920" spans="1:25" x14ac:dyDescent="0.2">
      <c r="B1920" s="77"/>
      <c r="C1920" s="39" t="s">
        <v>62</v>
      </c>
      <c r="D1920" s="45">
        <v>1086</v>
      </c>
      <c r="E1920" s="46">
        <v>30</v>
      </c>
      <c r="F1920" s="46">
        <v>60.8</v>
      </c>
      <c r="G1920" s="47">
        <v>9.1999999999999993</v>
      </c>
    </row>
    <row r="1921" spans="2:7" ht="21.6" x14ac:dyDescent="0.2">
      <c r="B1921" s="77"/>
      <c r="C1921" s="39" t="s">
        <v>63</v>
      </c>
      <c r="D1921" s="45">
        <v>203</v>
      </c>
      <c r="E1921" s="46">
        <v>29.6</v>
      </c>
      <c r="F1921" s="46">
        <v>60.1</v>
      </c>
      <c r="G1921" s="47">
        <v>10.3</v>
      </c>
    </row>
    <row r="1922" spans="2:7" x14ac:dyDescent="0.2">
      <c r="B1922" s="77"/>
      <c r="C1922" s="39" t="s">
        <v>64</v>
      </c>
      <c r="D1922" s="45">
        <v>263</v>
      </c>
      <c r="E1922" s="46">
        <v>30</v>
      </c>
      <c r="F1922" s="46">
        <v>59.7</v>
      </c>
      <c r="G1922" s="47">
        <v>10.3</v>
      </c>
    </row>
    <row r="1923" spans="2:7" x14ac:dyDescent="0.2">
      <c r="B1923" s="77"/>
      <c r="C1923" s="39" t="s">
        <v>65</v>
      </c>
      <c r="D1923" s="45">
        <v>312</v>
      </c>
      <c r="E1923" s="46">
        <v>33.700000000000003</v>
      </c>
      <c r="F1923" s="46">
        <v>57.1</v>
      </c>
      <c r="G1923" s="47">
        <v>9.3000000000000007</v>
      </c>
    </row>
    <row r="1924" spans="2:7" x14ac:dyDescent="0.2">
      <c r="B1924" s="77"/>
      <c r="C1924" s="39" t="s">
        <v>66</v>
      </c>
      <c r="D1924" s="45">
        <v>230</v>
      </c>
      <c r="E1924" s="46">
        <v>26.1</v>
      </c>
      <c r="F1924" s="46">
        <v>67</v>
      </c>
      <c r="G1924" s="47">
        <v>7</v>
      </c>
    </row>
    <row r="1925" spans="2:7" x14ac:dyDescent="0.2">
      <c r="B1925" s="77"/>
      <c r="C1925" s="39" t="s">
        <v>67</v>
      </c>
      <c r="D1925" s="45">
        <v>78</v>
      </c>
      <c r="E1925" s="46">
        <v>28.2</v>
      </c>
      <c r="F1925" s="46">
        <v>62.8</v>
      </c>
      <c r="G1925" s="47">
        <v>9</v>
      </c>
    </row>
    <row r="1926" spans="2:7" x14ac:dyDescent="0.2">
      <c r="B1926" s="77"/>
      <c r="C1926" s="39" t="s">
        <v>68</v>
      </c>
      <c r="D1926" s="45">
        <v>897</v>
      </c>
      <c r="E1926" s="46">
        <v>29.3</v>
      </c>
      <c r="F1926" s="46">
        <v>62.9</v>
      </c>
      <c r="G1926" s="47">
        <v>7.8</v>
      </c>
    </row>
    <row r="1927" spans="2:7" x14ac:dyDescent="0.2">
      <c r="B1927" s="77"/>
      <c r="C1927" s="39" t="s">
        <v>69</v>
      </c>
      <c r="D1927" s="45">
        <v>189</v>
      </c>
      <c r="E1927" s="46">
        <v>33.299999999999997</v>
      </c>
      <c r="F1927" s="46">
        <v>50.8</v>
      </c>
      <c r="G1927" s="47">
        <v>15.9</v>
      </c>
    </row>
    <row r="1928" spans="2:7" x14ac:dyDescent="0.2">
      <c r="B1928" s="77"/>
      <c r="C1928" s="39" t="s">
        <v>70</v>
      </c>
      <c r="D1928" s="45">
        <v>914</v>
      </c>
      <c r="E1928" s="46">
        <v>31</v>
      </c>
      <c r="F1928" s="46">
        <v>61.4</v>
      </c>
      <c r="G1928" s="47">
        <v>7.7</v>
      </c>
    </row>
    <row r="1929" spans="2:7" ht="21.6" x14ac:dyDescent="0.2">
      <c r="B1929" s="77"/>
      <c r="C1929" s="39" t="s">
        <v>63</v>
      </c>
      <c r="D1929" s="45">
        <v>193</v>
      </c>
      <c r="E1929" s="46">
        <v>31.6</v>
      </c>
      <c r="F1929" s="46">
        <v>58.5</v>
      </c>
      <c r="G1929" s="47">
        <v>9.8000000000000007</v>
      </c>
    </row>
    <row r="1930" spans="2:7" x14ac:dyDescent="0.2">
      <c r="B1930" s="77"/>
      <c r="C1930" s="39" t="s">
        <v>64</v>
      </c>
      <c r="D1930" s="45">
        <v>203</v>
      </c>
      <c r="E1930" s="46">
        <v>30</v>
      </c>
      <c r="F1930" s="46">
        <v>63.5</v>
      </c>
      <c r="G1930" s="47">
        <v>6.4</v>
      </c>
    </row>
    <row r="1931" spans="2:7" x14ac:dyDescent="0.2">
      <c r="B1931" s="77"/>
      <c r="C1931" s="39" t="s">
        <v>65</v>
      </c>
      <c r="D1931" s="45">
        <v>263</v>
      </c>
      <c r="E1931" s="46">
        <v>30</v>
      </c>
      <c r="F1931" s="46">
        <v>61.6</v>
      </c>
      <c r="G1931" s="47">
        <v>8.4</v>
      </c>
    </row>
    <row r="1932" spans="2:7" x14ac:dyDescent="0.2">
      <c r="B1932" s="77"/>
      <c r="C1932" s="39" t="s">
        <v>66</v>
      </c>
      <c r="D1932" s="45">
        <v>194</v>
      </c>
      <c r="E1932" s="46">
        <v>30.4</v>
      </c>
      <c r="F1932" s="46">
        <v>62.4</v>
      </c>
      <c r="G1932" s="47">
        <v>7.2</v>
      </c>
    </row>
    <row r="1933" spans="2:7" x14ac:dyDescent="0.2">
      <c r="B1933" s="77"/>
      <c r="C1933" s="39" t="s">
        <v>67</v>
      </c>
      <c r="D1933" s="45">
        <v>61</v>
      </c>
      <c r="E1933" s="46">
        <v>37.700000000000003</v>
      </c>
      <c r="F1933" s="46">
        <v>59</v>
      </c>
      <c r="G1933" s="47">
        <v>3.3</v>
      </c>
    </row>
    <row r="1934" spans="2:7" x14ac:dyDescent="0.2">
      <c r="B1934" s="77"/>
      <c r="C1934" s="39" t="s">
        <v>68</v>
      </c>
      <c r="D1934" s="45">
        <v>416</v>
      </c>
      <c r="E1934" s="46">
        <v>28.4</v>
      </c>
      <c r="F1934" s="46">
        <v>64.900000000000006</v>
      </c>
      <c r="G1934" s="47">
        <v>6.7</v>
      </c>
    </row>
    <row r="1935" spans="2:7" x14ac:dyDescent="0.2">
      <c r="B1935" s="77"/>
      <c r="C1935" s="40" t="s">
        <v>69</v>
      </c>
      <c r="D1935" s="48">
        <v>498</v>
      </c>
      <c r="E1935" s="49">
        <v>33.1</v>
      </c>
      <c r="F1935" s="49">
        <v>58.4</v>
      </c>
      <c r="G1935" s="50">
        <v>8.4</v>
      </c>
    </row>
    <row r="1937" spans="1:25" x14ac:dyDescent="0.2">
      <c r="A1937" s="26" t="s">
        <v>25</v>
      </c>
      <c r="B1937" t="s">
        <v>35</v>
      </c>
      <c r="C1937" t="s">
        <v>35</v>
      </c>
    </row>
    <row r="1938" spans="1:25" x14ac:dyDescent="0.2">
      <c r="B1938" s="75" t="s">
        <v>122</v>
      </c>
      <c r="C1938" s="76"/>
      <c r="D1938" s="76"/>
      <c r="E1938" s="76"/>
      <c r="F1938" s="76"/>
      <c r="G1938" s="76"/>
      <c r="H1938" s="76"/>
      <c r="I1938" s="76"/>
      <c r="J1938" s="76"/>
      <c r="K1938" s="76"/>
      <c r="L1938" s="76"/>
      <c r="M1938" s="76"/>
      <c r="N1938" s="76"/>
      <c r="O1938" s="76"/>
      <c r="P1938" s="76"/>
      <c r="Q1938" s="76"/>
      <c r="R1938" s="76"/>
      <c r="S1938" s="76"/>
      <c r="T1938" s="76"/>
      <c r="U1938" s="76"/>
      <c r="V1938" s="76"/>
      <c r="W1938" s="76"/>
      <c r="X1938" s="76"/>
      <c r="Y1938" s="76"/>
    </row>
    <row r="1939" spans="1:25" s="32" customFormat="1" ht="47.25" customHeight="1" x14ac:dyDescent="0.15">
      <c r="A1939" s="31"/>
      <c r="D1939" s="33" t="s">
        <v>378</v>
      </c>
      <c r="E1939" s="36" t="s">
        <v>533</v>
      </c>
      <c r="F1939" s="55" t="s">
        <v>534</v>
      </c>
      <c r="G1939" s="55" t="s">
        <v>521</v>
      </c>
      <c r="H1939" s="55" t="s">
        <v>535</v>
      </c>
      <c r="I1939" s="55" t="s">
        <v>536</v>
      </c>
      <c r="J1939" s="55" t="s">
        <v>480</v>
      </c>
      <c r="K1939" s="56" t="s">
        <v>387</v>
      </c>
      <c r="L1939" s="57" t="s">
        <v>388</v>
      </c>
      <c r="M1939" s="54" t="s">
        <v>381</v>
      </c>
    </row>
    <row r="1940" spans="1:25" x14ac:dyDescent="0.2">
      <c r="B1940" s="5"/>
      <c r="C1940" s="41" t="s">
        <v>38</v>
      </c>
      <c r="D1940" s="42">
        <v>2000</v>
      </c>
      <c r="E1940" s="43">
        <v>3.1</v>
      </c>
      <c r="F1940" s="43">
        <v>16.5</v>
      </c>
      <c r="G1940" s="43">
        <v>49.2</v>
      </c>
      <c r="H1940" s="43">
        <v>17</v>
      </c>
      <c r="I1940" s="43">
        <v>11.5</v>
      </c>
      <c r="J1940" s="43">
        <v>2.9</v>
      </c>
      <c r="K1940" s="43">
        <v>-8.9</v>
      </c>
      <c r="L1940" s="58">
        <v>0</v>
      </c>
    </row>
    <row r="1941" spans="1:25" x14ac:dyDescent="0.2">
      <c r="B1941" s="77" t="s">
        <v>37</v>
      </c>
      <c r="C1941" s="39" t="s">
        <v>39</v>
      </c>
      <c r="D1941" s="45">
        <v>111</v>
      </c>
      <c r="E1941" s="46">
        <v>4.5</v>
      </c>
      <c r="F1941" s="46">
        <v>11.7</v>
      </c>
      <c r="G1941" s="46">
        <v>58.6</v>
      </c>
      <c r="H1941" s="46">
        <v>16.2</v>
      </c>
      <c r="I1941" s="46">
        <v>9</v>
      </c>
      <c r="J1941" s="46">
        <v>0</v>
      </c>
      <c r="K1941" s="46">
        <v>-6.8</v>
      </c>
      <c r="L1941" s="59">
        <v>0</v>
      </c>
    </row>
    <row r="1942" spans="1:25" x14ac:dyDescent="0.2">
      <c r="B1942" s="77"/>
      <c r="C1942" s="39" t="s">
        <v>40</v>
      </c>
      <c r="D1942" s="45">
        <v>450</v>
      </c>
      <c r="E1942" s="46">
        <v>1.8</v>
      </c>
      <c r="F1942" s="46">
        <v>13.1</v>
      </c>
      <c r="G1942" s="46">
        <v>50.7</v>
      </c>
      <c r="H1942" s="46">
        <v>19.8</v>
      </c>
      <c r="I1942" s="46">
        <v>12</v>
      </c>
      <c r="J1942" s="46">
        <v>2.7</v>
      </c>
      <c r="K1942" s="46">
        <v>-13.9</v>
      </c>
      <c r="L1942" s="59">
        <v>0</v>
      </c>
    </row>
    <row r="1943" spans="1:25" ht="21.6" x14ac:dyDescent="0.2">
      <c r="B1943" s="77"/>
      <c r="C1943" s="39" t="s">
        <v>41</v>
      </c>
      <c r="D1943" s="45">
        <v>30</v>
      </c>
      <c r="E1943" s="46">
        <v>10</v>
      </c>
      <c r="F1943" s="46">
        <v>16.7</v>
      </c>
      <c r="G1943" s="46">
        <v>40</v>
      </c>
      <c r="H1943" s="46">
        <v>3.3</v>
      </c>
      <c r="I1943" s="46">
        <v>23.3</v>
      </c>
      <c r="J1943" s="46">
        <v>6.7</v>
      </c>
      <c r="K1943" s="46">
        <v>-7.1</v>
      </c>
      <c r="L1943" s="59">
        <v>0</v>
      </c>
    </row>
    <row r="1944" spans="1:25" ht="21.6" x14ac:dyDescent="0.2">
      <c r="B1944" s="77"/>
      <c r="C1944" s="39" t="s">
        <v>42</v>
      </c>
      <c r="D1944" s="45">
        <v>336</v>
      </c>
      <c r="E1944" s="46">
        <v>3.6</v>
      </c>
      <c r="F1944" s="46">
        <v>21.4</v>
      </c>
      <c r="G1944" s="46">
        <v>46.7</v>
      </c>
      <c r="H1944" s="46">
        <v>15.5</v>
      </c>
      <c r="I1944" s="46">
        <v>11.3</v>
      </c>
      <c r="J1944" s="46">
        <v>1.5</v>
      </c>
      <c r="K1944" s="46">
        <v>-4.8</v>
      </c>
      <c r="L1944" s="59">
        <v>0</v>
      </c>
    </row>
    <row r="1945" spans="1:25" ht="21.6" x14ac:dyDescent="0.2">
      <c r="B1945" s="77"/>
      <c r="C1945" s="39" t="s">
        <v>43</v>
      </c>
      <c r="D1945" s="45">
        <v>327</v>
      </c>
      <c r="E1945" s="46">
        <v>3.4</v>
      </c>
      <c r="F1945" s="46">
        <v>15.9</v>
      </c>
      <c r="G1945" s="46">
        <v>48.9</v>
      </c>
      <c r="H1945" s="46">
        <v>16.5</v>
      </c>
      <c r="I1945" s="46">
        <v>12.5</v>
      </c>
      <c r="J1945" s="46">
        <v>2.8</v>
      </c>
      <c r="K1945" s="46">
        <v>-9.6999999999999993</v>
      </c>
      <c r="L1945" s="59">
        <v>0</v>
      </c>
    </row>
    <row r="1946" spans="1:25" ht="21.6" x14ac:dyDescent="0.2">
      <c r="B1946" s="77"/>
      <c r="C1946" s="39" t="s">
        <v>44</v>
      </c>
      <c r="D1946" s="45">
        <v>181</v>
      </c>
      <c r="E1946" s="46">
        <v>2.2000000000000002</v>
      </c>
      <c r="F1946" s="46">
        <v>19.899999999999999</v>
      </c>
      <c r="G1946" s="46">
        <v>53.6</v>
      </c>
      <c r="H1946" s="46">
        <v>16.600000000000001</v>
      </c>
      <c r="I1946" s="46">
        <v>6.1</v>
      </c>
      <c r="J1946" s="46">
        <v>1.7</v>
      </c>
      <c r="K1946" s="46">
        <v>-2.2000000000000002</v>
      </c>
      <c r="L1946" s="59">
        <v>0</v>
      </c>
    </row>
    <row r="1947" spans="1:25" ht="21.6" x14ac:dyDescent="0.2">
      <c r="B1947" s="77"/>
      <c r="C1947" s="39" t="s">
        <v>45</v>
      </c>
      <c r="D1947" s="45">
        <v>565</v>
      </c>
      <c r="E1947" s="46">
        <v>3.2</v>
      </c>
      <c r="F1947" s="46">
        <v>16.3</v>
      </c>
      <c r="G1947" s="46">
        <v>46.7</v>
      </c>
      <c r="H1947" s="46">
        <v>17</v>
      </c>
      <c r="I1947" s="46">
        <v>12</v>
      </c>
      <c r="J1947" s="46">
        <v>4.8</v>
      </c>
      <c r="K1947" s="46">
        <v>-9.6999999999999993</v>
      </c>
      <c r="L1947" s="59">
        <v>0</v>
      </c>
    </row>
    <row r="1948" spans="1:25" ht="21.6" x14ac:dyDescent="0.2">
      <c r="B1948" s="77"/>
      <c r="C1948" s="39" t="s">
        <v>46</v>
      </c>
      <c r="D1948" s="45">
        <v>473</v>
      </c>
      <c r="E1948" s="46">
        <v>4.7</v>
      </c>
      <c r="F1948" s="46">
        <v>16.7</v>
      </c>
      <c r="G1948" s="46">
        <v>45.5</v>
      </c>
      <c r="H1948" s="46">
        <v>13.7</v>
      </c>
      <c r="I1948" s="46">
        <v>16.3</v>
      </c>
      <c r="J1948" s="46">
        <v>3.2</v>
      </c>
      <c r="K1948" s="46">
        <v>-10.5</v>
      </c>
      <c r="L1948" s="59">
        <v>0</v>
      </c>
    </row>
    <row r="1949" spans="1:25" ht="21.6" x14ac:dyDescent="0.2">
      <c r="B1949" s="77"/>
      <c r="C1949" s="39" t="s">
        <v>47</v>
      </c>
      <c r="D1949" s="45">
        <v>441</v>
      </c>
      <c r="E1949" s="46">
        <v>1.8</v>
      </c>
      <c r="F1949" s="46">
        <v>15.9</v>
      </c>
      <c r="G1949" s="46">
        <v>51.7</v>
      </c>
      <c r="H1949" s="46">
        <v>18.600000000000001</v>
      </c>
      <c r="I1949" s="46">
        <v>10.4</v>
      </c>
      <c r="J1949" s="46">
        <v>1.6</v>
      </c>
      <c r="K1949" s="46">
        <v>-10.1</v>
      </c>
      <c r="L1949" s="59">
        <v>0</v>
      </c>
    </row>
    <row r="1950" spans="1:25" ht="21.6" x14ac:dyDescent="0.2">
      <c r="B1950" s="77"/>
      <c r="C1950" s="39" t="s">
        <v>48</v>
      </c>
      <c r="D1950" s="45">
        <v>305</v>
      </c>
      <c r="E1950" s="46">
        <v>1.6</v>
      </c>
      <c r="F1950" s="46">
        <v>11.5</v>
      </c>
      <c r="G1950" s="46">
        <v>51.5</v>
      </c>
      <c r="H1950" s="46">
        <v>24.9</v>
      </c>
      <c r="I1950" s="46">
        <v>9.1999999999999993</v>
      </c>
      <c r="J1950" s="46">
        <v>1.3</v>
      </c>
      <c r="K1950" s="46">
        <v>-14.5</v>
      </c>
      <c r="L1950" s="59">
        <v>0</v>
      </c>
    </row>
    <row r="1951" spans="1:25" ht="21.6" x14ac:dyDescent="0.2">
      <c r="B1951" s="77"/>
      <c r="C1951" s="39" t="s">
        <v>49</v>
      </c>
      <c r="D1951" s="45">
        <v>223</v>
      </c>
      <c r="E1951" s="46">
        <v>1.8</v>
      </c>
      <c r="F1951" s="46">
        <v>22.4</v>
      </c>
      <c r="G1951" s="46">
        <v>52.9</v>
      </c>
      <c r="H1951" s="46">
        <v>15.2</v>
      </c>
      <c r="I1951" s="46">
        <v>7.2</v>
      </c>
      <c r="J1951" s="46">
        <v>0.4</v>
      </c>
      <c r="K1951" s="46">
        <v>-1.8</v>
      </c>
      <c r="L1951" s="59">
        <v>0</v>
      </c>
    </row>
    <row r="1952" spans="1:25" ht="21.6" x14ac:dyDescent="0.2">
      <c r="B1952" s="77"/>
      <c r="C1952" s="39" t="s">
        <v>50</v>
      </c>
      <c r="D1952" s="45">
        <v>123</v>
      </c>
      <c r="E1952" s="46">
        <v>4.0999999999999996</v>
      </c>
      <c r="F1952" s="46">
        <v>19.5</v>
      </c>
      <c r="G1952" s="46">
        <v>50.4</v>
      </c>
      <c r="H1952" s="46">
        <v>17.100000000000001</v>
      </c>
      <c r="I1952" s="46">
        <v>8.9</v>
      </c>
      <c r="J1952" s="46">
        <v>0</v>
      </c>
      <c r="K1952" s="46">
        <v>-3.7</v>
      </c>
      <c r="L1952" s="59">
        <v>0</v>
      </c>
    </row>
    <row r="1953" spans="1:25" ht="21.6" x14ac:dyDescent="0.2">
      <c r="B1953" s="77"/>
      <c r="C1953" s="39" t="s">
        <v>51</v>
      </c>
      <c r="D1953" s="45">
        <v>124</v>
      </c>
      <c r="E1953" s="46">
        <v>2.4</v>
      </c>
      <c r="F1953" s="46">
        <v>25</v>
      </c>
      <c r="G1953" s="46">
        <v>50</v>
      </c>
      <c r="H1953" s="46">
        <v>15.3</v>
      </c>
      <c r="I1953" s="46">
        <v>5.6</v>
      </c>
      <c r="J1953" s="46">
        <v>1.6</v>
      </c>
      <c r="K1953" s="46">
        <v>1.6</v>
      </c>
      <c r="L1953" s="59">
        <v>0</v>
      </c>
    </row>
    <row r="1954" spans="1:25" ht="21.6" x14ac:dyDescent="0.2">
      <c r="B1954" s="77"/>
      <c r="C1954" s="39" t="s">
        <v>52</v>
      </c>
      <c r="D1954" s="45">
        <v>312</v>
      </c>
      <c r="E1954" s="46">
        <v>2.2000000000000002</v>
      </c>
      <c r="F1954" s="46">
        <v>13.5</v>
      </c>
      <c r="G1954" s="46">
        <v>54.5</v>
      </c>
      <c r="H1954" s="46">
        <v>17.899999999999999</v>
      </c>
      <c r="I1954" s="46">
        <v>10.6</v>
      </c>
      <c r="J1954" s="46">
        <v>1.3</v>
      </c>
      <c r="K1954" s="46">
        <v>-10.7</v>
      </c>
      <c r="L1954" s="59">
        <v>0</v>
      </c>
    </row>
    <row r="1955" spans="1:25" x14ac:dyDescent="0.2">
      <c r="B1955" s="77"/>
      <c r="C1955" s="39" t="s">
        <v>53</v>
      </c>
      <c r="D1955" s="45">
        <v>269</v>
      </c>
      <c r="E1955" s="46">
        <v>2.2000000000000002</v>
      </c>
      <c r="F1955" s="46">
        <v>16</v>
      </c>
      <c r="G1955" s="46">
        <v>48.7</v>
      </c>
      <c r="H1955" s="46">
        <v>17.5</v>
      </c>
      <c r="I1955" s="46">
        <v>13.8</v>
      </c>
      <c r="J1955" s="46">
        <v>1.9</v>
      </c>
      <c r="K1955" s="46">
        <v>-12.5</v>
      </c>
      <c r="L1955" s="59">
        <v>0</v>
      </c>
    </row>
    <row r="1956" spans="1:25" ht="21.6" x14ac:dyDescent="0.2">
      <c r="B1956" s="77"/>
      <c r="C1956" s="39" t="s">
        <v>54</v>
      </c>
      <c r="D1956" s="45">
        <v>511</v>
      </c>
      <c r="E1956" s="46">
        <v>2</v>
      </c>
      <c r="F1956" s="46">
        <v>19</v>
      </c>
      <c r="G1956" s="46">
        <v>48.3</v>
      </c>
      <c r="H1956" s="46">
        <v>19</v>
      </c>
      <c r="I1956" s="46">
        <v>9.4</v>
      </c>
      <c r="J1956" s="46">
        <v>2.2999999999999998</v>
      </c>
      <c r="K1956" s="46">
        <v>-7.6</v>
      </c>
      <c r="L1956" s="59">
        <v>0</v>
      </c>
    </row>
    <row r="1957" spans="1:25" ht="21.6" x14ac:dyDescent="0.2">
      <c r="B1957" s="77"/>
      <c r="C1957" s="39" t="s">
        <v>55</v>
      </c>
      <c r="D1957" s="45">
        <v>615</v>
      </c>
      <c r="E1957" s="46">
        <v>3.3</v>
      </c>
      <c r="F1957" s="46">
        <v>17.899999999999999</v>
      </c>
      <c r="G1957" s="46">
        <v>49.3</v>
      </c>
      <c r="H1957" s="46">
        <v>16.899999999999999</v>
      </c>
      <c r="I1957" s="46">
        <v>10.9</v>
      </c>
      <c r="J1957" s="46">
        <v>1.8</v>
      </c>
      <c r="K1957" s="46">
        <v>-7.3</v>
      </c>
      <c r="L1957" s="59">
        <v>0</v>
      </c>
    </row>
    <row r="1958" spans="1:25" ht="21.6" x14ac:dyDescent="0.2">
      <c r="B1958" s="77"/>
      <c r="C1958" s="39" t="s">
        <v>56</v>
      </c>
      <c r="D1958" s="45">
        <v>800</v>
      </c>
      <c r="E1958" s="46">
        <v>4.0999999999999996</v>
      </c>
      <c r="F1958" s="46">
        <v>18.600000000000001</v>
      </c>
      <c r="G1958" s="46">
        <v>46.1</v>
      </c>
      <c r="H1958" s="46">
        <v>17.600000000000001</v>
      </c>
      <c r="I1958" s="46">
        <v>11.1</v>
      </c>
      <c r="J1958" s="46">
        <v>2.4</v>
      </c>
      <c r="K1958" s="46">
        <v>-6.7</v>
      </c>
      <c r="L1958" s="59">
        <v>0</v>
      </c>
    </row>
    <row r="1959" spans="1:25" x14ac:dyDescent="0.2">
      <c r="B1959" s="77"/>
      <c r="C1959" s="40" t="s">
        <v>57</v>
      </c>
      <c r="D1959" s="48">
        <v>798</v>
      </c>
      <c r="E1959" s="49">
        <v>1.5</v>
      </c>
      <c r="F1959" s="49">
        <v>14.5</v>
      </c>
      <c r="G1959" s="49">
        <v>52.9</v>
      </c>
      <c r="H1959" s="49">
        <v>18.8</v>
      </c>
      <c r="I1959" s="49">
        <v>10.9</v>
      </c>
      <c r="J1959" s="49">
        <v>1.4</v>
      </c>
      <c r="K1959" s="49">
        <v>-11.7</v>
      </c>
      <c r="L1959" s="60">
        <v>0</v>
      </c>
    </row>
    <row r="1960" spans="1:25" x14ac:dyDescent="0.2">
      <c r="B1960" s="7" t="s">
        <v>71</v>
      </c>
      <c r="C1960" s="4" t="s">
        <v>123</v>
      </c>
    </row>
    <row r="1961" spans="1:25" x14ac:dyDescent="0.2">
      <c r="B1961" s="4"/>
      <c r="C1961" s="4" t="s">
        <v>73</v>
      </c>
    </row>
    <row r="1963" spans="1:25" x14ac:dyDescent="0.2">
      <c r="C1963" t="s">
        <v>35</v>
      </c>
    </row>
    <row r="1964" spans="1:25" x14ac:dyDescent="0.2">
      <c r="B1964" s="75" t="s">
        <v>294</v>
      </c>
      <c r="C1964" s="76"/>
      <c r="D1964" s="76"/>
      <c r="E1964" s="76"/>
      <c r="F1964" s="76"/>
      <c r="G1964" s="76"/>
      <c r="H1964" s="76"/>
      <c r="I1964" s="76"/>
      <c r="J1964" s="76"/>
      <c r="K1964" s="76"/>
      <c r="L1964" s="76"/>
      <c r="M1964" s="76"/>
      <c r="N1964" s="76"/>
      <c r="O1964" s="76"/>
      <c r="P1964" s="76"/>
      <c r="Q1964" s="76"/>
      <c r="R1964" s="76"/>
      <c r="S1964" s="76"/>
      <c r="T1964" s="76"/>
      <c r="U1964" s="76"/>
      <c r="V1964" s="76"/>
      <c r="W1964" s="76"/>
      <c r="X1964" s="76"/>
      <c r="Y1964" s="76"/>
    </row>
    <row r="1965" spans="1:25" s="32" customFormat="1" ht="47.25" customHeight="1" x14ac:dyDescent="0.15">
      <c r="A1965" s="31"/>
      <c r="D1965" s="33" t="s">
        <v>378</v>
      </c>
      <c r="E1965" s="36" t="s">
        <v>533</v>
      </c>
      <c r="F1965" s="55" t="s">
        <v>534</v>
      </c>
      <c r="G1965" s="55" t="s">
        <v>521</v>
      </c>
      <c r="H1965" s="55" t="s">
        <v>535</v>
      </c>
      <c r="I1965" s="55" t="s">
        <v>536</v>
      </c>
      <c r="J1965" s="55" t="s">
        <v>480</v>
      </c>
      <c r="K1965" s="56" t="s">
        <v>387</v>
      </c>
      <c r="L1965" s="57" t="s">
        <v>388</v>
      </c>
      <c r="M1965" s="54" t="s">
        <v>381</v>
      </c>
    </row>
    <row r="1966" spans="1:25" ht="21.6" x14ac:dyDescent="0.2">
      <c r="B1966" s="77" t="s">
        <v>37</v>
      </c>
      <c r="C1966" s="38" t="s">
        <v>58</v>
      </c>
      <c r="D1966" s="51">
        <v>609</v>
      </c>
      <c r="E1966" s="52">
        <v>5.3</v>
      </c>
      <c r="F1966" s="52">
        <v>18.399999999999999</v>
      </c>
      <c r="G1966" s="52">
        <v>43.7</v>
      </c>
      <c r="H1966" s="52">
        <v>18.100000000000001</v>
      </c>
      <c r="I1966" s="52">
        <v>12.2</v>
      </c>
      <c r="J1966" s="52">
        <v>2.5</v>
      </c>
      <c r="K1966" s="52">
        <v>-6.9</v>
      </c>
      <c r="L1966" s="61">
        <v>0</v>
      </c>
    </row>
    <row r="1967" spans="1:25" ht="21.6" x14ac:dyDescent="0.2">
      <c r="B1967" s="77"/>
      <c r="C1967" s="39" t="s">
        <v>59</v>
      </c>
      <c r="D1967" s="45">
        <v>1391</v>
      </c>
      <c r="E1967" s="46">
        <v>2.1</v>
      </c>
      <c r="F1967" s="46">
        <v>15.6</v>
      </c>
      <c r="G1967" s="46">
        <v>51.5</v>
      </c>
      <c r="H1967" s="46">
        <v>16.5</v>
      </c>
      <c r="I1967" s="46">
        <v>11.1</v>
      </c>
      <c r="J1967" s="46">
        <v>3.1</v>
      </c>
      <c r="K1967" s="46">
        <v>-9.8000000000000007</v>
      </c>
      <c r="L1967" s="59">
        <v>0</v>
      </c>
    </row>
    <row r="1968" spans="1:25" x14ac:dyDescent="0.2">
      <c r="B1968" s="77"/>
      <c r="C1968" s="39" t="s">
        <v>60</v>
      </c>
      <c r="D1968" s="45">
        <v>1325</v>
      </c>
      <c r="E1968" s="46">
        <v>3.2</v>
      </c>
      <c r="F1968" s="46">
        <v>17.2</v>
      </c>
      <c r="G1968" s="46">
        <v>48.6</v>
      </c>
      <c r="H1968" s="46">
        <v>16.899999999999999</v>
      </c>
      <c r="I1968" s="46">
        <v>11.2</v>
      </c>
      <c r="J1968" s="46">
        <v>2.9</v>
      </c>
      <c r="K1968" s="46">
        <v>-8.1999999999999993</v>
      </c>
      <c r="L1968" s="59">
        <v>0</v>
      </c>
    </row>
    <row r="1969" spans="2:12" x14ac:dyDescent="0.2">
      <c r="B1969" s="77"/>
      <c r="C1969" s="39" t="s">
        <v>61</v>
      </c>
      <c r="D1969" s="45">
        <v>675</v>
      </c>
      <c r="E1969" s="46">
        <v>2.8</v>
      </c>
      <c r="F1969" s="46">
        <v>15</v>
      </c>
      <c r="G1969" s="46">
        <v>50.2</v>
      </c>
      <c r="H1969" s="46">
        <v>17.2</v>
      </c>
      <c r="I1969" s="46">
        <v>11.9</v>
      </c>
      <c r="J1969" s="46">
        <v>3</v>
      </c>
      <c r="K1969" s="46">
        <v>-10.5</v>
      </c>
      <c r="L1969" s="59">
        <v>0</v>
      </c>
    </row>
    <row r="1970" spans="2:12" x14ac:dyDescent="0.2">
      <c r="B1970" s="77"/>
      <c r="C1970" s="39" t="s">
        <v>62</v>
      </c>
      <c r="D1970" s="45">
        <v>1086</v>
      </c>
      <c r="E1970" s="46">
        <v>2.7</v>
      </c>
      <c r="F1970" s="46">
        <v>15.6</v>
      </c>
      <c r="G1970" s="46">
        <v>49.4</v>
      </c>
      <c r="H1970" s="46">
        <v>18.3</v>
      </c>
      <c r="I1970" s="46">
        <v>11</v>
      </c>
      <c r="J1970" s="46">
        <v>3.1</v>
      </c>
      <c r="K1970" s="46">
        <v>-10</v>
      </c>
      <c r="L1970" s="59">
        <v>0</v>
      </c>
    </row>
    <row r="1971" spans="2:12" ht="21.6" x14ac:dyDescent="0.2">
      <c r="B1971" s="77"/>
      <c r="C1971" s="39" t="s">
        <v>63</v>
      </c>
      <c r="D1971" s="45">
        <v>203</v>
      </c>
      <c r="E1971" s="46">
        <v>7.4</v>
      </c>
      <c r="F1971" s="46">
        <v>18.2</v>
      </c>
      <c r="G1971" s="46">
        <v>42.9</v>
      </c>
      <c r="H1971" s="46">
        <v>13.3</v>
      </c>
      <c r="I1971" s="46">
        <v>10.3</v>
      </c>
      <c r="J1971" s="46">
        <v>7.9</v>
      </c>
      <c r="K1971" s="46">
        <v>-0.5</v>
      </c>
      <c r="L1971" s="59">
        <v>0</v>
      </c>
    </row>
    <row r="1972" spans="2:12" x14ac:dyDescent="0.2">
      <c r="B1972" s="77"/>
      <c r="C1972" s="39" t="s">
        <v>64</v>
      </c>
      <c r="D1972" s="45">
        <v>263</v>
      </c>
      <c r="E1972" s="46">
        <v>2.2999999999999998</v>
      </c>
      <c r="F1972" s="46">
        <v>20.9</v>
      </c>
      <c r="G1972" s="46">
        <v>44.1</v>
      </c>
      <c r="H1972" s="46">
        <v>20.2</v>
      </c>
      <c r="I1972" s="46">
        <v>9.1</v>
      </c>
      <c r="J1972" s="46">
        <v>3.4</v>
      </c>
      <c r="K1972" s="46">
        <v>-6.7</v>
      </c>
      <c r="L1972" s="59">
        <v>0</v>
      </c>
    </row>
    <row r="1973" spans="2:12" x14ac:dyDescent="0.2">
      <c r="B1973" s="77"/>
      <c r="C1973" s="39" t="s">
        <v>65</v>
      </c>
      <c r="D1973" s="45">
        <v>312</v>
      </c>
      <c r="E1973" s="46">
        <v>1.6</v>
      </c>
      <c r="F1973" s="46">
        <v>16.3</v>
      </c>
      <c r="G1973" s="46">
        <v>49.4</v>
      </c>
      <c r="H1973" s="46">
        <v>19.2</v>
      </c>
      <c r="I1973" s="46">
        <v>10.6</v>
      </c>
      <c r="J1973" s="46">
        <v>2.9</v>
      </c>
      <c r="K1973" s="46">
        <v>-10.7</v>
      </c>
      <c r="L1973" s="59">
        <v>0</v>
      </c>
    </row>
    <row r="1974" spans="2:12" x14ac:dyDescent="0.2">
      <c r="B1974" s="77"/>
      <c r="C1974" s="39" t="s">
        <v>66</v>
      </c>
      <c r="D1974" s="45">
        <v>230</v>
      </c>
      <c r="E1974" s="46">
        <v>1.3</v>
      </c>
      <c r="F1974" s="46">
        <v>7.4</v>
      </c>
      <c r="G1974" s="46">
        <v>57.8</v>
      </c>
      <c r="H1974" s="46">
        <v>20.9</v>
      </c>
      <c r="I1974" s="46">
        <v>12.6</v>
      </c>
      <c r="J1974" s="46">
        <v>0</v>
      </c>
      <c r="K1974" s="46">
        <v>-18</v>
      </c>
      <c r="L1974" s="59">
        <v>0</v>
      </c>
    </row>
    <row r="1975" spans="2:12" x14ac:dyDescent="0.2">
      <c r="B1975" s="77"/>
      <c r="C1975" s="39" t="s">
        <v>67</v>
      </c>
      <c r="D1975" s="45">
        <v>78</v>
      </c>
      <c r="E1975" s="46">
        <v>0</v>
      </c>
      <c r="F1975" s="46">
        <v>11.5</v>
      </c>
      <c r="G1975" s="46">
        <v>59</v>
      </c>
      <c r="H1975" s="46">
        <v>14.1</v>
      </c>
      <c r="I1975" s="46">
        <v>15.4</v>
      </c>
      <c r="J1975" s="46">
        <v>0</v>
      </c>
      <c r="K1975" s="46">
        <v>-16.7</v>
      </c>
      <c r="L1975" s="59">
        <v>0</v>
      </c>
    </row>
    <row r="1976" spans="2:12" x14ac:dyDescent="0.2">
      <c r="B1976" s="77"/>
      <c r="C1976" s="39" t="s">
        <v>68</v>
      </c>
      <c r="D1976" s="45">
        <v>897</v>
      </c>
      <c r="E1976" s="46">
        <v>1.9</v>
      </c>
      <c r="F1976" s="46">
        <v>16.2</v>
      </c>
      <c r="G1976" s="46">
        <v>50.5</v>
      </c>
      <c r="H1976" s="46">
        <v>19</v>
      </c>
      <c r="I1976" s="46">
        <v>10.1</v>
      </c>
      <c r="J1976" s="46">
        <v>2.2999999999999998</v>
      </c>
      <c r="K1976" s="46">
        <v>-9.9</v>
      </c>
      <c r="L1976" s="59">
        <v>0</v>
      </c>
    </row>
    <row r="1977" spans="2:12" x14ac:dyDescent="0.2">
      <c r="B1977" s="77"/>
      <c r="C1977" s="39" t="s">
        <v>69</v>
      </c>
      <c r="D1977" s="45">
        <v>189</v>
      </c>
      <c r="E1977" s="46">
        <v>6.3</v>
      </c>
      <c r="F1977" s="46">
        <v>12.7</v>
      </c>
      <c r="G1977" s="46">
        <v>43.9</v>
      </c>
      <c r="H1977" s="46">
        <v>15.3</v>
      </c>
      <c r="I1977" s="46">
        <v>14.8</v>
      </c>
      <c r="J1977" s="46">
        <v>6.9</v>
      </c>
      <c r="K1977" s="46">
        <v>-10.5</v>
      </c>
      <c r="L1977" s="59">
        <v>0</v>
      </c>
    </row>
    <row r="1978" spans="2:12" x14ac:dyDescent="0.2">
      <c r="B1978" s="77"/>
      <c r="C1978" s="39" t="s">
        <v>70</v>
      </c>
      <c r="D1978" s="45">
        <v>914</v>
      </c>
      <c r="E1978" s="46">
        <v>3.5</v>
      </c>
      <c r="F1978" s="46">
        <v>17.5</v>
      </c>
      <c r="G1978" s="46">
        <v>48.9</v>
      </c>
      <c r="H1978" s="46">
        <v>15.4</v>
      </c>
      <c r="I1978" s="46">
        <v>12</v>
      </c>
      <c r="J1978" s="46">
        <v>2.6</v>
      </c>
      <c r="K1978" s="46">
        <v>-7.7</v>
      </c>
      <c r="L1978" s="59">
        <v>0</v>
      </c>
    </row>
    <row r="1979" spans="2:12" ht="21.6" x14ac:dyDescent="0.2">
      <c r="B1979" s="77"/>
      <c r="C1979" s="39" t="s">
        <v>63</v>
      </c>
      <c r="D1979" s="45">
        <v>193</v>
      </c>
      <c r="E1979" s="46">
        <v>10.4</v>
      </c>
      <c r="F1979" s="46">
        <v>20.7</v>
      </c>
      <c r="G1979" s="46">
        <v>29.5</v>
      </c>
      <c r="H1979" s="46">
        <v>21.2</v>
      </c>
      <c r="I1979" s="46">
        <v>12.4</v>
      </c>
      <c r="J1979" s="46">
        <v>5.7</v>
      </c>
      <c r="K1979" s="46">
        <v>-2.5</v>
      </c>
      <c r="L1979" s="59">
        <v>0</v>
      </c>
    </row>
    <row r="1980" spans="2:12" x14ac:dyDescent="0.2">
      <c r="B1980" s="77"/>
      <c r="C1980" s="39" t="s">
        <v>64</v>
      </c>
      <c r="D1980" s="45">
        <v>203</v>
      </c>
      <c r="E1980" s="46">
        <v>1.5</v>
      </c>
      <c r="F1980" s="46">
        <v>18.7</v>
      </c>
      <c r="G1980" s="46">
        <v>49.3</v>
      </c>
      <c r="H1980" s="46">
        <v>14.8</v>
      </c>
      <c r="I1980" s="46">
        <v>12.8</v>
      </c>
      <c r="J1980" s="46">
        <v>3</v>
      </c>
      <c r="K1980" s="46">
        <v>-9.6</v>
      </c>
      <c r="L1980" s="59">
        <v>0</v>
      </c>
    </row>
    <row r="1981" spans="2:12" x14ac:dyDescent="0.2">
      <c r="B1981" s="77"/>
      <c r="C1981" s="39" t="s">
        <v>65</v>
      </c>
      <c r="D1981" s="45">
        <v>263</v>
      </c>
      <c r="E1981" s="46">
        <v>1.9</v>
      </c>
      <c r="F1981" s="46">
        <v>17.100000000000001</v>
      </c>
      <c r="G1981" s="46">
        <v>57.8</v>
      </c>
      <c r="H1981" s="46">
        <v>12.9</v>
      </c>
      <c r="I1981" s="46">
        <v>8.6999999999999993</v>
      </c>
      <c r="J1981" s="46">
        <v>1.5</v>
      </c>
      <c r="K1981" s="46">
        <v>-4.8</v>
      </c>
      <c r="L1981" s="59">
        <v>0</v>
      </c>
    </row>
    <row r="1982" spans="2:12" x14ac:dyDescent="0.2">
      <c r="B1982" s="77"/>
      <c r="C1982" s="39" t="s">
        <v>66</v>
      </c>
      <c r="D1982" s="45">
        <v>194</v>
      </c>
      <c r="E1982" s="46">
        <v>1.5</v>
      </c>
      <c r="F1982" s="46">
        <v>15.5</v>
      </c>
      <c r="G1982" s="46">
        <v>55.2</v>
      </c>
      <c r="H1982" s="46">
        <v>15.5</v>
      </c>
      <c r="I1982" s="46">
        <v>10.8</v>
      </c>
      <c r="J1982" s="46">
        <v>1.5</v>
      </c>
      <c r="K1982" s="46">
        <v>-9.4</v>
      </c>
      <c r="L1982" s="59">
        <v>0</v>
      </c>
    </row>
    <row r="1983" spans="2:12" x14ac:dyDescent="0.2">
      <c r="B1983" s="77"/>
      <c r="C1983" s="39" t="s">
        <v>67</v>
      </c>
      <c r="D1983" s="45">
        <v>61</v>
      </c>
      <c r="E1983" s="46">
        <v>1.6</v>
      </c>
      <c r="F1983" s="46">
        <v>11.5</v>
      </c>
      <c r="G1983" s="46">
        <v>50.8</v>
      </c>
      <c r="H1983" s="46">
        <v>9.8000000000000007</v>
      </c>
      <c r="I1983" s="46">
        <v>26.2</v>
      </c>
      <c r="J1983" s="46">
        <v>0</v>
      </c>
      <c r="K1983" s="46">
        <v>-23.8</v>
      </c>
      <c r="L1983" s="59">
        <v>0</v>
      </c>
    </row>
    <row r="1984" spans="2:12" x14ac:dyDescent="0.2">
      <c r="B1984" s="77"/>
      <c r="C1984" s="39" t="s">
        <v>68</v>
      </c>
      <c r="D1984" s="45">
        <v>416</v>
      </c>
      <c r="E1984" s="46">
        <v>3.6</v>
      </c>
      <c r="F1984" s="46">
        <v>20.7</v>
      </c>
      <c r="G1984" s="46">
        <v>48.6</v>
      </c>
      <c r="H1984" s="46">
        <v>15.4</v>
      </c>
      <c r="I1984" s="46">
        <v>8.9</v>
      </c>
      <c r="J1984" s="46">
        <v>2.9</v>
      </c>
      <c r="K1984" s="46">
        <v>-2.7</v>
      </c>
      <c r="L1984" s="59">
        <v>0</v>
      </c>
    </row>
    <row r="1985" spans="1:25" x14ac:dyDescent="0.2">
      <c r="B1985" s="77"/>
      <c r="C1985" s="40" t="s">
        <v>69</v>
      </c>
      <c r="D1985" s="48">
        <v>498</v>
      </c>
      <c r="E1985" s="49">
        <v>3.4</v>
      </c>
      <c r="F1985" s="49">
        <v>14.9</v>
      </c>
      <c r="G1985" s="49">
        <v>49.2</v>
      </c>
      <c r="H1985" s="49">
        <v>15.5</v>
      </c>
      <c r="I1985" s="49">
        <v>14.7</v>
      </c>
      <c r="J1985" s="49">
        <v>2.4</v>
      </c>
      <c r="K1985" s="49">
        <v>-11.8</v>
      </c>
      <c r="L1985" s="60">
        <v>0</v>
      </c>
    </row>
    <row r="1986" spans="1:25" x14ac:dyDescent="0.2">
      <c r="B1986" s="7" t="s">
        <v>71</v>
      </c>
      <c r="C1986" s="4" t="s">
        <v>123</v>
      </c>
    </row>
    <row r="1987" spans="1:25" x14ac:dyDescent="0.2">
      <c r="B1987" s="4"/>
      <c r="C1987" s="4" t="s">
        <v>73</v>
      </c>
    </row>
    <row r="1989" spans="1:25" x14ac:dyDescent="0.2">
      <c r="A1989" s="26" t="s">
        <v>25</v>
      </c>
      <c r="B1989" t="s">
        <v>35</v>
      </c>
      <c r="C1989" t="s">
        <v>35</v>
      </c>
    </row>
    <row r="1990" spans="1:25" x14ac:dyDescent="0.2">
      <c r="B1990" s="75" t="s">
        <v>124</v>
      </c>
      <c r="C1990" s="76"/>
      <c r="D1990" s="76"/>
      <c r="E1990" s="76"/>
      <c r="F1990" s="76"/>
      <c r="G1990" s="76"/>
      <c r="H1990" s="76"/>
      <c r="I1990" s="76"/>
      <c r="J1990" s="76"/>
      <c r="K1990" s="76"/>
      <c r="L1990" s="76"/>
      <c r="M1990" s="76"/>
      <c r="N1990" s="76"/>
      <c r="O1990" s="76"/>
      <c r="P1990" s="76"/>
      <c r="Q1990" s="76"/>
      <c r="R1990" s="76"/>
      <c r="S1990" s="76"/>
      <c r="T1990" s="76"/>
      <c r="U1990" s="76"/>
      <c r="V1990" s="76"/>
      <c r="W1990" s="76"/>
      <c r="X1990" s="76"/>
      <c r="Y1990" s="76"/>
    </row>
    <row r="1991" spans="1:25" s="32" customFormat="1" ht="36.450000000000003" customHeight="1" x14ac:dyDescent="0.15">
      <c r="A1991" s="31"/>
      <c r="D1991" s="33" t="s">
        <v>378</v>
      </c>
      <c r="E1991" s="36" t="s">
        <v>537</v>
      </c>
      <c r="F1991" s="55" t="s">
        <v>525</v>
      </c>
      <c r="G1991" s="55" t="s">
        <v>538</v>
      </c>
      <c r="H1991" s="37" t="s">
        <v>480</v>
      </c>
      <c r="I1991" s="35" t="s">
        <v>381</v>
      </c>
    </row>
    <row r="1992" spans="1:25" x14ac:dyDescent="0.2">
      <c r="B1992" s="5"/>
      <c r="C1992" s="41" t="s">
        <v>38</v>
      </c>
      <c r="D1992" s="42">
        <v>2000</v>
      </c>
      <c r="E1992" s="43">
        <v>19.5</v>
      </c>
      <c r="F1992" s="43">
        <v>49.2</v>
      </c>
      <c r="G1992" s="43">
        <v>28.5</v>
      </c>
      <c r="H1992" s="44">
        <v>2.9</v>
      </c>
    </row>
    <row r="1993" spans="1:25" x14ac:dyDescent="0.2">
      <c r="B1993" s="77" t="s">
        <v>37</v>
      </c>
      <c r="C1993" s="39" t="s">
        <v>39</v>
      </c>
      <c r="D1993" s="45">
        <v>111</v>
      </c>
      <c r="E1993" s="46">
        <v>16.2</v>
      </c>
      <c r="F1993" s="46">
        <v>58.6</v>
      </c>
      <c r="G1993" s="46">
        <v>25.2</v>
      </c>
      <c r="H1993" s="47">
        <v>0</v>
      </c>
    </row>
    <row r="1994" spans="1:25" x14ac:dyDescent="0.2">
      <c r="B1994" s="77"/>
      <c r="C1994" s="39" t="s">
        <v>40</v>
      </c>
      <c r="D1994" s="45">
        <v>450</v>
      </c>
      <c r="E1994" s="46">
        <v>14.9</v>
      </c>
      <c r="F1994" s="46">
        <v>50.7</v>
      </c>
      <c r="G1994" s="46">
        <v>31.8</v>
      </c>
      <c r="H1994" s="47">
        <v>2.7</v>
      </c>
    </row>
    <row r="1995" spans="1:25" ht="21.6" x14ac:dyDescent="0.2">
      <c r="B1995" s="77"/>
      <c r="C1995" s="39" t="s">
        <v>41</v>
      </c>
      <c r="D1995" s="45">
        <v>30</v>
      </c>
      <c r="E1995" s="46">
        <v>26.7</v>
      </c>
      <c r="F1995" s="46">
        <v>40</v>
      </c>
      <c r="G1995" s="46">
        <v>26.7</v>
      </c>
      <c r="H1995" s="47">
        <v>6.7</v>
      </c>
    </row>
    <row r="1996" spans="1:25" ht="21.6" x14ac:dyDescent="0.2">
      <c r="B1996" s="77"/>
      <c r="C1996" s="39" t="s">
        <v>42</v>
      </c>
      <c r="D1996" s="45">
        <v>336</v>
      </c>
      <c r="E1996" s="46">
        <v>25</v>
      </c>
      <c r="F1996" s="46">
        <v>46.7</v>
      </c>
      <c r="G1996" s="46">
        <v>26.8</v>
      </c>
      <c r="H1996" s="47">
        <v>1.5</v>
      </c>
    </row>
    <row r="1997" spans="1:25" ht="21.6" x14ac:dyDescent="0.2">
      <c r="B1997" s="77"/>
      <c r="C1997" s="39" t="s">
        <v>43</v>
      </c>
      <c r="D1997" s="45">
        <v>327</v>
      </c>
      <c r="E1997" s="46">
        <v>19.3</v>
      </c>
      <c r="F1997" s="46">
        <v>48.9</v>
      </c>
      <c r="G1997" s="46">
        <v>29.1</v>
      </c>
      <c r="H1997" s="47">
        <v>2.8</v>
      </c>
    </row>
    <row r="1998" spans="1:25" ht="21.6" x14ac:dyDescent="0.2">
      <c r="B1998" s="77"/>
      <c r="C1998" s="39" t="s">
        <v>44</v>
      </c>
      <c r="D1998" s="45">
        <v>181</v>
      </c>
      <c r="E1998" s="46">
        <v>22.1</v>
      </c>
      <c r="F1998" s="46">
        <v>53.6</v>
      </c>
      <c r="G1998" s="46">
        <v>22.7</v>
      </c>
      <c r="H1998" s="47">
        <v>1.7</v>
      </c>
    </row>
    <row r="1999" spans="1:25" ht="21.6" x14ac:dyDescent="0.2">
      <c r="B1999" s="77"/>
      <c r="C1999" s="39" t="s">
        <v>45</v>
      </c>
      <c r="D1999" s="45">
        <v>565</v>
      </c>
      <c r="E1999" s="46">
        <v>19.5</v>
      </c>
      <c r="F1999" s="46">
        <v>46.7</v>
      </c>
      <c r="G1999" s="46">
        <v>29</v>
      </c>
      <c r="H1999" s="47">
        <v>4.8</v>
      </c>
    </row>
    <row r="2000" spans="1:25" ht="21.6" x14ac:dyDescent="0.2">
      <c r="B2000" s="77"/>
      <c r="C2000" s="39" t="s">
        <v>46</v>
      </c>
      <c r="D2000" s="45">
        <v>473</v>
      </c>
      <c r="E2000" s="46">
        <v>21.4</v>
      </c>
      <c r="F2000" s="46">
        <v>45.5</v>
      </c>
      <c r="G2000" s="46">
        <v>30</v>
      </c>
      <c r="H2000" s="47">
        <v>3.2</v>
      </c>
    </row>
    <row r="2001" spans="1:25" ht="21.6" x14ac:dyDescent="0.2">
      <c r="B2001" s="77"/>
      <c r="C2001" s="39" t="s">
        <v>47</v>
      </c>
      <c r="D2001" s="45">
        <v>441</v>
      </c>
      <c r="E2001" s="46">
        <v>17.7</v>
      </c>
      <c r="F2001" s="46">
        <v>51.7</v>
      </c>
      <c r="G2001" s="46">
        <v>29</v>
      </c>
      <c r="H2001" s="47">
        <v>1.6</v>
      </c>
    </row>
    <row r="2002" spans="1:25" ht="21.6" x14ac:dyDescent="0.2">
      <c r="B2002" s="77"/>
      <c r="C2002" s="39" t="s">
        <v>48</v>
      </c>
      <c r="D2002" s="45">
        <v>305</v>
      </c>
      <c r="E2002" s="46">
        <v>13.1</v>
      </c>
      <c r="F2002" s="46">
        <v>51.5</v>
      </c>
      <c r="G2002" s="46">
        <v>34.1</v>
      </c>
      <c r="H2002" s="47">
        <v>1.3</v>
      </c>
    </row>
    <row r="2003" spans="1:25" ht="21.6" x14ac:dyDescent="0.2">
      <c r="B2003" s="77"/>
      <c r="C2003" s="39" t="s">
        <v>49</v>
      </c>
      <c r="D2003" s="45">
        <v>223</v>
      </c>
      <c r="E2003" s="46">
        <v>24.2</v>
      </c>
      <c r="F2003" s="46">
        <v>52.9</v>
      </c>
      <c r="G2003" s="46">
        <v>22.4</v>
      </c>
      <c r="H2003" s="47">
        <v>0.4</v>
      </c>
    </row>
    <row r="2004" spans="1:25" ht="21.6" x14ac:dyDescent="0.2">
      <c r="B2004" s="77"/>
      <c r="C2004" s="39" t="s">
        <v>50</v>
      </c>
      <c r="D2004" s="45">
        <v>123</v>
      </c>
      <c r="E2004" s="46">
        <v>23.6</v>
      </c>
      <c r="F2004" s="46">
        <v>50.4</v>
      </c>
      <c r="G2004" s="46">
        <v>26</v>
      </c>
      <c r="H2004" s="47">
        <v>0</v>
      </c>
    </row>
    <row r="2005" spans="1:25" ht="21.6" x14ac:dyDescent="0.2">
      <c r="B2005" s="77"/>
      <c r="C2005" s="39" t="s">
        <v>51</v>
      </c>
      <c r="D2005" s="45">
        <v>124</v>
      </c>
      <c r="E2005" s="46">
        <v>27.4</v>
      </c>
      <c r="F2005" s="46">
        <v>50</v>
      </c>
      <c r="G2005" s="46">
        <v>21</v>
      </c>
      <c r="H2005" s="47">
        <v>1.6</v>
      </c>
    </row>
    <row r="2006" spans="1:25" ht="21.6" x14ac:dyDescent="0.2">
      <c r="B2006" s="77"/>
      <c r="C2006" s="39" t="s">
        <v>52</v>
      </c>
      <c r="D2006" s="45">
        <v>312</v>
      </c>
      <c r="E2006" s="46">
        <v>15.7</v>
      </c>
      <c r="F2006" s="46">
        <v>54.5</v>
      </c>
      <c r="G2006" s="46">
        <v>28.5</v>
      </c>
      <c r="H2006" s="47">
        <v>1.3</v>
      </c>
    </row>
    <row r="2007" spans="1:25" x14ac:dyDescent="0.2">
      <c r="B2007" s="77"/>
      <c r="C2007" s="39" t="s">
        <v>53</v>
      </c>
      <c r="D2007" s="45">
        <v>269</v>
      </c>
      <c r="E2007" s="46">
        <v>18.2</v>
      </c>
      <c r="F2007" s="46">
        <v>48.7</v>
      </c>
      <c r="G2007" s="46">
        <v>31.2</v>
      </c>
      <c r="H2007" s="47">
        <v>1.9</v>
      </c>
    </row>
    <row r="2008" spans="1:25" ht="21.6" x14ac:dyDescent="0.2">
      <c r="B2008" s="77"/>
      <c r="C2008" s="39" t="s">
        <v>54</v>
      </c>
      <c r="D2008" s="45">
        <v>511</v>
      </c>
      <c r="E2008" s="46">
        <v>20.9</v>
      </c>
      <c r="F2008" s="46">
        <v>48.3</v>
      </c>
      <c r="G2008" s="46">
        <v>28.4</v>
      </c>
      <c r="H2008" s="47">
        <v>2.2999999999999998</v>
      </c>
    </row>
    <row r="2009" spans="1:25" ht="21.6" x14ac:dyDescent="0.2">
      <c r="B2009" s="77"/>
      <c r="C2009" s="39" t="s">
        <v>55</v>
      </c>
      <c r="D2009" s="45">
        <v>615</v>
      </c>
      <c r="E2009" s="46">
        <v>21.1</v>
      </c>
      <c r="F2009" s="46">
        <v>49.3</v>
      </c>
      <c r="G2009" s="46">
        <v>27.8</v>
      </c>
      <c r="H2009" s="47">
        <v>1.8</v>
      </c>
    </row>
    <row r="2010" spans="1:25" ht="21.6" x14ac:dyDescent="0.2">
      <c r="B2010" s="77"/>
      <c r="C2010" s="39" t="s">
        <v>56</v>
      </c>
      <c r="D2010" s="45">
        <v>800</v>
      </c>
      <c r="E2010" s="46">
        <v>22.8</v>
      </c>
      <c r="F2010" s="46">
        <v>46.1</v>
      </c>
      <c r="G2010" s="46">
        <v>28.8</v>
      </c>
      <c r="H2010" s="47">
        <v>2.4</v>
      </c>
    </row>
    <row r="2011" spans="1:25" x14ac:dyDescent="0.2">
      <c r="B2011" s="77"/>
      <c r="C2011" s="40" t="s">
        <v>57</v>
      </c>
      <c r="D2011" s="48">
        <v>798</v>
      </c>
      <c r="E2011" s="49">
        <v>16</v>
      </c>
      <c r="F2011" s="49">
        <v>52.9</v>
      </c>
      <c r="G2011" s="49">
        <v>29.7</v>
      </c>
      <c r="H2011" s="50">
        <v>1.4</v>
      </c>
    </row>
    <row r="2013" spans="1:25" x14ac:dyDescent="0.2">
      <c r="C2013" t="s">
        <v>35</v>
      </c>
    </row>
    <row r="2014" spans="1:25" x14ac:dyDescent="0.2">
      <c r="B2014" s="75" t="s">
        <v>295</v>
      </c>
      <c r="C2014" s="76"/>
      <c r="D2014" s="76"/>
      <c r="E2014" s="76"/>
      <c r="F2014" s="76"/>
      <c r="G2014" s="76"/>
      <c r="H2014" s="76"/>
      <c r="I2014" s="76"/>
      <c r="J2014" s="76"/>
      <c r="K2014" s="76"/>
      <c r="L2014" s="76"/>
      <c r="M2014" s="76"/>
      <c r="N2014" s="76"/>
      <c r="O2014" s="76"/>
      <c r="P2014" s="76"/>
      <c r="Q2014" s="76"/>
      <c r="R2014" s="76"/>
      <c r="S2014" s="76"/>
      <c r="T2014" s="76"/>
      <c r="U2014" s="76"/>
      <c r="V2014" s="76"/>
      <c r="W2014" s="76"/>
      <c r="X2014" s="76"/>
      <c r="Y2014" s="76"/>
    </row>
    <row r="2015" spans="1:25" s="32" customFormat="1" ht="36.450000000000003" customHeight="1" x14ac:dyDescent="0.15">
      <c r="A2015" s="31"/>
      <c r="D2015" s="33" t="s">
        <v>378</v>
      </c>
      <c r="E2015" s="36" t="s">
        <v>537</v>
      </c>
      <c r="F2015" s="55" t="s">
        <v>525</v>
      </c>
      <c r="G2015" s="55" t="s">
        <v>538</v>
      </c>
      <c r="H2015" s="37" t="s">
        <v>480</v>
      </c>
      <c r="I2015" s="35" t="s">
        <v>381</v>
      </c>
    </row>
    <row r="2016" spans="1:25" ht="21.6" x14ac:dyDescent="0.2">
      <c r="B2016" s="77" t="s">
        <v>37</v>
      </c>
      <c r="C2016" s="38" t="s">
        <v>58</v>
      </c>
      <c r="D2016" s="51">
        <v>609</v>
      </c>
      <c r="E2016" s="52">
        <v>23.6</v>
      </c>
      <c r="F2016" s="52">
        <v>43.7</v>
      </c>
      <c r="G2016" s="52">
        <v>30.2</v>
      </c>
      <c r="H2016" s="53">
        <v>2.5</v>
      </c>
    </row>
    <row r="2017" spans="2:8" ht="21.6" x14ac:dyDescent="0.2">
      <c r="B2017" s="77"/>
      <c r="C2017" s="39" t="s">
        <v>59</v>
      </c>
      <c r="D2017" s="45">
        <v>1391</v>
      </c>
      <c r="E2017" s="46">
        <v>17.7</v>
      </c>
      <c r="F2017" s="46">
        <v>51.5</v>
      </c>
      <c r="G2017" s="46">
        <v>27.7</v>
      </c>
      <c r="H2017" s="47">
        <v>3.1</v>
      </c>
    </row>
    <row r="2018" spans="2:8" x14ac:dyDescent="0.2">
      <c r="B2018" s="77"/>
      <c r="C2018" s="39" t="s">
        <v>60</v>
      </c>
      <c r="D2018" s="45">
        <v>1325</v>
      </c>
      <c r="E2018" s="46">
        <v>20.399999999999999</v>
      </c>
      <c r="F2018" s="46">
        <v>48.6</v>
      </c>
      <c r="G2018" s="46">
        <v>28.2</v>
      </c>
      <c r="H2018" s="47">
        <v>2.9</v>
      </c>
    </row>
    <row r="2019" spans="2:8" x14ac:dyDescent="0.2">
      <c r="B2019" s="77"/>
      <c r="C2019" s="39" t="s">
        <v>61</v>
      </c>
      <c r="D2019" s="45">
        <v>675</v>
      </c>
      <c r="E2019" s="46">
        <v>17.8</v>
      </c>
      <c r="F2019" s="46">
        <v>50.2</v>
      </c>
      <c r="G2019" s="46">
        <v>29</v>
      </c>
      <c r="H2019" s="47">
        <v>3</v>
      </c>
    </row>
    <row r="2020" spans="2:8" x14ac:dyDescent="0.2">
      <c r="B2020" s="77"/>
      <c r="C2020" s="39" t="s">
        <v>62</v>
      </c>
      <c r="D2020" s="45">
        <v>1086</v>
      </c>
      <c r="E2020" s="46">
        <v>18.2</v>
      </c>
      <c r="F2020" s="46">
        <v>49.4</v>
      </c>
      <c r="G2020" s="46">
        <v>29.3</v>
      </c>
      <c r="H2020" s="47">
        <v>3.1</v>
      </c>
    </row>
    <row r="2021" spans="2:8" ht="21.6" x14ac:dyDescent="0.2">
      <c r="B2021" s="77"/>
      <c r="C2021" s="39" t="s">
        <v>63</v>
      </c>
      <c r="D2021" s="45">
        <v>203</v>
      </c>
      <c r="E2021" s="46">
        <v>25.6</v>
      </c>
      <c r="F2021" s="46">
        <v>42.9</v>
      </c>
      <c r="G2021" s="46">
        <v>23.6</v>
      </c>
      <c r="H2021" s="47">
        <v>7.9</v>
      </c>
    </row>
    <row r="2022" spans="2:8" x14ac:dyDescent="0.2">
      <c r="B2022" s="77"/>
      <c r="C2022" s="39" t="s">
        <v>64</v>
      </c>
      <c r="D2022" s="45">
        <v>263</v>
      </c>
      <c r="E2022" s="46">
        <v>23.2</v>
      </c>
      <c r="F2022" s="46">
        <v>44.1</v>
      </c>
      <c r="G2022" s="46">
        <v>29.3</v>
      </c>
      <c r="H2022" s="47">
        <v>3.4</v>
      </c>
    </row>
    <row r="2023" spans="2:8" x14ac:dyDescent="0.2">
      <c r="B2023" s="77"/>
      <c r="C2023" s="39" t="s">
        <v>65</v>
      </c>
      <c r="D2023" s="45">
        <v>312</v>
      </c>
      <c r="E2023" s="46">
        <v>17.899999999999999</v>
      </c>
      <c r="F2023" s="46">
        <v>49.4</v>
      </c>
      <c r="G2023" s="46">
        <v>29.8</v>
      </c>
      <c r="H2023" s="47">
        <v>2.9</v>
      </c>
    </row>
    <row r="2024" spans="2:8" x14ac:dyDescent="0.2">
      <c r="B2024" s="77"/>
      <c r="C2024" s="39" t="s">
        <v>66</v>
      </c>
      <c r="D2024" s="45">
        <v>230</v>
      </c>
      <c r="E2024" s="46">
        <v>8.6999999999999993</v>
      </c>
      <c r="F2024" s="46">
        <v>57.8</v>
      </c>
      <c r="G2024" s="46">
        <v>33.5</v>
      </c>
      <c r="H2024" s="47">
        <v>0</v>
      </c>
    </row>
    <row r="2025" spans="2:8" x14ac:dyDescent="0.2">
      <c r="B2025" s="77"/>
      <c r="C2025" s="39" t="s">
        <v>67</v>
      </c>
      <c r="D2025" s="45">
        <v>78</v>
      </c>
      <c r="E2025" s="46">
        <v>11.5</v>
      </c>
      <c r="F2025" s="46">
        <v>59</v>
      </c>
      <c r="G2025" s="46">
        <v>29.5</v>
      </c>
      <c r="H2025" s="47">
        <v>0</v>
      </c>
    </row>
    <row r="2026" spans="2:8" x14ac:dyDescent="0.2">
      <c r="B2026" s="77"/>
      <c r="C2026" s="39" t="s">
        <v>68</v>
      </c>
      <c r="D2026" s="45">
        <v>897</v>
      </c>
      <c r="E2026" s="46">
        <v>18.100000000000001</v>
      </c>
      <c r="F2026" s="46">
        <v>50.5</v>
      </c>
      <c r="G2026" s="46">
        <v>29.1</v>
      </c>
      <c r="H2026" s="47">
        <v>2.2999999999999998</v>
      </c>
    </row>
    <row r="2027" spans="2:8" x14ac:dyDescent="0.2">
      <c r="B2027" s="77"/>
      <c r="C2027" s="39" t="s">
        <v>69</v>
      </c>
      <c r="D2027" s="45">
        <v>189</v>
      </c>
      <c r="E2027" s="46">
        <v>19</v>
      </c>
      <c r="F2027" s="46">
        <v>43.9</v>
      </c>
      <c r="G2027" s="46">
        <v>30.2</v>
      </c>
      <c r="H2027" s="47">
        <v>6.9</v>
      </c>
    </row>
    <row r="2028" spans="2:8" x14ac:dyDescent="0.2">
      <c r="B2028" s="77"/>
      <c r="C2028" s="39" t="s">
        <v>70</v>
      </c>
      <c r="D2028" s="45">
        <v>914</v>
      </c>
      <c r="E2028" s="46">
        <v>21</v>
      </c>
      <c r="F2028" s="46">
        <v>48.9</v>
      </c>
      <c r="G2028" s="46">
        <v>27.5</v>
      </c>
      <c r="H2028" s="47">
        <v>2.6</v>
      </c>
    </row>
    <row r="2029" spans="2:8" ht="21.6" x14ac:dyDescent="0.2">
      <c r="B2029" s="77"/>
      <c r="C2029" s="39" t="s">
        <v>63</v>
      </c>
      <c r="D2029" s="45">
        <v>193</v>
      </c>
      <c r="E2029" s="46">
        <v>31.1</v>
      </c>
      <c r="F2029" s="46">
        <v>29.5</v>
      </c>
      <c r="G2029" s="46">
        <v>33.700000000000003</v>
      </c>
      <c r="H2029" s="47">
        <v>5.7</v>
      </c>
    </row>
    <row r="2030" spans="2:8" x14ac:dyDescent="0.2">
      <c r="B2030" s="77"/>
      <c r="C2030" s="39" t="s">
        <v>64</v>
      </c>
      <c r="D2030" s="45">
        <v>203</v>
      </c>
      <c r="E2030" s="46">
        <v>20.2</v>
      </c>
      <c r="F2030" s="46">
        <v>49.3</v>
      </c>
      <c r="G2030" s="46">
        <v>27.6</v>
      </c>
      <c r="H2030" s="47">
        <v>3</v>
      </c>
    </row>
    <row r="2031" spans="2:8" x14ac:dyDescent="0.2">
      <c r="B2031" s="77"/>
      <c r="C2031" s="39" t="s">
        <v>65</v>
      </c>
      <c r="D2031" s="45">
        <v>263</v>
      </c>
      <c r="E2031" s="46">
        <v>19</v>
      </c>
      <c r="F2031" s="46">
        <v>57.8</v>
      </c>
      <c r="G2031" s="46">
        <v>21.7</v>
      </c>
      <c r="H2031" s="47">
        <v>1.5</v>
      </c>
    </row>
    <row r="2032" spans="2:8" x14ac:dyDescent="0.2">
      <c r="B2032" s="77"/>
      <c r="C2032" s="39" t="s">
        <v>66</v>
      </c>
      <c r="D2032" s="45">
        <v>194</v>
      </c>
      <c r="E2032" s="46">
        <v>17</v>
      </c>
      <c r="F2032" s="46">
        <v>55.2</v>
      </c>
      <c r="G2032" s="46">
        <v>26.3</v>
      </c>
      <c r="H2032" s="47">
        <v>1.5</v>
      </c>
    </row>
    <row r="2033" spans="1:25" x14ac:dyDescent="0.2">
      <c r="B2033" s="77"/>
      <c r="C2033" s="39" t="s">
        <v>67</v>
      </c>
      <c r="D2033" s="45">
        <v>61</v>
      </c>
      <c r="E2033" s="46">
        <v>13.1</v>
      </c>
      <c r="F2033" s="46">
        <v>50.8</v>
      </c>
      <c r="G2033" s="46">
        <v>36.1</v>
      </c>
      <c r="H2033" s="47">
        <v>0</v>
      </c>
    </row>
    <row r="2034" spans="1:25" x14ac:dyDescent="0.2">
      <c r="B2034" s="77"/>
      <c r="C2034" s="39" t="s">
        <v>68</v>
      </c>
      <c r="D2034" s="45">
        <v>416</v>
      </c>
      <c r="E2034" s="46">
        <v>24.3</v>
      </c>
      <c r="F2034" s="46">
        <v>48.6</v>
      </c>
      <c r="G2034" s="46">
        <v>24.3</v>
      </c>
      <c r="H2034" s="47">
        <v>2.9</v>
      </c>
    </row>
    <row r="2035" spans="1:25" x14ac:dyDescent="0.2">
      <c r="B2035" s="77"/>
      <c r="C2035" s="40" t="s">
        <v>69</v>
      </c>
      <c r="D2035" s="48">
        <v>498</v>
      </c>
      <c r="E2035" s="49">
        <v>18.3</v>
      </c>
      <c r="F2035" s="49">
        <v>49.2</v>
      </c>
      <c r="G2035" s="49">
        <v>30.1</v>
      </c>
      <c r="H2035" s="50">
        <v>2.4</v>
      </c>
    </row>
    <row r="2037" spans="1:25" x14ac:dyDescent="0.2">
      <c r="A2037" s="26" t="s">
        <v>25</v>
      </c>
      <c r="B2037" t="s">
        <v>35</v>
      </c>
      <c r="C2037" t="s">
        <v>35</v>
      </c>
    </row>
    <row r="2038" spans="1:25" x14ac:dyDescent="0.2">
      <c r="B2038" s="75" t="s">
        <v>125</v>
      </c>
      <c r="C2038" s="76"/>
      <c r="D2038" s="76"/>
      <c r="E2038" s="76"/>
      <c r="F2038" s="76"/>
      <c r="G2038" s="76"/>
      <c r="H2038" s="76"/>
      <c r="I2038" s="76"/>
      <c r="J2038" s="76"/>
      <c r="K2038" s="76"/>
      <c r="L2038" s="76"/>
      <c r="M2038" s="76"/>
      <c r="N2038" s="76"/>
      <c r="O2038" s="76"/>
      <c r="P2038" s="76"/>
      <c r="Q2038" s="76"/>
      <c r="R2038" s="76"/>
      <c r="S2038" s="76"/>
      <c r="T2038" s="76"/>
      <c r="U2038" s="76"/>
      <c r="V2038" s="76"/>
      <c r="W2038" s="76"/>
      <c r="X2038" s="76"/>
      <c r="Y2038" s="76"/>
    </row>
    <row r="2039" spans="1:25" s="32" customFormat="1" ht="47.25" customHeight="1" x14ac:dyDescent="0.15">
      <c r="A2039" s="31"/>
      <c r="D2039" s="33" t="s">
        <v>378</v>
      </c>
      <c r="E2039" s="36" t="s">
        <v>545</v>
      </c>
      <c r="F2039" s="55" t="s">
        <v>546</v>
      </c>
      <c r="G2039" s="55" t="s">
        <v>521</v>
      </c>
      <c r="H2039" s="55" t="s">
        <v>547</v>
      </c>
      <c r="I2039" s="55" t="s">
        <v>548</v>
      </c>
      <c r="J2039" s="55" t="s">
        <v>480</v>
      </c>
      <c r="K2039" s="56" t="s">
        <v>387</v>
      </c>
      <c r="L2039" s="57" t="s">
        <v>388</v>
      </c>
      <c r="M2039" s="54" t="s">
        <v>381</v>
      </c>
    </row>
    <row r="2040" spans="1:25" x14ac:dyDescent="0.2">
      <c r="B2040" s="5"/>
      <c r="C2040" s="41" t="s">
        <v>38</v>
      </c>
      <c r="D2040" s="42">
        <v>2000</v>
      </c>
      <c r="E2040" s="43">
        <v>2</v>
      </c>
      <c r="F2040" s="43">
        <v>15</v>
      </c>
      <c r="G2040" s="43">
        <v>56.8</v>
      </c>
      <c r="H2040" s="43">
        <v>12.7</v>
      </c>
      <c r="I2040" s="43">
        <v>5.9</v>
      </c>
      <c r="J2040" s="43">
        <v>7.8</v>
      </c>
      <c r="K2040" s="43">
        <v>-3</v>
      </c>
      <c r="L2040" s="58">
        <v>0</v>
      </c>
    </row>
    <row r="2041" spans="1:25" x14ac:dyDescent="0.2">
      <c r="B2041" s="77" t="s">
        <v>37</v>
      </c>
      <c r="C2041" s="39" t="s">
        <v>39</v>
      </c>
      <c r="D2041" s="45">
        <v>111</v>
      </c>
      <c r="E2041" s="46">
        <v>5.4</v>
      </c>
      <c r="F2041" s="46">
        <v>14.4</v>
      </c>
      <c r="G2041" s="46">
        <v>58.6</v>
      </c>
      <c r="H2041" s="46">
        <v>11.7</v>
      </c>
      <c r="I2041" s="46">
        <v>5.4</v>
      </c>
      <c r="J2041" s="46">
        <v>4.5</v>
      </c>
      <c r="K2041" s="46">
        <v>1.4</v>
      </c>
      <c r="L2041" s="59">
        <v>0</v>
      </c>
    </row>
    <row r="2042" spans="1:25" x14ac:dyDescent="0.2">
      <c r="B2042" s="77"/>
      <c r="C2042" s="39" t="s">
        <v>40</v>
      </c>
      <c r="D2042" s="45">
        <v>450</v>
      </c>
      <c r="E2042" s="46">
        <v>1.1000000000000001</v>
      </c>
      <c r="F2042" s="46">
        <v>13.6</v>
      </c>
      <c r="G2042" s="46">
        <v>55.3</v>
      </c>
      <c r="H2042" s="46">
        <v>14.9</v>
      </c>
      <c r="I2042" s="46">
        <v>8.6999999999999993</v>
      </c>
      <c r="J2042" s="46">
        <v>6.4</v>
      </c>
      <c r="K2042" s="46">
        <v>-8.8000000000000007</v>
      </c>
      <c r="L2042" s="59">
        <v>0</v>
      </c>
    </row>
    <row r="2043" spans="1:25" ht="21.6" x14ac:dyDescent="0.2">
      <c r="B2043" s="77"/>
      <c r="C2043" s="39" t="s">
        <v>41</v>
      </c>
      <c r="D2043" s="45">
        <v>30</v>
      </c>
      <c r="E2043" s="46">
        <v>10</v>
      </c>
      <c r="F2043" s="46">
        <v>6.7</v>
      </c>
      <c r="G2043" s="46">
        <v>43.3</v>
      </c>
      <c r="H2043" s="46">
        <v>16.7</v>
      </c>
      <c r="I2043" s="46">
        <v>6.7</v>
      </c>
      <c r="J2043" s="46">
        <v>16.7</v>
      </c>
      <c r="K2043" s="46">
        <v>-2</v>
      </c>
      <c r="L2043" s="59">
        <v>0</v>
      </c>
    </row>
    <row r="2044" spans="1:25" ht="21.6" x14ac:dyDescent="0.2">
      <c r="B2044" s="77"/>
      <c r="C2044" s="39" t="s">
        <v>42</v>
      </c>
      <c r="D2044" s="45">
        <v>336</v>
      </c>
      <c r="E2044" s="46">
        <v>0.9</v>
      </c>
      <c r="F2044" s="46">
        <v>18.2</v>
      </c>
      <c r="G2044" s="46">
        <v>58.9</v>
      </c>
      <c r="H2044" s="46">
        <v>11.9</v>
      </c>
      <c r="I2044" s="46">
        <v>2.7</v>
      </c>
      <c r="J2044" s="46">
        <v>7.4</v>
      </c>
      <c r="K2044" s="46">
        <v>1.4</v>
      </c>
      <c r="L2044" s="59">
        <v>0</v>
      </c>
    </row>
    <row r="2045" spans="1:25" ht="21.6" x14ac:dyDescent="0.2">
      <c r="B2045" s="77"/>
      <c r="C2045" s="39" t="s">
        <v>43</v>
      </c>
      <c r="D2045" s="45">
        <v>327</v>
      </c>
      <c r="E2045" s="46">
        <v>1.5</v>
      </c>
      <c r="F2045" s="46">
        <v>15.9</v>
      </c>
      <c r="G2045" s="46">
        <v>59.3</v>
      </c>
      <c r="H2045" s="46">
        <v>11.6</v>
      </c>
      <c r="I2045" s="46">
        <v>5.5</v>
      </c>
      <c r="J2045" s="46">
        <v>6.1</v>
      </c>
      <c r="K2045" s="46">
        <v>-2</v>
      </c>
      <c r="L2045" s="59">
        <v>0</v>
      </c>
    </row>
    <row r="2046" spans="1:25" ht="21.6" x14ac:dyDescent="0.2">
      <c r="B2046" s="77"/>
      <c r="C2046" s="39" t="s">
        <v>44</v>
      </c>
      <c r="D2046" s="45">
        <v>181</v>
      </c>
      <c r="E2046" s="46">
        <v>1.7</v>
      </c>
      <c r="F2046" s="46">
        <v>13.8</v>
      </c>
      <c r="G2046" s="46">
        <v>61.3</v>
      </c>
      <c r="H2046" s="46">
        <v>12.2</v>
      </c>
      <c r="I2046" s="46">
        <v>6.1</v>
      </c>
      <c r="J2046" s="46">
        <v>5</v>
      </c>
      <c r="K2046" s="46">
        <v>-3.8</v>
      </c>
      <c r="L2046" s="59">
        <v>0</v>
      </c>
    </row>
    <row r="2047" spans="1:25" ht="21.6" x14ac:dyDescent="0.2">
      <c r="B2047" s="77"/>
      <c r="C2047" s="39" t="s">
        <v>45</v>
      </c>
      <c r="D2047" s="45">
        <v>565</v>
      </c>
      <c r="E2047" s="46">
        <v>2.5</v>
      </c>
      <c r="F2047" s="46">
        <v>14.5</v>
      </c>
      <c r="G2047" s="46">
        <v>54</v>
      </c>
      <c r="H2047" s="46">
        <v>12.2</v>
      </c>
      <c r="I2047" s="46">
        <v>5.7</v>
      </c>
      <c r="J2047" s="46">
        <v>11.2</v>
      </c>
      <c r="K2047" s="46">
        <v>-2.2999999999999998</v>
      </c>
      <c r="L2047" s="59">
        <v>0</v>
      </c>
    </row>
    <row r="2048" spans="1:25" ht="21.6" x14ac:dyDescent="0.2">
      <c r="B2048" s="77"/>
      <c r="C2048" s="39" t="s">
        <v>46</v>
      </c>
      <c r="D2048" s="45">
        <v>473</v>
      </c>
      <c r="E2048" s="46">
        <v>2.1</v>
      </c>
      <c r="F2048" s="46">
        <v>15.2</v>
      </c>
      <c r="G2048" s="46">
        <v>51.8</v>
      </c>
      <c r="H2048" s="46">
        <v>13.7</v>
      </c>
      <c r="I2048" s="46">
        <v>8</v>
      </c>
      <c r="J2048" s="46">
        <v>9.1</v>
      </c>
      <c r="K2048" s="46">
        <v>-5.7</v>
      </c>
      <c r="L2048" s="59">
        <v>0</v>
      </c>
    </row>
    <row r="2049" spans="2:25" ht="21.6" x14ac:dyDescent="0.2">
      <c r="B2049" s="77"/>
      <c r="C2049" s="39" t="s">
        <v>47</v>
      </c>
      <c r="D2049" s="45">
        <v>441</v>
      </c>
      <c r="E2049" s="46">
        <v>2</v>
      </c>
      <c r="F2049" s="46">
        <v>16.100000000000001</v>
      </c>
      <c r="G2049" s="46">
        <v>58.5</v>
      </c>
      <c r="H2049" s="46">
        <v>12.9</v>
      </c>
      <c r="I2049" s="46">
        <v>5.7</v>
      </c>
      <c r="J2049" s="46">
        <v>4.8</v>
      </c>
      <c r="K2049" s="46">
        <v>-2.1</v>
      </c>
      <c r="L2049" s="59">
        <v>0</v>
      </c>
    </row>
    <row r="2050" spans="2:25" ht="21.6" x14ac:dyDescent="0.2">
      <c r="B2050" s="77"/>
      <c r="C2050" s="39" t="s">
        <v>48</v>
      </c>
      <c r="D2050" s="45">
        <v>305</v>
      </c>
      <c r="E2050" s="46">
        <v>1.6</v>
      </c>
      <c r="F2050" s="46">
        <v>12.8</v>
      </c>
      <c r="G2050" s="46">
        <v>62.6</v>
      </c>
      <c r="H2050" s="46">
        <v>14.1</v>
      </c>
      <c r="I2050" s="46">
        <v>4.5999999999999996</v>
      </c>
      <c r="J2050" s="46">
        <v>4.3</v>
      </c>
      <c r="K2050" s="46">
        <v>-3.8</v>
      </c>
      <c r="L2050" s="59">
        <v>0</v>
      </c>
    </row>
    <row r="2051" spans="2:25" ht="21.6" x14ac:dyDescent="0.2">
      <c r="B2051" s="77"/>
      <c r="C2051" s="39" t="s">
        <v>49</v>
      </c>
      <c r="D2051" s="45">
        <v>223</v>
      </c>
      <c r="E2051" s="46">
        <v>2.7</v>
      </c>
      <c r="F2051" s="46">
        <v>13</v>
      </c>
      <c r="G2051" s="46">
        <v>65.900000000000006</v>
      </c>
      <c r="H2051" s="46">
        <v>9.9</v>
      </c>
      <c r="I2051" s="46">
        <v>4.9000000000000004</v>
      </c>
      <c r="J2051" s="46">
        <v>3.6</v>
      </c>
      <c r="K2051" s="46">
        <v>-0.7</v>
      </c>
      <c r="L2051" s="59">
        <v>0</v>
      </c>
    </row>
    <row r="2052" spans="2:25" ht="21.6" x14ac:dyDescent="0.2">
      <c r="B2052" s="77"/>
      <c r="C2052" s="39" t="s">
        <v>50</v>
      </c>
      <c r="D2052" s="45">
        <v>123</v>
      </c>
      <c r="E2052" s="46">
        <v>1.6</v>
      </c>
      <c r="F2052" s="46">
        <v>18.7</v>
      </c>
      <c r="G2052" s="46">
        <v>61</v>
      </c>
      <c r="H2052" s="46">
        <v>8.9</v>
      </c>
      <c r="I2052" s="46">
        <v>5.7</v>
      </c>
      <c r="J2052" s="46">
        <v>4.0999999999999996</v>
      </c>
      <c r="K2052" s="46">
        <v>0.8</v>
      </c>
      <c r="L2052" s="59">
        <v>0</v>
      </c>
    </row>
    <row r="2053" spans="2:25" ht="21.6" x14ac:dyDescent="0.2">
      <c r="B2053" s="77"/>
      <c r="C2053" s="39" t="s">
        <v>51</v>
      </c>
      <c r="D2053" s="45">
        <v>124</v>
      </c>
      <c r="E2053" s="46">
        <v>4</v>
      </c>
      <c r="F2053" s="46">
        <v>26.6</v>
      </c>
      <c r="G2053" s="46">
        <v>50.8</v>
      </c>
      <c r="H2053" s="46">
        <v>9.6999999999999993</v>
      </c>
      <c r="I2053" s="46">
        <v>3.2</v>
      </c>
      <c r="J2053" s="46">
        <v>5.6</v>
      </c>
      <c r="K2053" s="46">
        <v>9.8000000000000007</v>
      </c>
      <c r="L2053" s="59">
        <v>0</v>
      </c>
    </row>
    <row r="2054" spans="2:25" ht="21.6" x14ac:dyDescent="0.2">
      <c r="B2054" s="77"/>
      <c r="C2054" s="39" t="s">
        <v>52</v>
      </c>
      <c r="D2054" s="45">
        <v>312</v>
      </c>
      <c r="E2054" s="46">
        <v>3.2</v>
      </c>
      <c r="F2054" s="46">
        <v>9.9</v>
      </c>
      <c r="G2054" s="46">
        <v>62.2</v>
      </c>
      <c r="H2054" s="46">
        <v>11.5</v>
      </c>
      <c r="I2054" s="46">
        <v>6.7</v>
      </c>
      <c r="J2054" s="46">
        <v>6.4</v>
      </c>
      <c r="K2054" s="46">
        <v>-4.5999999999999996</v>
      </c>
      <c r="L2054" s="59">
        <v>0</v>
      </c>
    </row>
    <row r="2055" spans="2:25" x14ac:dyDescent="0.2">
      <c r="B2055" s="77"/>
      <c r="C2055" s="39" t="s">
        <v>53</v>
      </c>
      <c r="D2055" s="45">
        <v>269</v>
      </c>
      <c r="E2055" s="46">
        <v>1.9</v>
      </c>
      <c r="F2055" s="46">
        <v>17.100000000000001</v>
      </c>
      <c r="G2055" s="46">
        <v>55</v>
      </c>
      <c r="H2055" s="46">
        <v>13.8</v>
      </c>
      <c r="I2055" s="46">
        <v>5.9</v>
      </c>
      <c r="J2055" s="46">
        <v>6.3</v>
      </c>
      <c r="K2055" s="46">
        <v>-2.6</v>
      </c>
      <c r="L2055" s="59">
        <v>0</v>
      </c>
    </row>
    <row r="2056" spans="2:25" ht="21.6" x14ac:dyDescent="0.2">
      <c r="B2056" s="77"/>
      <c r="C2056" s="39" t="s">
        <v>54</v>
      </c>
      <c r="D2056" s="45">
        <v>511</v>
      </c>
      <c r="E2056" s="46">
        <v>1.6</v>
      </c>
      <c r="F2056" s="46">
        <v>16.8</v>
      </c>
      <c r="G2056" s="46">
        <v>55.6</v>
      </c>
      <c r="H2056" s="46">
        <v>15.1</v>
      </c>
      <c r="I2056" s="46">
        <v>4.7</v>
      </c>
      <c r="J2056" s="46">
        <v>6.3</v>
      </c>
      <c r="K2056" s="46">
        <v>-2.4</v>
      </c>
      <c r="L2056" s="59">
        <v>0</v>
      </c>
    </row>
    <row r="2057" spans="2:25" ht="21.6" x14ac:dyDescent="0.2">
      <c r="B2057" s="77"/>
      <c r="C2057" s="39" t="s">
        <v>55</v>
      </c>
      <c r="D2057" s="45">
        <v>615</v>
      </c>
      <c r="E2057" s="46">
        <v>1.6</v>
      </c>
      <c r="F2057" s="46">
        <v>18.399999999999999</v>
      </c>
      <c r="G2057" s="46">
        <v>55.9</v>
      </c>
      <c r="H2057" s="46">
        <v>12</v>
      </c>
      <c r="I2057" s="46">
        <v>6.7</v>
      </c>
      <c r="J2057" s="46">
        <v>5.4</v>
      </c>
      <c r="K2057" s="46">
        <v>-2</v>
      </c>
      <c r="L2057" s="59">
        <v>0</v>
      </c>
    </row>
    <row r="2058" spans="2:25" ht="21.6" x14ac:dyDescent="0.2">
      <c r="B2058" s="77"/>
      <c r="C2058" s="39" t="s">
        <v>56</v>
      </c>
      <c r="D2058" s="45">
        <v>800</v>
      </c>
      <c r="E2058" s="46">
        <v>2.4</v>
      </c>
      <c r="F2058" s="46">
        <v>18.899999999999999</v>
      </c>
      <c r="G2058" s="46">
        <v>52.3</v>
      </c>
      <c r="H2058" s="46">
        <v>13.4</v>
      </c>
      <c r="I2058" s="46">
        <v>6.5</v>
      </c>
      <c r="J2058" s="46">
        <v>6.6</v>
      </c>
      <c r="K2058" s="46">
        <v>-1.5</v>
      </c>
      <c r="L2058" s="59">
        <v>0</v>
      </c>
    </row>
    <row r="2059" spans="2:25" x14ac:dyDescent="0.2">
      <c r="B2059" s="77"/>
      <c r="C2059" s="40" t="s">
        <v>57</v>
      </c>
      <c r="D2059" s="48">
        <v>798</v>
      </c>
      <c r="E2059" s="49">
        <v>1.5</v>
      </c>
      <c r="F2059" s="49">
        <v>13</v>
      </c>
      <c r="G2059" s="49">
        <v>60.8</v>
      </c>
      <c r="H2059" s="49">
        <v>13</v>
      </c>
      <c r="I2059" s="49">
        <v>5.4</v>
      </c>
      <c r="J2059" s="49">
        <v>6.3</v>
      </c>
      <c r="K2059" s="49">
        <v>-4.0999999999999996</v>
      </c>
      <c r="L2059" s="60">
        <v>0</v>
      </c>
    </row>
    <row r="2060" spans="2:25" x14ac:dyDescent="0.2">
      <c r="B2060" s="7" t="s">
        <v>71</v>
      </c>
      <c r="C2060" s="4" t="s">
        <v>126</v>
      </c>
    </row>
    <row r="2061" spans="2:25" x14ac:dyDescent="0.2">
      <c r="B2061" s="4"/>
      <c r="C2061" s="4" t="s">
        <v>73</v>
      </c>
    </row>
    <row r="2063" spans="2:25" x14ac:dyDescent="0.2">
      <c r="C2063" t="s">
        <v>35</v>
      </c>
    </row>
    <row r="2064" spans="2:25" x14ac:dyDescent="0.2">
      <c r="B2064" s="75" t="s">
        <v>296</v>
      </c>
      <c r="C2064" s="76"/>
      <c r="D2064" s="76"/>
      <c r="E2064" s="76"/>
      <c r="F2064" s="76"/>
      <c r="G2064" s="76"/>
      <c r="H2064" s="76"/>
      <c r="I2064" s="76"/>
      <c r="J2064" s="76"/>
      <c r="K2064" s="76"/>
      <c r="L2064" s="76"/>
      <c r="M2064" s="76"/>
      <c r="N2064" s="76"/>
      <c r="O2064" s="76"/>
      <c r="P2064" s="76"/>
      <c r="Q2064" s="76"/>
      <c r="R2064" s="76"/>
      <c r="S2064" s="76"/>
      <c r="T2064" s="76"/>
      <c r="U2064" s="76"/>
      <c r="V2064" s="76"/>
      <c r="W2064" s="76"/>
      <c r="X2064" s="76"/>
      <c r="Y2064" s="76"/>
    </row>
    <row r="2065" spans="1:13" s="32" customFormat="1" ht="47.25" customHeight="1" x14ac:dyDescent="0.15">
      <c r="A2065" s="31"/>
      <c r="D2065" s="33" t="s">
        <v>378</v>
      </c>
      <c r="E2065" s="36" t="s">
        <v>545</v>
      </c>
      <c r="F2065" s="55" t="s">
        <v>546</v>
      </c>
      <c r="G2065" s="55" t="s">
        <v>521</v>
      </c>
      <c r="H2065" s="55" t="s">
        <v>547</v>
      </c>
      <c r="I2065" s="55" t="s">
        <v>548</v>
      </c>
      <c r="J2065" s="55" t="s">
        <v>480</v>
      </c>
      <c r="K2065" s="56" t="s">
        <v>387</v>
      </c>
      <c r="L2065" s="57" t="s">
        <v>388</v>
      </c>
      <c r="M2065" s="54" t="s">
        <v>381</v>
      </c>
    </row>
    <row r="2066" spans="1:13" ht="21.6" x14ac:dyDescent="0.2">
      <c r="B2066" s="77" t="s">
        <v>37</v>
      </c>
      <c r="C2066" s="38" t="s">
        <v>58</v>
      </c>
      <c r="D2066" s="51">
        <v>609</v>
      </c>
      <c r="E2066" s="52">
        <v>2.8</v>
      </c>
      <c r="F2066" s="52">
        <v>20.9</v>
      </c>
      <c r="G2066" s="52">
        <v>50.2</v>
      </c>
      <c r="H2066" s="52">
        <v>13.5</v>
      </c>
      <c r="I2066" s="52">
        <v>6.4</v>
      </c>
      <c r="J2066" s="52">
        <v>6.2</v>
      </c>
      <c r="K2066" s="52">
        <v>0.1</v>
      </c>
      <c r="L2066" s="61">
        <v>0</v>
      </c>
    </row>
    <row r="2067" spans="1:13" ht="21.6" x14ac:dyDescent="0.2">
      <c r="B2067" s="77"/>
      <c r="C2067" s="39" t="s">
        <v>59</v>
      </c>
      <c r="D2067" s="45">
        <v>1391</v>
      </c>
      <c r="E2067" s="46">
        <v>1.6</v>
      </c>
      <c r="F2067" s="46">
        <v>12.4</v>
      </c>
      <c r="G2067" s="46">
        <v>59.6</v>
      </c>
      <c r="H2067" s="46">
        <v>12.4</v>
      </c>
      <c r="I2067" s="46">
        <v>5.6</v>
      </c>
      <c r="J2067" s="46">
        <v>8.5</v>
      </c>
      <c r="K2067" s="46">
        <v>-4.4000000000000004</v>
      </c>
      <c r="L2067" s="59">
        <v>0</v>
      </c>
    </row>
    <row r="2068" spans="1:13" x14ac:dyDescent="0.2">
      <c r="B2068" s="77"/>
      <c r="C2068" s="39" t="s">
        <v>60</v>
      </c>
      <c r="D2068" s="45">
        <v>1325</v>
      </c>
      <c r="E2068" s="46">
        <v>1.9</v>
      </c>
      <c r="F2068" s="46">
        <v>16.2</v>
      </c>
      <c r="G2068" s="46">
        <v>56.3</v>
      </c>
      <c r="H2068" s="46">
        <v>12.3</v>
      </c>
      <c r="I2068" s="46">
        <v>5.7</v>
      </c>
      <c r="J2068" s="46">
        <v>7.6</v>
      </c>
      <c r="K2068" s="46">
        <v>-2.1</v>
      </c>
      <c r="L2068" s="59">
        <v>0</v>
      </c>
    </row>
    <row r="2069" spans="1:13" x14ac:dyDescent="0.2">
      <c r="B2069" s="77"/>
      <c r="C2069" s="39" t="s">
        <v>61</v>
      </c>
      <c r="D2069" s="45">
        <v>675</v>
      </c>
      <c r="E2069" s="46">
        <v>2.1</v>
      </c>
      <c r="F2069" s="46">
        <v>12.6</v>
      </c>
      <c r="G2069" s="46">
        <v>57.6</v>
      </c>
      <c r="H2069" s="46">
        <v>13.5</v>
      </c>
      <c r="I2069" s="46">
        <v>6.1</v>
      </c>
      <c r="J2069" s="46">
        <v>8.1</v>
      </c>
      <c r="K2069" s="46">
        <v>-4.8</v>
      </c>
      <c r="L2069" s="59">
        <v>0</v>
      </c>
    </row>
    <row r="2070" spans="1:13" x14ac:dyDescent="0.2">
      <c r="B2070" s="77"/>
      <c r="C2070" s="39" t="s">
        <v>62</v>
      </c>
      <c r="D2070" s="45">
        <v>1086</v>
      </c>
      <c r="E2070" s="46">
        <v>1.7</v>
      </c>
      <c r="F2070" s="46">
        <v>15.7</v>
      </c>
      <c r="G2070" s="46">
        <v>55.3</v>
      </c>
      <c r="H2070" s="46">
        <v>13.8</v>
      </c>
      <c r="I2070" s="46">
        <v>6.3</v>
      </c>
      <c r="J2070" s="46">
        <v>7.2</v>
      </c>
      <c r="K2070" s="46">
        <v>-3.9</v>
      </c>
      <c r="L2070" s="59">
        <v>0</v>
      </c>
    </row>
    <row r="2071" spans="1:13" ht="21.6" x14ac:dyDescent="0.2">
      <c r="B2071" s="77"/>
      <c r="C2071" s="39" t="s">
        <v>63</v>
      </c>
      <c r="D2071" s="45">
        <v>203</v>
      </c>
      <c r="E2071" s="46">
        <v>4.9000000000000004</v>
      </c>
      <c r="F2071" s="46">
        <v>23.2</v>
      </c>
      <c r="G2071" s="46">
        <v>46.8</v>
      </c>
      <c r="H2071" s="46">
        <v>8.4</v>
      </c>
      <c r="I2071" s="46">
        <v>4.9000000000000004</v>
      </c>
      <c r="J2071" s="46">
        <v>11.8</v>
      </c>
      <c r="K2071" s="46">
        <v>8.4</v>
      </c>
      <c r="L2071" s="59">
        <v>0</v>
      </c>
    </row>
    <row r="2072" spans="1:13" x14ac:dyDescent="0.2">
      <c r="B2072" s="77"/>
      <c r="C2072" s="39" t="s">
        <v>64</v>
      </c>
      <c r="D2072" s="45">
        <v>263</v>
      </c>
      <c r="E2072" s="46">
        <v>2.2999999999999998</v>
      </c>
      <c r="F2072" s="46">
        <v>20.5</v>
      </c>
      <c r="G2072" s="46">
        <v>54</v>
      </c>
      <c r="H2072" s="46">
        <v>13.3</v>
      </c>
      <c r="I2072" s="46">
        <v>4.2</v>
      </c>
      <c r="J2072" s="46">
        <v>5.7</v>
      </c>
      <c r="K2072" s="46">
        <v>1.8</v>
      </c>
      <c r="L2072" s="59">
        <v>0</v>
      </c>
    </row>
    <row r="2073" spans="1:13" x14ac:dyDescent="0.2">
      <c r="B2073" s="77"/>
      <c r="C2073" s="39" t="s">
        <v>65</v>
      </c>
      <c r="D2073" s="45">
        <v>312</v>
      </c>
      <c r="E2073" s="46">
        <v>1</v>
      </c>
      <c r="F2073" s="46">
        <v>13.5</v>
      </c>
      <c r="G2073" s="46">
        <v>58.7</v>
      </c>
      <c r="H2073" s="46">
        <v>14.1</v>
      </c>
      <c r="I2073" s="46">
        <v>5.0999999999999996</v>
      </c>
      <c r="J2073" s="46">
        <v>7.7</v>
      </c>
      <c r="K2073" s="46">
        <v>-4.9000000000000004</v>
      </c>
      <c r="L2073" s="59">
        <v>0</v>
      </c>
    </row>
    <row r="2074" spans="1:13" x14ac:dyDescent="0.2">
      <c r="B2074" s="77"/>
      <c r="C2074" s="39" t="s">
        <v>66</v>
      </c>
      <c r="D2074" s="45">
        <v>230</v>
      </c>
      <c r="E2074" s="46">
        <v>0</v>
      </c>
      <c r="F2074" s="46">
        <v>8.6999999999999993</v>
      </c>
      <c r="G2074" s="46">
        <v>58.3</v>
      </c>
      <c r="H2074" s="46">
        <v>18.3</v>
      </c>
      <c r="I2074" s="46">
        <v>10</v>
      </c>
      <c r="J2074" s="46">
        <v>4.8</v>
      </c>
      <c r="K2074" s="46">
        <v>-15.5</v>
      </c>
      <c r="L2074" s="59">
        <v>0</v>
      </c>
    </row>
    <row r="2075" spans="1:13" x14ac:dyDescent="0.2">
      <c r="B2075" s="77"/>
      <c r="C2075" s="39" t="s">
        <v>67</v>
      </c>
      <c r="D2075" s="45">
        <v>78</v>
      </c>
      <c r="E2075" s="46">
        <v>0</v>
      </c>
      <c r="F2075" s="46">
        <v>9</v>
      </c>
      <c r="G2075" s="46">
        <v>60.3</v>
      </c>
      <c r="H2075" s="46">
        <v>15.4</v>
      </c>
      <c r="I2075" s="46">
        <v>10.3</v>
      </c>
      <c r="J2075" s="46">
        <v>5.0999999999999996</v>
      </c>
      <c r="K2075" s="46">
        <v>-14.2</v>
      </c>
      <c r="L2075" s="59">
        <v>0</v>
      </c>
    </row>
    <row r="2076" spans="1:13" x14ac:dyDescent="0.2">
      <c r="B2076" s="77"/>
      <c r="C2076" s="39" t="s">
        <v>68</v>
      </c>
      <c r="D2076" s="45">
        <v>897</v>
      </c>
      <c r="E2076" s="46">
        <v>1.7</v>
      </c>
      <c r="F2076" s="46">
        <v>16.8</v>
      </c>
      <c r="G2076" s="46">
        <v>56</v>
      </c>
      <c r="H2076" s="46">
        <v>13.3</v>
      </c>
      <c r="I2076" s="46">
        <v>6</v>
      </c>
      <c r="J2076" s="46">
        <v>6.2</v>
      </c>
      <c r="K2076" s="46">
        <v>-2.7</v>
      </c>
      <c r="L2076" s="59">
        <v>0</v>
      </c>
    </row>
    <row r="2077" spans="1:13" x14ac:dyDescent="0.2">
      <c r="B2077" s="77"/>
      <c r="C2077" s="39" t="s">
        <v>69</v>
      </c>
      <c r="D2077" s="45">
        <v>189</v>
      </c>
      <c r="E2077" s="46">
        <v>2.1</v>
      </c>
      <c r="F2077" s="46">
        <v>10.1</v>
      </c>
      <c r="G2077" s="46">
        <v>52.4</v>
      </c>
      <c r="H2077" s="46">
        <v>16.399999999999999</v>
      </c>
      <c r="I2077" s="46">
        <v>7.4</v>
      </c>
      <c r="J2077" s="46">
        <v>11.6</v>
      </c>
      <c r="K2077" s="46">
        <v>-9.6</v>
      </c>
      <c r="L2077" s="59">
        <v>0</v>
      </c>
    </row>
    <row r="2078" spans="1:13" x14ac:dyDescent="0.2">
      <c r="B2078" s="77"/>
      <c r="C2078" s="39" t="s">
        <v>70</v>
      </c>
      <c r="D2078" s="45">
        <v>914</v>
      </c>
      <c r="E2078" s="46">
        <v>2.2000000000000002</v>
      </c>
      <c r="F2078" s="46">
        <v>14.1</v>
      </c>
      <c r="G2078" s="46">
        <v>58.4</v>
      </c>
      <c r="H2078" s="46">
        <v>11.4</v>
      </c>
      <c r="I2078" s="46">
        <v>5.4</v>
      </c>
      <c r="J2078" s="46">
        <v>8.5</v>
      </c>
      <c r="K2078" s="46">
        <v>-2</v>
      </c>
      <c r="L2078" s="59">
        <v>0</v>
      </c>
    </row>
    <row r="2079" spans="1:13" ht="21.6" x14ac:dyDescent="0.2">
      <c r="B2079" s="77"/>
      <c r="C2079" s="39" t="s">
        <v>63</v>
      </c>
      <c r="D2079" s="45">
        <v>193</v>
      </c>
      <c r="E2079" s="46">
        <v>3.1</v>
      </c>
      <c r="F2079" s="46">
        <v>28.5</v>
      </c>
      <c r="G2079" s="46">
        <v>44</v>
      </c>
      <c r="H2079" s="46">
        <v>10.9</v>
      </c>
      <c r="I2079" s="46">
        <v>4.0999999999999996</v>
      </c>
      <c r="J2079" s="46">
        <v>9.3000000000000007</v>
      </c>
      <c r="K2079" s="46">
        <v>8.6</v>
      </c>
      <c r="L2079" s="59">
        <v>0</v>
      </c>
    </row>
    <row r="2080" spans="1:13" x14ac:dyDescent="0.2">
      <c r="B2080" s="77"/>
      <c r="C2080" s="39" t="s">
        <v>64</v>
      </c>
      <c r="D2080" s="45">
        <v>203</v>
      </c>
      <c r="E2080" s="46">
        <v>1.5</v>
      </c>
      <c r="F2080" s="46">
        <v>16.7</v>
      </c>
      <c r="G2080" s="46">
        <v>59.6</v>
      </c>
      <c r="H2080" s="46">
        <v>8.4</v>
      </c>
      <c r="I2080" s="46">
        <v>5.4</v>
      </c>
      <c r="J2080" s="46">
        <v>8.4</v>
      </c>
      <c r="K2080" s="46">
        <v>0.3</v>
      </c>
      <c r="L2080" s="59">
        <v>0</v>
      </c>
    </row>
    <row r="2081" spans="1:25" x14ac:dyDescent="0.2">
      <c r="B2081" s="77"/>
      <c r="C2081" s="39" t="s">
        <v>65</v>
      </c>
      <c r="D2081" s="45">
        <v>263</v>
      </c>
      <c r="E2081" s="46">
        <v>1.9</v>
      </c>
      <c r="F2081" s="46">
        <v>9.5</v>
      </c>
      <c r="G2081" s="46">
        <v>64.3</v>
      </c>
      <c r="H2081" s="46">
        <v>11</v>
      </c>
      <c r="I2081" s="46">
        <v>5.3</v>
      </c>
      <c r="J2081" s="46">
        <v>8</v>
      </c>
      <c r="K2081" s="46">
        <v>-4.5</v>
      </c>
      <c r="L2081" s="59">
        <v>0</v>
      </c>
    </row>
    <row r="2082" spans="1:25" x14ac:dyDescent="0.2">
      <c r="B2082" s="77"/>
      <c r="C2082" s="39" t="s">
        <v>66</v>
      </c>
      <c r="D2082" s="45">
        <v>194</v>
      </c>
      <c r="E2082" s="46">
        <v>3.1</v>
      </c>
      <c r="F2082" s="46">
        <v>7.7</v>
      </c>
      <c r="G2082" s="46">
        <v>62.4</v>
      </c>
      <c r="H2082" s="46">
        <v>11.3</v>
      </c>
      <c r="I2082" s="46">
        <v>6.7</v>
      </c>
      <c r="J2082" s="46">
        <v>8.8000000000000007</v>
      </c>
      <c r="K2082" s="46">
        <v>-5.9</v>
      </c>
      <c r="L2082" s="59">
        <v>0</v>
      </c>
    </row>
    <row r="2083" spans="1:25" x14ac:dyDescent="0.2">
      <c r="B2083" s="77"/>
      <c r="C2083" s="39" t="s">
        <v>67</v>
      </c>
      <c r="D2083" s="45">
        <v>61</v>
      </c>
      <c r="E2083" s="46">
        <v>0</v>
      </c>
      <c r="F2083" s="46">
        <v>0</v>
      </c>
      <c r="G2083" s="46">
        <v>62.3</v>
      </c>
      <c r="H2083" s="46">
        <v>24.6</v>
      </c>
      <c r="I2083" s="46">
        <v>4.9000000000000004</v>
      </c>
      <c r="J2083" s="46">
        <v>8.1999999999999993</v>
      </c>
      <c r="K2083" s="46">
        <v>-18.8</v>
      </c>
      <c r="L2083" s="59">
        <v>0</v>
      </c>
    </row>
    <row r="2084" spans="1:25" x14ac:dyDescent="0.2">
      <c r="B2084" s="77"/>
      <c r="C2084" s="39" t="s">
        <v>68</v>
      </c>
      <c r="D2084" s="45">
        <v>416</v>
      </c>
      <c r="E2084" s="46">
        <v>2.2000000000000002</v>
      </c>
      <c r="F2084" s="46">
        <v>19.2</v>
      </c>
      <c r="G2084" s="46">
        <v>55</v>
      </c>
      <c r="H2084" s="46">
        <v>11.5</v>
      </c>
      <c r="I2084" s="46">
        <v>4.3</v>
      </c>
      <c r="J2084" s="46">
        <v>7.7</v>
      </c>
      <c r="K2084" s="46">
        <v>1.8</v>
      </c>
      <c r="L2084" s="59">
        <v>0</v>
      </c>
    </row>
    <row r="2085" spans="1:25" x14ac:dyDescent="0.2">
      <c r="B2085" s="77"/>
      <c r="C2085" s="40" t="s">
        <v>69</v>
      </c>
      <c r="D2085" s="48">
        <v>498</v>
      </c>
      <c r="E2085" s="49">
        <v>2.2000000000000002</v>
      </c>
      <c r="F2085" s="49">
        <v>9.8000000000000007</v>
      </c>
      <c r="G2085" s="49">
        <v>61.2</v>
      </c>
      <c r="H2085" s="49">
        <v>11.2</v>
      </c>
      <c r="I2085" s="49">
        <v>6.2</v>
      </c>
      <c r="J2085" s="49">
        <v>9.1999999999999993</v>
      </c>
      <c r="K2085" s="49">
        <v>-5.2</v>
      </c>
      <c r="L2085" s="60">
        <v>0</v>
      </c>
    </row>
    <row r="2086" spans="1:25" x14ac:dyDescent="0.2">
      <c r="B2086" s="7" t="s">
        <v>71</v>
      </c>
      <c r="C2086" s="4" t="s">
        <v>126</v>
      </c>
    </row>
    <row r="2087" spans="1:25" x14ac:dyDescent="0.2">
      <c r="B2087" s="4"/>
      <c r="C2087" s="4" t="s">
        <v>73</v>
      </c>
    </row>
    <row r="2089" spans="1:25" x14ac:dyDescent="0.2">
      <c r="A2089" s="26" t="s">
        <v>25</v>
      </c>
      <c r="B2089" t="s">
        <v>35</v>
      </c>
      <c r="C2089" t="s">
        <v>35</v>
      </c>
    </row>
    <row r="2090" spans="1:25" x14ac:dyDescent="0.2">
      <c r="B2090" s="75" t="s">
        <v>127</v>
      </c>
      <c r="C2090" s="76"/>
      <c r="D2090" s="76"/>
      <c r="E2090" s="76"/>
      <c r="F2090" s="76"/>
      <c r="G2090" s="76"/>
      <c r="H2090" s="76"/>
      <c r="I2090" s="76"/>
      <c r="J2090" s="76"/>
      <c r="K2090" s="76"/>
      <c r="L2090" s="76"/>
      <c r="M2090" s="76"/>
      <c r="N2090" s="76"/>
      <c r="O2090" s="76"/>
      <c r="P2090" s="76"/>
      <c r="Q2090" s="76"/>
      <c r="R2090" s="76"/>
      <c r="S2090" s="76"/>
      <c r="T2090" s="76"/>
      <c r="U2090" s="76"/>
      <c r="V2090" s="76"/>
      <c r="W2090" s="76"/>
      <c r="X2090" s="76"/>
      <c r="Y2090" s="76"/>
    </row>
    <row r="2091" spans="1:25" s="32" customFormat="1" ht="36.450000000000003" customHeight="1" x14ac:dyDescent="0.15">
      <c r="A2091" s="31"/>
      <c r="D2091" s="33" t="s">
        <v>378</v>
      </c>
      <c r="E2091" s="36" t="s">
        <v>549</v>
      </c>
      <c r="F2091" s="55" t="s">
        <v>525</v>
      </c>
      <c r="G2091" s="55" t="s">
        <v>550</v>
      </c>
      <c r="H2091" s="37" t="s">
        <v>480</v>
      </c>
      <c r="I2091" s="35" t="s">
        <v>381</v>
      </c>
    </row>
    <row r="2092" spans="1:25" x14ac:dyDescent="0.2">
      <c r="B2092" s="5"/>
      <c r="C2092" s="41" t="s">
        <v>38</v>
      </c>
      <c r="D2092" s="42">
        <v>2000</v>
      </c>
      <c r="E2092" s="43">
        <v>16.899999999999999</v>
      </c>
      <c r="F2092" s="43">
        <v>56.8</v>
      </c>
      <c r="G2092" s="43">
        <v>18.600000000000001</v>
      </c>
      <c r="H2092" s="44">
        <v>7.8</v>
      </c>
    </row>
    <row r="2093" spans="1:25" x14ac:dyDescent="0.2">
      <c r="B2093" s="77" t="s">
        <v>37</v>
      </c>
      <c r="C2093" s="39" t="s">
        <v>39</v>
      </c>
      <c r="D2093" s="45">
        <v>111</v>
      </c>
      <c r="E2093" s="46">
        <v>19.8</v>
      </c>
      <c r="F2093" s="46">
        <v>58.6</v>
      </c>
      <c r="G2093" s="46">
        <v>17.100000000000001</v>
      </c>
      <c r="H2093" s="47">
        <v>4.5</v>
      </c>
    </row>
    <row r="2094" spans="1:25" x14ac:dyDescent="0.2">
      <c r="B2094" s="77"/>
      <c r="C2094" s="39" t="s">
        <v>40</v>
      </c>
      <c r="D2094" s="45">
        <v>450</v>
      </c>
      <c r="E2094" s="46">
        <v>14.7</v>
      </c>
      <c r="F2094" s="46">
        <v>55.3</v>
      </c>
      <c r="G2094" s="46">
        <v>23.6</v>
      </c>
      <c r="H2094" s="47">
        <v>6.4</v>
      </c>
    </row>
    <row r="2095" spans="1:25" ht="21.6" x14ac:dyDescent="0.2">
      <c r="B2095" s="77"/>
      <c r="C2095" s="39" t="s">
        <v>41</v>
      </c>
      <c r="D2095" s="45">
        <v>30</v>
      </c>
      <c r="E2095" s="46">
        <v>16.7</v>
      </c>
      <c r="F2095" s="46">
        <v>43.3</v>
      </c>
      <c r="G2095" s="46">
        <v>23.3</v>
      </c>
      <c r="H2095" s="47">
        <v>16.7</v>
      </c>
    </row>
    <row r="2096" spans="1:25" ht="21.6" x14ac:dyDescent="0.2">
      <c r="B2096" s="77"/>
      <c r="C2096" s="39" t="s">
        <v>42</v>
      </c>
      <c r="D2096" s="45">
        <v>336</v>
      </c>
      <c r="E2096" s="46">
        <v>19</v>
      </c>
      <c r="F2096" s="46">
        <v>58.9</v>
      </c>
      <c r="G2096" s="46">
        <v>14.6</v>
      </c>
      <c r="H2096" s="47">
        <v>7.4</v>
      </c>
    </row>
    <row r="2097" spans="2:8" ht="21.6" x14ac:dyDescent="0.2">
      <c r="B2097" s="77"/>
      <c r="C2097" s="39" t="s">
        <v>43</v>
      </c>
      <c r="D2097" s="45">
        <v>327</v>
      </c>
      <c r="E2097" s="46">
        <v>17.399999999999999</v>
      </c>
      <c r="F2097" s="46">
        <v>59.3</v>
      </c>
      <c r="G2097" s="46">
        <v>17.100000000000001</v>
      </c>
      <c r="H2097" s="47">
        <v>6.1</v>
      </c>
    </row>
    <row r="2098" spans="2:8" ht="21.6" x14ac:dyDescent="0.2">
      <c r="B2098" s="77"/>
      <c r="C2098" s="39" t="s">
        <v>44</v>
      </c>
      <c r="D2098" s="45">
        <v>181</v>
      </c>
      <c r="E2098" s="46">
        <v>15.5</v>
      </c>
      <c r="F2098" s="46">
        <v>61.3</v>
      </c>
      <c r="G2098" s="46">
        <v>18.2</v>
      </c>
      <c r="H2098" s="47">
        <v>5</v>
      </c>
    </row>
    <row r="2099" spans="2:8" ht="21.6" x14ac:dyDescent="0.2">
      <c r="B2099" s="77"/>
      <c r="C2099" s="39" t="s">
        <v>45</v>
      </c>
      <c r="D2099" s="45">
        <v>565</v>
      </c>
      <c r="E2099" s="46">
        <v>17</v>
      </c>
      <c r="F2099" s="46">
        <v>54</v>
      </c>
      <c r="G2099" s="46">
        <v>17.899999999999999</v>
      </c>
      <c r="H2099" s="47">
        <v>11.2</v>
      </c>
    </row>
    <row r="2100" spans="2:8" ht="21.6" x14ac:dyDescent="0.2">
      <c r="B2100" s="77"/>
      <c r="C2100" s="39" t="s">
        <v>46</v>
      </c>
      <c r="D2100" s="45">
        <v>473</v>
      </c>
      <c r="E2100" s="46">
        <v>17.3</v>
      </c>
      <c r="F2100" s="46">
        <v>51.8</v>
      </c>
      <c r="G2100" s="46">
        <v>21.8</v>
      </c>
      <c r="H2100" s="47">
        <v>9.1</v>
      </c>
    </row>
    <row r="2101" spans="2:8" ht="21.6" x14ac:dyDescent="0.2">
      <c r="B2101" s="77"/>
      <c r="C2101" s="39" t="s">
        <v>47</v>
      </c>
      <c r="D2101" s="45">
        <v>441</v>
      </c>
      <c r="E2101" s="46">
        <v>18.100000000000001</v>
      </c>
      <c r="F2101" s="46">
        <v>58.5</v>
      </c>
      <c r="G2101" s="46">
        <v>18.600000000000001</v>
      </c>
      <c r="H2101" s="47">
        <v>4.8</v>
      </c>
    </row>
    <row r="2102" spans="2:8" ht="21.6" x14ac:dyDescent="0.2">
      <c r="B2102" s="77"/>
      <c r="C2102" s="39" t="s">
        <v>48</v>
      </c>
      <c r="D2102" s="45">
        <v>305</v>
      </c>
      <c r="E2102" s="46">
        <v>14.4</v>
      </c>
      <c r="F2102" s="46">
        <v>62.6</v>
      </c>
      <c r="G2102" s="46">
        <v>18.7</v>
      </c>
      <c r="H2102" s="47">
        <v>4.3</v>
      </c>
    </row>
    <row r="2103" spans="2:8" ht="21.6" x14ac:dyDescent="0.2">
      <c r="B2103" s="77"/>
      <c r="C2103" s="39" t="s">
        <v>49</v>
      </c>
      <c r="D2103" s="45">
        <v>223</v>
      </c>
      <c r="E2103" s="46">
        <v>15.7</v>
      </c>
      <c r="F2103" s="46">
        <v>65.900000000000006</v>
      </c>
      <c r="G2103" s="46">
        <v>14.8</v>
      </c>
      <c r="H2103" s="47">
        <v>3.6</v>
      </c>
    </row>
    <row r="2104" spans="2:8" ht="21.6" x14ac:dyDescent="0.2">
      <c r="B2104" s="77"/>
      <c r="C2104" s="39" t="s">
        <v>50</v>
      </c>
      <c r="D2104" s="45">
        <v>123</v>
      </c>
      <c r="E2104" s="46">
        <v>20.3</v>
      </c>
      <c r="F2104" s="46">
        <v>61</v>
      </c>
      <c r="G2104" s="46">
        <v>14.6</v>
      </c>
      <c r="H2104" s="47">
        <v>4.0999999999999996</v>
      </c>
    </row>
    <row r="2105" spans="2:8" ht="21.6" x14ac:dyDescent="0.2">
      <c r="B2105" s="77"/>
      <c r="C2105" s="39" t="s">
        <v>51</v>
      </c>
      <c r="D2105" s="45">
        <v>124</v>
      </c>
      <c r="E2105" s="46">
        <v>30.6</v>
      </c>
      <c r="F2105" s="46">
        <v>50.8</v>
      </c>
      <c r="G2105" s="46">
        <v>12.9</v>
      </c>
      <c r="H2105" s="47">
        <v>5.6</v>
      </c>
    </row>
    <row r="2106" spans="2:8" ht="21.6" x14ac:dyDescent="0.2">
      <c r="B2106" s="77"/>
      <c r="C2106" s="39" t="s">
        <v>52</v>
      </c>
      <c r="D2106" s="45">
        <v>312</v>
      </c>
      <c r="E2106" s="46">
        <v>13.1</v>
      </c>
      <c r="F2106" s="46">
        <v>62.2</v>
      </c>
      <c r="G2106" s="46">
        <v>18.3</v>
      </c>
      <c r="H2106" s="47">
        <v>6.4</v>
      </c>
    </row>
    <row r="2107" spans="2:8" x14ac:dyDescent="0.2">
      <c r="B2107" s="77"/>
      <c r="C2107" s="39" t="s">
        <v>53</v>
      </c>
      <c r="D2107" s="45">
        <v>269</v>
      </c>
      <c r="E2107" s="46">
        <v>19</v>
      </c>
      <c r="F2107" s="46">
        <v>55</v>
      </c>
      <c r="G2107" s="46">
        <v>19.7</v>
      </c>
      <c r="H2107" s="47">
        <v>6.3</v>
      </c>
    </row>
    <row r="2108" spans="2:8" ht="21.6" x14ac:dyDescent="0.2">
      <c r="B2108" s="77"/>
      <c r="C2108" s="39" t="s">
        <v>54</v>
      </c>
      <c r="D2108" s="45">
        <v>511</v>
      </c>
      <c r="E2108" s="46">
        <v>18.399999999999999</v>
      </c>
      <c r="F2108" s="46">
        <v>55.6</v>
      </c>
      <c r="G2108" s="46">
        <v>19.8</v>
      </c>
      <c r="H2108" s="47">
        <v>6.3</v>
      </c>
    </row>
    <row r="2109" spans="2:8" ht="21.6" x14ac:dyDescent="0.2">
      <c r="B2109" s="77"/>
      <c r="C2109" s="39" t="s">
        <v>55</v>
      </c>
      <c r="D2109" s="45">
        <v>615</v>
      </c>
      <c r="E2109" s="46">
        <v>20</v>
      </c>
      <c r="F2109" s="46">
        <v>55.9</v>
      </c>
      <c r="G2109" s="46">
        <v>18.7</v>
      </c>
      <c r="H2109" s="47">
        <v>5.4</v>
      </c>
    </row>
    <row r="2110" spans="2:8" ht="21.6" x14ac:dyDescent="0.2">
      <c r="B2110" s="77"/>
      <c r="C2110" s="39" t="s">
        <v>56</v>
      </c>
      <c r="D2110" s="45">
        <v>800</v>
      </c>
      <c r="E2110" s="46">
        <v>21.3</v>
      </c>
      <c r="F2110" s="46">
        <v>52.3</v>
      </c>
      <c r="G2110" s="46">
        <v>19.899999999999999</v>
      </c>
      <c r="H2110" s="47">
        <v>6.6</v>
      </c>
    </row>
    <row r="2111" spans="2:8" x14ac:dyDescent="0.2">
      <c r="B2111" s="77"/>
      <c r="C2111" s="40" t="s">
        <v>57</v>
      </c>
      <c r="D2111" s="48">
        <v>798</v>
      </c>
      <c r="E2111" s="49">
        <v>14.5</v>
      </c>
      <c r="F2111" s="49">
        <v>60.8</v>
      </c>
      <c r="G2111" s="49">
        <v>18.399999999999999</v>
      </c>
      <c r="H2111" s="50">
        <v>6.3</v>
      </c>
    </row>
    <row r="2113" spans="1:25" x14ac:dyDescent="0.2">
      <c r="C2113" t="s">
        <v>35</v>
      </c>
    </row>
    <row r="2114" spans="1:25" x14ac:dyDescent="0.2">
      <c r="B2114" s="75" t="s">
        <v>297</v>
      </c>
      <c r="C2114" s="76"/>
      <c r="D2114" s="76"/>
      <c r="E2114" s="76"/>
      <c r="F2114" s="76"/>
      <c r="G2114" s="76"/>
      <c r="H2114" s="76"/>
      <c r="I2114" s="76"/>
      <c r="J2114" s="76"/>
      <c r="K2114" s="76"/>
      <c r="L2114" s="76"/>
      <c r="M2114" s="76"/>
      <c r="N2114" s="76"/>
      <c r="O2114" s="76"/>
      <c r="P2114" s="76"/>
      <c r="Q2114" s="76"/>
      <c r="R2114" s="76"/>
      <c r="S2114" s="76"/>
      <c r="T2114" s="76"/>
      <c r="U2114" s="76"/>
      <c r="V2114" s="76"/>
      <c r="W2114" s="76"/>
      <c r="X2114" s="76"/>
      <c r="Y2114" s="76"/>
    </row>
    <row r="2115" spans="1:25" s="32" customFormat="1" ht="36.450000000000003" customHeight="1" x14ac:dyDescent="0.15">
      <c r="A2115" s="31"/>
      <c r="D2115" s="33" t="s">
        <v>378</v>
      </c>
      <c r="E2115" s="36" t="s">
        <v>549</v>
      </c>
      <c r="F2115" s="55" t="s">
        <v>525</v>
      </c>
      <c r="G2115" s="55" t="s">
        <v>550</v>
      </c>
      <c r="H2115" s="37" t="s">
        <v>480</v>
      </c>
      <c r="I2115" s="35" t="s">
        <v>381</v>
      </c>
    </row>
    <row r="2116" spans="1:25" ht="21.6" x14ac:dyDescent="0.2">
      <c r="B2116" s="77" t="s">
        <v>37</v>
      </c>
      <c r="C2116" s="38" t="s">
        <v>58</v>
      </c>
      <c r="D2116" s="51">
        <v>609</v>
      </c>
      <c r="E2116" s="52">
        <v>23.6</v>
      </c>
      <c r="F2116" s="52">
        <v>50.2</v>
      </c>
      <c r="G2116" s="52">
        <v>19.899999999999999</v>
      </c>
      <c r="H2116" s="53">
        <v>6.2</v>
      </c>
    </row>
    <row r="2117" spans="1:25" ht="21.6" x14ac:dyDescent="0.2">
      <c r="B2117" s="77"/>
      <c r="C2117" s="39" t="s">
        <v>59</v>
      </c>
      <c r="D2117" s="45">
        <v>1391</v>
      </c>
      <c r="E2117" s="46">
        <v>13.9</v>
      </c>
      <c r="F2117" s="46">
        <v>59.6</v>
      </c>
      <c r="G2117" s="46">
        <v>18</v>
      </c>
      <c r="H2117" s="47">
        <v>8.5</v>
      </c>
    </row>
    <row r="2118" spans="1:25" x14ac:dyDescent="0.2">
      <c r="B2118" s="77"/>
      <c r="C2118" s="39" t="s">
        <v>60</v>
      </c>
      <c r="D2118" s="45">
        <v>1325</v>
      </c>
      <c r="E2118" s="46">
        <v>18</v>
      </c>
      <c r="F2118" s="46">
        <v>56.3</v>
      </c>
      <c r="G2118" s="46">
        <v>18</v>
      </c>
      <c r="H2118" s="47">
        <v>7.6</v>
      </c>
    </row>
    <row r="2119" spans="1:25" x14ac:dyDescent="0.2">
      <c r="B2119" s="77"/>
      <c r="C2119" s="39" t="s">
        <v>61</v>
      </c>
      <c r="D2119" s="45">
        <v>675</v>
      </c>
      <c r="E2119" s="46">
        <v>14.7</v>
      </c>
      <c r="F2119" s="46">
        <v>57.6</v>
      </c>
      <c r="G2119" s="46">
        <v>19.600000000000001</v>
      </c>
      <c r="H2119" s="47">
        <v>8.1</v>
      </c>
    </row>
    <row r="2120" spans="1:25" x14ac:dyDescent="0.2">
      <c r="B2120" s="77"/>
      <c r="C2120" s="39" t="s">
        <v>62</v>
      </c>
      <c r="D2120" s="45">
        <v>1086</v>
      </c>
      <c r="E2120" s="46">
        <v>17.399999999999999</v>
      </c>
      <c r="F2120" s="46">
        <v>55.3</v>
      </c>
      <c r="G2120" s="46">
        <v>20.100000000000001</v>
      </c>
      <c r="H2120" s="47">
        <v>7.2</v>
      </c>
    </row>
    <row r="2121" spans="1:25" ht="21.6" x14ac:dyDescent="0.2">
      <c r="B2121" s="77"/>
      <c r="C2121" s="39" t="s">
        <v>63</v>
      </c>
      <c r="D2121" s="45">
        <v>203</v>
      </c>
      <c r="E2121" s="46">
        <v>28.1</v>
      </c>
      <c r="F2121" s="46">
        <v>46.8</v>
      </c>
      <c r="G2121" s="46">
        <v>13.3</v>
      </c>
      <c r="H2121" s="47">
        <v>11.8</v>
      </c>
    </row>
    <row r="2122" spans="1:25" x14ac:dyDescent="0.2">
      <c r="B2122" s="77"/>
      <c r="C2122" s="39" t="s">
        <v>64</v>
      </c>
      <c r="D2122" s="45">
        <v>263</v>
      </c>
      <c r="E2122" s="46">
        <v>22.8</v>
      </c>
      <c r="F2122" s="46">
        <v>54</v>
      </c>
      <c r="G2122" s="46">
        <v>17.5</v>
      </c>
      <c r="H2122" s="47">
        <v>5.7</v>
      </c>
    </row>
    <row r="2123" spans="1:25" x14ac:dyDescent="0.2">
      <c r="B2123" s="77"/>
      <c r="C2123" s="39" t="s">
        <v>65</v>
      </c>
      <c r="D2123" s="45">
        <v>312</v>
      </c>
      <c r="E2123" s="46">
        <v>14.4</v>
      </c>
      <c r="F2123" s="46">
        <v>58.7</v>
      </c>
      <c r="G2123" s="46">
        <v>19.2</v>
      </c>
      <c r="H2123" s="47">
        <v>7.7</v>
      </c>
    </row>
    <row r="2124" spans="1:25" x14ac:dyDescent="0.2">
      <c r="B2124" s="77"/>
      <c r="C2124" s="39" t="s">
        <v>66</v>
      </c>
      <c r="D2124" s="45">
        <v>230</v>
      </c>
      <c r="E2124" s="46">
        <v>8.6999999999999993</v>
      </c>
      <c r="F2124" s="46">
        <v>58.3</v>
      </c>
      <c r="G2124" s="46">
        <v>28.3</v>
      </c>
      <c r="H2124" s="47">
        <v>4.8</v>
      </c>
    </row>
    <row r="2125" spans="1:25" x14ac:dyDescent="0.2">
      <c r="B2125" s="77"/>
      <c r="C2125" s="39" t="s">
        <v>67</v>
      </c>
      <c r="D2125" s="45">
        <v>78</v>
      </c>
      <c r="E2125" s="46">
        <v>9</v>
      </c>
      <c r="F2125" s="46">
        <v>60.3</v>
      </c>
      <c r="G2125" s="46">
        <v>25.6</v>
      </c>
      <c r="H2125" s="47">
        <v>5.0999999999999996</v>
      </c>
    </row>
    <row r="2126" spans="1:25" x14ac:dyDescent="0.2">
      <c r="B2126" s="77"/>
      <c r="C2126" s="39" t="s">
        <v>68</v>
      </c>
      <c r="D2126" s="45">
        <v>897</v>
      </c>
      <c r="E2126" s="46">
        <v>18.5</v>
      </c>
      <c r="F2126" s="46">
        <v>56</v>
      </c>
      <c r="G2126" s="46">
        <v>19.3</v>
      </c>
      <c r="H2126" s="47">
        <v>6.2</v>
      </c>
    </row>
    <row r="2127" spans="1:25" x14ac:dyDescent="0.2">
      <c r="B2127" s="77"/>
      <c r="C2127" s="39" t="s">
        <v>69</v>
      </c>
      <c r="D2127" s="45">
        <v>189</v>
      </c>
      <c r="E2127" s="46">
        <v>12.2</v>
      </c>
      <c r="F2127" s="46">
        <v>52.4</v>
      </c>
      <c r="G2127" s="46">
        <v>23.8</v>
      </c>
      <c r="H2127" s="47">
        <v>11.6</v>
      </c>
    </row>
    <row r="2128" spans="1:25" x14ac:dyDescent="0.2">
      <c r="B2128" s="77"/>
      <c r="C2128" s="39" t="s">
        <v>70</v>
      </c>
      <c r="D2128" s="45">
        <v>914</v>
      </c>
      <c r="E2128" s="46">
        <v>16.3</v>
      </c>
      <c r="F2128" s="46">
        <v>58.4</v>
      </c>
      <c r="G2128" s="46">
        <v>16.7</v>
      </c>
      <c r="H2128" s="47">
        <v>8.5</v>
      </c>
    </row>
    <row r="2129" spans="1:25" ht="21.6" x14ac:dyDescent="0.2">
      <c r="B2129" s="77"/>
      <c r="C2129" s="39" t="s">
        <v>63</v>
      </c>
      <c r="D2129" s="45">
        <v>193</v>
      </c>
      <c r="E2129" s="46">
        <v>31.6</v>
      </c>
      <c r="F2129" s="46">
        <v>44</v>
      </c>
      <c r="G2129" s="46">
        <v>15</v>
      </c>
      <c r="H2129" s="47">
        <v>9.3000000000000007</v>
      </c>
    </row>
    <row r="2130" spans="1:25" x14ac:dyDescent="0.2">
      <c r="B2130" s="77"/>
      <c r="C2130" s="39" t="s">
        <v>64</v>
      </c>
      <c r="D2130" s="45">
        <v>203</v>
      </c>
      <c r="E2130" s="46">
        <v>18.2</v>
      </c>
      <c r="F2130" s="46">
        <v>59.6</v>
      </c>
      <c r="G2130" s="46">
        <v>13.8</v>
      </c>
      <c r="H2130" s="47">
        <v>8.4</v>
      </c>
    </row>
    <row r="2131" spans="1:25" x14ac:dyDescent="0.2">
      <c r="B2131" s="77"/>
      <c r="C2131" s="39" t="s">
        <v>65</v>
      </c>
      <c r="D2131" s="45">
        <v>263</v>
      </c>
      <c r="E2131" s="46">
        <v>11.4</v>
      </c>
      <c r="F2131" s="46">
        <v>64.3</v>
      </c>
      <c r="G2131" s="46">
        <v>16.3</v>
      </c>
      <c r="H2131" s="47">
        <v>8</v>
      </c>
    </row>
    <row r="2132" spans="1:25" x14ac:dyDescent="0.2">
      <c r="B2132" s="77"/>
      <c r="C2132" s="39" t="s">
        <v>66</v>
      </c>
      <c r="D2132" s="45">
        <v>194</v>
      </c>
      <c r="E2132" s="46">
        <v>10.8</v>
      </c>
      <c r="F2132" s="46">
        <v>62.4</v>
      </c>
      <c r="G2132" s="46">
        <v>18</v>
      </c>
      <c r="H2132" s="47">
        <v>8.8000000000000007</v>
      </c>
    </row>
    <row r="2133" spans="1:25" x14ac:dyDescent="0.2">
      <c r="B2133" s="77"/>
      <c r="C2133" s="39" t="s">
        <v>67</v>
      </c>
      <c r="D2133" s="45">
        <v>61</v>
      </c>
      <c r="E2133" s="46">
        <v>0</v>
      </c>
      <c r="F2133" s="46">
        <v>62.3</v>
      </c>
      <c r="G2133" s="46">
        <v>29.5</v>
      </c>
      <c r="H2133" s="47">
        <v>8.1999999999999993</v>
      </c>
    </row>
    <row r="2134" spans="1:25" x14ac:dyDescent="0.2">
      <c r="B2134" s="77"/>
      <c r="C2134" s="39" t="s">
        <v>68</v>
      </c>
      <c r="D2134" s="45">
        <v>416</v>
      </c>
      <c r="E2134" s="46">
        <v>21.4</v>
      </c>
      <c r="F2134" s="46">
        <v>55</v>
      </c>
      <c r="G2134" s="46">
        <v>15.9</v>
      </c>
      <c r="H2134" s="47">
        <v>7.7</v>
      </c>
    </row>
    <row r="2135" spans="1:25" x14ac:dyDescent="0.2">
      <c r="B2135" s="77"/>
      <c r="C2135" s="40" t="s">
        <v>69</v>
      </c>
      <c r="D2135" s="48">
        <v>498</v>
      </c>
      <c r="E2135" s="49">
        <v>12</v>
      </c>
      <c r="F2135" s="49">
        <v>61.2</v>
      </c>
      <c r="G2135" s="49">
        <v>17.5</v>
      </c>
      <c r="H2135" s="50">
        <v>9.1999999999999993</v>
      </c>
    </row>
    <row r="2137" spans="1:25" x14ac:dyDescent="0.2">
      <c r="A2137" s="26" t="s">
        <v>25</v>
      </c>
      <c r="B2137" t="s">
        <v>35</v>
      </c>
      <c r="C2137" t="s">
        <v>35</v>
      </c>
    </row>
    <row r="2138" spans="1:25" x14ac:dyDescent="0.2">
      <c r="B2138" s="75" t="s">
        <v>128</v>
      </c>
      <c r="C2138" s="76"/>
      <c r="D2138" s="76"/>
      <c r="E2138" s="76"/>
      <c r="F2138" s="76"/>
      <c r="G2138" s="76"/>
      <c r="H2138" s="76"/>
      <c r="I2138" s="76"/>
      <c r="J2138" s="76"/>
      <c r="K2138" s="76"/>
      <c r="L2138" s="76"/>
      <c r="M2138" s="76"/>
      <c r="N2138" s="76"/>
      <c r="O2138" s="76"/>
      <c r="P2138" s="76"/>
      <c r="Q2138" s="76"/>
      <c r="R2138" s="76"/>
      <c r="S2138" s="76"/>
      <c r="T2138" s="76"/>
      <c r="U2138" s="76"/>
      <c r="V2138" s="76"/>
      <c r="W2138" s="76"/>
      <c r="X2138" s="76"/>
      <c r="Y2138" s="76"/>
    </row>
    <row r="2139" spans="1:25" s="32" customFormat="1" ht="47.25" customHeight="1" x14ac:dyDescent="0.15">
      <c r="A2139" s="31"/>
      <c r="D2139" s="33" t="s">
        <v>378</v>
      </c>
      <c r="E2139" s="36" t="s">
        <v>533</v>
      </c>
      <c r="F2139" s="55" t="s">
        <v>534</v>
      </c>
      <c r="G2139" s="55" t="s">
        <v>521</v>
      </c>
      <c r="H2139" s="55" t="s">
        <v>535</v>
      </c>
      <c r="I2139" s="55" t="s">
        <v>536</v>
      </c>
      <c r="J2139" s="55" t="s">
        <v>480</v>
      </c>
      <c r="K2139" s="56" t="s">
        <v>387</v>
      </c>
      <c r="L2139" s="57" t="s">
        <v>388</v>
      </c>
      <c r="M2139" s="54" t="s">
        <v>381</v>
      </c>
    </row>
    <row r="2140" spans="1:25" x14ac:dyDescent="0.2">
      <c r="B2140" s="5"/>
      <c r="C2140" s="41" t="s">
        <v>38</v>
      </c>
      <c r="D2140" s="42">
        <v>2000</v>
      </c>
      <c r="E2140" s="43">
        <v>2.2000000000000002</v>
      </c>
      <c r="F2140" s="43">
        <v>14.7</v>
      </c>
      <c r="G2140" s="43">
        <v>47.9</v>
      </c>
      <c r="H2140" s="43">
        <v>18.5</v>
      </c>
      <c r="I2140" s="43">
        <v>11.6</v>
      </c>
      <c r="J2140" s="43">
        <v>5.3</v>
      </c>
      <c r="K2140" s="43">
        <v>-11.8</v>
      </c>
      <c r="L2140" s="58">
        <v>0</v>
      </c>
    </row>
    <row r="2141" spans="1:25" x14ac:dyDescent="0.2">
      <c r="B2141" s="77" t="s">
        <v>37</v>
      </c>
      <c r="C2141" s="39" t="s">
        <v>39</v>
      </c>
      <c r="D2141" s="45">
        <v>111</v>
      </c>
      <c r="E2141" s="46">
        <v>3.6</v>
      </c>
      <c r="F2141" s="46">
        <v>12.6</v>
      </c>
      <c r="G2141" s="46">
        <v>51.4</v>
      </c>
      <c r="H2141" s="46">
        <v>18.899999999999999</v>
      </c>
      <c r="I2141" s="46">
        <v>11.7</v>
      </c>
      <c r="J2141" s="46">
        <v>1.8</v>
      </c>
      <c r="K2141" s="46">
        <v>-11.5</v>
      </c>
      <c r="L2141" s="59">
        <v>0</v>
      </c>
    </row>
    <row r="2142" spans="1:25" x14ac:dyDescent="0.2">
      <c r="B2142" s="77"/>
      <c r="C2142" s="39" t="s">
        <v>40</v>
      </c>
      <c r="D2142" s="45">
        <v>450</v>
      </c>
      <c r="E2142" s="46">
        <v>1.1000000000000001</v>
      </c>
      <c r="F2142" s="46">
        <v>13.8</v>
      </c>
      <c r="G2142" s="46">
        <v>51.6</v>
      </c>
      <c r="H2142" s="46">
        <v>19.100000000000001</v>
      </c>
      <c r="I2142" s="46">
        <v>12</v>
      </c>
      <c r="J2142" s="46">
        <v>2.4</v>
      </c>
      <c r="K2142" s="46">
        <v>-13.9</v>
      </c>
      <c r="L2142" s="59">
        <v>0</v>
      </c>
    </row>
    <row r="2143" spans="1:25" ht="21.6" x14ac:dyDescent="0.2">
      <c r="B2143" s="77"/>
      <c r="C2143" s="39" t="s">
        <v>41</v>
      </c>
      <c r="D2143" s="45">
        <v>30</v>
      </c>
      <c r="E2143" s="46">
        <v>6.7</v>
      </c>
      <c r="F2143" s="46">
        <v>13.3</v>
      </c>
      <c r="G2143" s="46">
        <v>40</v>
      </c>
      <c r="H2143" s="46">
        <v>13.3</v>
      </c>
      <c r="I2143" s="46">
        <v>13.3</v>
      </c>
      <c r="J2143" s="46">
        <v>13.3</v>
      </c>
      <c r="K2143" s="46">
        <v>-7.7</v>
      </c>
      <c r="L2143" s="59">
        <v>0</v>
      </c>
    </row>
    <row r="2144" spans="1:25" ht="21.6" x14ac:dyDescent="0.2">
      <c r="B2144" s="77"/>
      <c r="C2144" s="39" t="s">
        <v>42</v>
      </c>
      <c r="D2144" s="45">
        <v>336</v>
      </c>
      <c r="E2144" s="46">
        <v>2.4</v>
      </c>
      <c r="F2144" s="46">
        <v>19.899999999999999</v>
      </c>
      <c r="G2144" s="46">
        <v>45.2</v>
      </c>
      <c r="H2144" s="46">
        <v>17.899999999999999</v>
      </c>
      <c r="I2144" s="46">
        <v>10.4</v>
      </c>
      <c r="J2144" s="46">
        <v>4.2</v>
      </c>
      <c r="K2144" s="46">
        <v>-7.3</v>
      </c>
      <c r="L2144" s="59">
        <v>0</v>
      </c>
    </row>
    <row r="2145" spans="2:12" ht="21.6" x14ac:dyDescent="0.2">
      <c r="B2145" s="77"/>
      <c r="C2145" s="39" t="s">
        <v>43</v>
      </c>
      <c r="D2145" s="45">
        <v>327</v>
      </c>
      <c r="E2145" s="46">
        <v>2.4</v>
      </c>
      <c r="F2145" s="46">
        <v>11.3</v>
      </c>
      <c r="G2145" s="46">
        <v>47.1</v>
      </c>
      <c r="H2145" s="46">
        <v>20.2</v>
      </c>
      <c r="I2145" s="46">
        <v>12.5</v>
      </c>
      <c r="J2145" s="46">
        <v>6.4</v>
      </c>
      <c r="K2145" s="46">
        <v>-15.5</v>
      </c>
      <c r="L2145" s="59">
        <v>0</v>
      </c>
    </row>
    <row r="2146" spans="2:12" ht="21.6" x14ac:dyDescent="0.2">
      <c r="B2146" s="77"/>
      <c r="C2146" s="39" t="s">
        <v>44</v>
      </c>
      <c r="D2146" s="45">
        <v>181</v>
      </c>
      <c r="E2146" s="46">
        <v>3.3</v>
      </c>
      <c r="F2146" s="46">
        <v>17.100000000000001</v>
      </c>
      <c r="G2146" s="46">
        <v>51.9</v>
      </c>
      <c r="H2146" s="46">
        <v>14.4</v>
      </c>
      <c r="I2146" s="46">
        <v>7.7</v>
      </c>
      <c r="J2146" s="46">
        <v>5.5</v>
      </c>
      <c r="K2146" s="46">
        <v>-3.2</v>
      </c>
      <c r="L2146" s="59">
        <v>0</v>
      </c>
    </row>
    <row r="2147" spans="2:12" ht="21.6" x14ac:dyDescent="0.2">
      <c r="B2147" s="77"/>
      <c r="C2147" s="39" t="s">
        <v>45</v>
      </c>
      <c r="D2147" s="45">
        <v>565</v>
      </c>
      <c r="E2147" s="46">
        <v>1.9</v>
      </c>
      <c r="F2147" s="46">
        <v>14</v>
      </c>
      <c r="G2147" s="46">
        <v>45.3</v>
      </c>
      <c r="H2147" s="46">
        <v>18.8</v>
      </c>
      <c r="I2147" s="46">
        <v>12.4</v>
      </c>
      <c r="J2147" s="46">
        <v>7.6</v>
      </c>
      <c r="K2147" s="46">
        <v>-13.9</v>
      </c>
      <c r="L2147" s="59">
        <v>0</v>
      </c>
    </row>
    <row r="2148" spans="2:12" ht="21.6" x14ac:dyDescent="0.2">
      <c r="B2148" s="77"/>
      <c r="C2148" s="39" t="s">
        <v>46</v>
      </c>
      <c r="D2148" s="45">
        <v>473</v>
      </c>
      <c r="E2148" s="46">
        <v>2.1</v>
      </c>
      <c r="F2148" s="46">
        <v>14.8</v>
      </c>
      <c r="G2148" s="46">
        <v>44</v>
      </c>
      <c r="H2148" s="46">
        <v>18.2</v>
      </c>
      <c r="I2148" s="46">
        <v>18.399999999999999</v>
      </c>
      <c r="J2148" s="46">
        <v>2.5</v>
      </c>
      <c r="K2148" s="46">
        <v>-18.399999999999999</v>
      </c>
      <c r="L2148" s="59">
        <v>0</v>
      </c>
    </row>
    <row r="2149" spans="2:12" ht="21.6" x14ac:dyDescent="0.2">
      <c r="B2149" s="77"/>
      <c r="C2149" s="39" t="s">
        <v>47</v>
      </c>
      <c r="D2149" s="45">
        <v>441</v>
      </c>
      <c r="E2149" s="46">
        <v>2.2999999999999998</v>
      </c>
      <c r="F2149" s="46">
        <v>13.8</v>
      </c>
      <c r="G2149" s="46">
        <v>53.5</v>
      </c>
      <c r="H2149" s="46">
        <v>20.9</v>
      </c>
      <c r="I2149" s="46">
        <v>8.1999999999999993</v>
      </c>
      <c r="J2149" s="46">
        <v>1.4</v>
      </c>
      <c r="K2149" s="46">
        <v>-9.5</v>
      </c>
      <c r="L2149" s="59">
        <v>0</v>
      </c>
    </row>
    <row r="2150" spans="2:12" ht="21.6" x14ac:dyDescent="0.2">
      <c r="B2150" s="77"/>
      <c r="C2150" s="39" t="s">
        <v>48</v>
      </c>
      <c r="D2150" s="45">
        <v>305</v>
      </c>
      <c r="E2150" s="46">
        <v>1.3</v>
      </c>
      <c r="F2150" s="46">
        <v>10.199999999999999</v>
      </c>
      <c r="G2150" s="46">
        <v>52.5</v>
      </c>
      <c r="H2150" s="46">
        <v>23.3</v>
      </c>
      <c r="I2150" s="46">
        <v>10.8</v>
      </c>
      <c r="J2150" s="46">
        <v>2</v>
      </c>
      <c r="K2150" s="46">
        <v>-16.399999999999999</v>
      </c>
      <c r="L2150" s="59">
        <v>0</v>
      </c>
    </row>
    <row r="2151" spans="2:12" ht="21.6" x14ac:dyDescent="0.2">
      <c r="B2151" s="77"/>
      <c r="C2151" s="39" t="s">
        <v>49</v>
      </c>
      <c r="D2151" s="45">
        <v>223</v>
      </c>
      <c r="E2151" s="46">
        <v>2.2000000000000002</v>
      </c>
      <c r="F2151" s="46">
        <v>20.2</v>
      </c>
      <c r="G2151" s="46">
        <v>50.2</v>
      </c>
      <c r="H2151" s="46">
        <v>19.3</v>
      </c>
      <c r="I2151" s="46">
        <v>6.3</v>
      </c>
      <c r="J2151" s="46">
        <v>1.8</v>
      </c>
      <c r="K2151" s="46">
        <v>-3.7</v>
      </c>
      <c r="L2151" s="59">
        <v>0</v>
      </c>
    </row>
    <row r="2152" spans="2:12" ht="21.6" x14ac:dyDescent="0.2">
      <c r="B2152" s="77"/>
      <c r="C2152" s="39" t="s">
        <v>50</v>
      </c>
      <c r="D2152" s="45">
        <v>123</v>
      </c>
      <c r="E2152" s="46">
        <v>2.4</v>
      </c>
      <c r="F2152" s="46">
        <v>22.8</v>
      </c>
      <c r="G2152" s="46">
        <v>50.4</v>
      </c>
      <c r="H2152" s="46">
        <v>15.4</v>
      </c>
      <c r="I2152" s="46">
        <v>7.3</v>
      </c>
      <c r="J2152" s="46">
        <v>1.6</v>
      </c>
      <c r="K2152" s="46">
        <v>-1.2</v>
      </c>
      <c r="L2152" s="59">
        <v>0</v>
      </c>
    </row>
    <row r="2153" spans="2:12" ht="21.6" x14ac:dyDescent="0.2">
      <c r="B2153" s="77"/>
      <c r="C2153" s="39" t="s">
        <v>51</v>
      </c>
      <c r="D2153" s="45">
        <v>124</v>
      </c>
      <c r="E2153" s="46">
        <v>4.8</v>
      </c>
      <c r="F2153" s="46">
        <v>25.8</v>
      </c>
      <c r="G2153" s="46">
        <v>44.4</v>
      </c>
      <c r="H2153" s="46">
        <v>16.899999999999999</v>
      </c>
      <c r="I2153" s="46">
        <v>5.6</v>
      </c>
      <c r="J2153" s="46">
        <v>2.4</v>
      </c>
      <c r="K2153" s="46">
        <v>3.7</v>
      </c>
      <c r="L2153" s="59">
        <v>0</v>
      </c>
    </row>
    <row r="2154" spans="2:12" ht="21.6" x14ac:dyDescent="0.2">
      <c r="B2154" s="77"/>
      <c r="C2154" s="39" t="s">
        <v>52</v>
      </c>
      <c r="D2154" s="45">
        <v>312</v>
      </c>
      <c r="E2154" s="46">
        <v>1.6</v>
      </c>
      <c r="F2154" s="46">
        <v>13.1</v>
      </c>
      <c r="G2154" s="46">
        <v>49.7</v>
      </c>
      <c r="H2154" s="46">
        <v>19.899999999999999</v>
      </c>
      <c r="I2154" s="46">
        <v>11.9</v>
      </c>
      <c r="J2154" s="46">
        <v>3.8</v>
      </c>
      <c r="K2154" s="46">
        <v>-14.2</v>
      </c>
      <c r="L2154" s="59">
        <v>0</v>
      </c>
    </row>
    <row r="2155" spans="2:12" x14ac:dyDescent="0.2">
      <c r="B2155" s="77"/>
      <c r="C2155" s="39" t="s">
        <v>53</v>
      </c>
      <c r="D2155" s="45">
        <v>269</v>
      </c>
      <c r="E2155" s="46">
        <v>1.1000000000000001</v>
      </c>
      <c r="F2155" s="46">
        <v>14.1</v>
      </c>
      <c r="G2155" s="46">
        <v>48</v>
      </c>
      <c r="H2155" s="46">
        <v>21.9</v>
      </c>
      <c r="I2155" s="46">
        <v>10.8</v>
      </c>
      <c r="J2155" s="46">
        <v>4.0999999999999996</v>
      </c>
      <c r="K2155" s="46">
        <v>-14.1</v>
      </c>
      <c r="L2155" s="59">
        <v>0</v>
      </c>
    </row>
    <row r="2156" spans="2:12" ht="21.6" x14ac:dyDescent="0.2">
      <c r="B2156" s="77"/>
      <c r="C2156" s="39" t="s">
        <v>54</v>
      </c>
      <c r="D2156" s="45">
        <v>511</v>
      </c>
      <c r="E2156" s="46">
        <v>2.2999999999999998</v>
      </c>
      <c r="F2156" s="46">
        <v>16.399999999999999</v>
      </c>
      <c r="G2156" s="46">
        <v>47.6</v>
      </c>
      <c r="H2156" s="46">
        <v>20.9</v>
      </c>
      <c r="I2156" s="46">
        <v>9.4</v>
      </c>
      <c r="J2156" s="46">
        <v>3.3</v>
      </c>
      <c r="K2156" s="46">
        <v>-9.6</v>
      </c>
      <c r="L2156" s="59">
        <v>0</v>
      </c>
    </row>
    <row r="2157" spans="2:12" ht="21.6" x14ac:dyDescent="0.2">
      <c r="B2157" s="77"/>
      <c r="C2157" s="39" t="s">
        <v>55</v>
      </c>
      <c r="D2157" s="45">
        <v>615</v>
      </c>
      <c r="E2157" s="46">
        <v>3.1</v>
      </c>
      <c r="F2157" s="46">
        <v>17.2</v>
      </c>
      <c r="G2157" s="46">
        <v>48.1</v>
      </c>
      <c r="H2157" s="46">
        <v>15.8</v>
      </c>
      <c r="I2157" s="46">
        <v>12</v>
      </c>
      <c r="J2157" s="46">
        <v>3.7</v>
      </c>
      <c r="K2157" s="46">
        <v>-8.5</v>
      </c>
      <c r="L2157" s="59">
        <v>0</v>
      </c>
    </row>
    <row r="2158" spans="2:12" ht="21.6" x14ac:dyDescent="0.2">
      <c r="B2158" s="77"/>
      <c r="C2158" s="39" t="s">
        <v>56</v>
      </c>
      <c r="D2158" s="45">
        <v>800</v>
      </c>
      <c r="E2158" s="46">
        <v>2.5</v>
      </c>
      <c r="F2158" s="46">
        <v>17.100000000000001</v>
      </c>
      <c r="G2158" s="46">
        <v>45.9</v>
      </c>
      <c r="H2158" s="46">
        <v>18.899999999999999</v>
      </c>
      <c r="I2158" s="46">
        <v>10.8</v>
      </c>
      <c r="J2158" s="46">
        <v>4.9000000000000004</v>
      </c>
      <c r="K2158" s="46">
        <v>-9.6</v>
      </c>
      <c r="L2158" s="59">
        <v>0</v>
      </c>
    </row>
    <row r="2159" spans="2:12" x14ac:dyDescent="0.2">
      <c r="B2159" s="77"/>
      <c r="C2159" s="40" t="s">
        <v>57</v>
      </c>
      <c r="D2159" s="48">
        <v>798</v>
      </c>
      <c r="E2159" s="49">
        <v>1.6</v>
      </c>
      <c r="F2159" s="49">
        <v>14</v>
      </c>
      <c r="G2159" s="49">
        <v>50.3</v>
      </c>
      <c r="H2159" s="49">
        <v>19.7</v>
      </c>
      <c r="I2159" s="49">
        <v>11.8</v>
      </c>
      <c r="J2159" s="49">
        <v>2.6</v>
      </c>
      <c r="K2159" s="49">
        <v>-13.3</v>
      </c>
      <c r="L2159" s="60">
        <v>0</v>
      </c>
    </row>
    <row r="2160" spans="2:12" x14ac:dyDescent="0.2">
      <c r="B2160" s="7" t="s">
        <v>71</v>
      </c>
      <c r="C2160" s="4" t="s">
        <v>129</v>
      </c>
    </row>
    <row r="2161" spans="1:25" x14ac:dyDescent="0.2">
      <c r="B2161" s="4"/>
      <c r="C2161" s="4" t="s">
        <v>73</v>
      </c>
    </row>
    <row r="2163" spans="1:25" x14ac:dyDescent="0.2">
      <c r="C2163" t="s">
        <v>35</v>
      </c>
    </row>
    <row r="2164" spans="1:25" x14ac:dyDescent="0.2">
      <c r="B2164" s="75" t="s">
        <v>298</v>
      </c>
      <c r="C2164" s="76"/>
      <c r="D2164" s="76"/>
      <c r="E2164" s="76"/>
      <c r="F2164" s="76"/>
      <c r="G2164" s="76"/>
      <c r="H2164" s="76"/>
      <c r="I2164" s="76"/>
      <c r="J2164" s="76"/>
      <c r="K2164" s="76"/>
      <c r="L2164" s="76"/>
      <c r="M2164" s="76"/>
      <c r="N2164" s="76"/>
      <c r="O2164" s="76"/>
      <c r="P2164" s="76"/>
      <c r="Q2164" s="76"/>
      <c r="R2164" s="76"/>
      <c r="S2164" s="76"/>
      <c r="T2164" s="76"/>
      <c r="U2164" s="76"/>
      <c r="V2164" s="76"/>
      <c r="W2164" s="76"/>
      <c r="X2164" s="76"/>
      <c r="Y2164" s="76"/>
    </row>
    <row r="2165" spans="1:25" s="32" customFormat="1" ht="47.25" customHeight="1" x14ac:dyDescent="0.15">
      <c r="A2165" s="31"/>
      <c r="D2165" s="33" t="s">
        <v>378</v>
      </c>
      <c r="E2165" s="36" t="s">
        <v>533</v>
      </c>
      <c r="F2165" s="55" t="s">
        <v>534</v>
      </c>
      <c r="G2165" s="55" t="s">
        <v>521</v>
      </c>
      <c r="H2165" s="55" t="s">
        <v>535</v>
      </c>
      <c r="I2165" s="55" t="s">
        <v>536</v>
      </c>
      <c r="J2165" s="55" t="s">
        <v>480</v>
      </c>
      <c r="K2165" s="56" t="s">
        <v>387</v>
      </c>
      <c r="L2165" s="57" t="s">
        <v>388</v>
      </c>
      <c r="M2165" s="54" t="s">
        <v>381</v>
      </c>
    </row>
    <row r="2166" spans="1:25" ht="21.6" x14ac:dyDescent="0.2">
      <c r="B2166" s="77" t="s">
        <v>37</v>
      </c>
      <c r="C2166" s="38" t="s">
        <v>58</v>
      </c>
      <c r="D2166" s="51">
        <v>609</v>
      </c>
      <c r="E2166" s="52">
        <v>3.3</v>
      </c>
      <c r="F2166" s="52">
        <v>17.600000000000001</v>
      </c>
      <c r="G2166" s="52">
        <v>43.5</v>
      </c>
      <c r="H2166" s="52">
        <v>19.7</v>
      </c>
      <c r="I2166" s="52">
        <v>11.5</v>
      </c>
      <c r="J2166" s="52">
        <v>4.4000000000000004</v>
      </c>
      <c r="K2166" s="52">
        <v>-9.6999999999999993</v>
      </c>
      <c r="L2166" s="61">
        <v>0</v>
      </c>
    </row>
    <row r="2167" spans="1:25" ht="21.6" x14ac:dyDescent="0.2">
      <c r="B2167" s="77"/>
      <c r="C2167" s="39" t="s">
        <v>59</v>
      </c>
      <c r="D2167" s="45">
        <v>1391</v>
      </c>
      <c r="E2167" s="46">
        <v>1.7</v>
      </c>
      <c r="F2167" s="46">
        <v>13.4</v>
      </c>
      <c r="G2167" s="46">
        <v>49.7</v>
      </c>
      <c r="H2167" s="46">
        <v>17.899999999999999</v>
      </c>
      <c r="I2167" s="46">
        <v>11.6</v>
      </c>
      <c r="J2167" s="46">
        <v>5.6</v>
      </c>
      <c r="K2167" s="46">
        <v>-12.8</v>
      </c>
      <c r="L2167" s="59">
        <v>0</v>
      </c>
    </row>
    <row r="2168" spans="1:25" x14ac:dyDescent="0.2">
      <c r="B2168" s="77"/>
      <c r="C2168" s="39" t="s">
        <v>60</v>
      </c>
      <c r="D2168" s="45">
        <v>1325</v>
      </c>
      <c r="E2168" s="46">
        <v>2</v>
      </c>
      <c r="F2168" s="46">
        <v>15.5</v>
      </c>
      <c r="G2168" s="46">
        <v>47.9</v>
      </c>
      <c r="H2168" s="46">
        <v>17.600000000000001</v>
      </c>
      <c r="I2168" s="46">
        <v>11.5</v>
      </c>
      <c r="J2168" s="46">
        <v>5.4</v>
      </c>
      <c r="K2168" s="46">
        <v>-11.1</v>
      </c>
      <c r="L2168" s="59">
        <v>0</v>
      </c>
    </row>
    <row r="2169" spans="1:25" x14ac:dyDescent="0.2">
      <c r="B2169" s="77"/>
      <c r="C2169" s="39" t="s">
        <v>61</v>
      </c>
      <c r="D2169" s="45">
        <v>675</v>
      </c>
      <c r="E2169" s="46">
        <v>2.5</v>
      </c>
      <c r="F2169" s="46">
        <v>13</v>
      </c>
      <c r="G2169" s="46">
        <v>47.7</v>
      </c>
      <c r="H2169" s="46">
        <v>20.100000000000001</v>
      </c>
      <c r="I2169" s="46">
        <v>11.7</v>
      </c>
      <c r="J2169" s="46">
        <v>4.9000000000000004</v>
      </c>
      <c r="K2169" s="46">
        <v>-13.4</v>
      </c>
      <c r="L2169" s="59">
        <v>0</v>
      </c>
    </row>
    <row r="2170" spans="1:25" x14ac:dyDescent="0.2">
      <c r="B2170" s="77"/>
      <c r="C2170" s="39" t="s">
        <v>62</v>
      </c>
      <c r="D2170" s="45">
        <v>1086</v>
      </c>
      <c r="E2170" s="46">
        <v>2.2000000000000002</v>
      </c>
      <c r="F2170" s="46">
        <v>14.5</v>
      </c>
      <c r="G2170" s="46">
        <v>49.9</v>
      </c>
      <c r="H2170" s="46">
        <v>18.7</v>
      </c>
      <c r="I2170" s="46">
        <v>10.5</v>
      </c>
      <c r="J2170" s="46">
        <v>4.0999999999999996</v>
      </c>
      <c r="K2170" s="46">
        <v>-10.8</v>
      </c>
      <c r="L2170" s="59">
        <v>0</v>
      </c>
    </row>
    <row r="2171" spans="1:25" ht="21.6" x14ac:dyDescent="0.2">
      <c r="B2171" s="77"/>
      <c r="C2171" s="39" t="s">
        <v>63</v>
      </c>
      <c r="D2171" s="45">
        <v>203</v>
      </c>
      <c r="E2171" s="46">
        <v>3.9</v>
      </c>
      <c r="F2171" s="46">
        <v>18.2</v>
      </c>
      <c r="G2171" s="46">
        <v>44.3</v>
      </c>
      <c r="H2171" s="46">
        <v>15.8</v>
      </c>
      <c r="I2171" s="46">
        <v>8.9</v>
      </c>
      <c r="J2171" s="46">
        <v>8.9</v>
      </c>
      <c r="K2171" s="46">
        <v>-4.0999999999999996</v>
      </c>
      <c r="L2171" s="59">
        <v>0</v>
      </c>
    </row>
    <row r="2172" spans="1:25" x14ac:dyDescent="0.2">
      <c r="B2172" s="77"/>
      <c r="C2172" s="39" t="s">
        <v>64</v>
      </c>
      <c r="D2172" s="45">
        <v>263</v>
      </c>
      <c r="E2172" s="46">
        <v>3</v>
      </c>
      <c r="F2172" s="46">
        <v>19</v>
      </c>
      <c r="G2172" s="46">
        <v>43.7</v>
      </c>
      <c r="H2172" s="46">
        <v>17.899999999999999</v>
      </c>
      <c r="I2172" s="46">
        <v>10.6</v>
      </c>
      <c r="J2172" s="46">
        <v>5.7</v>
      </c>
      <c r="K2172" s="46">
        <v>-7.5</v>
      </c>
      <c r="L2172" s="59">
        <v>0</v>
      </c>
    </row>
    <row r="2173" spans="1:25" x14ac:dyDescent="0.2">
      <c r="B2173" s="77"/>
      <c r="C2173" s="39" t="s">
        <v>65</v>
      </c>
      <c r="D2173" s="45">
        <v>312</v>
      </c>
      <c r="E2173" s="46">
        <v>1.9</v>
      </c>
      <c r="F2173" s="46">
        <v>15.1</v>
      </c>
      <c r="G2173" s="46">
        <v>50.3</v>
      </c>
      <c r="H2173" s="46">
        <v>18.600000000000001</v>
      </c>
      <c r="I2173" s="46">
        <v>10.9</v>
      </c>
      <c r="J2173" s="46">
        <v>3.2</v>
      </c>
      <c r="K2173" s="46">
        <v>-11.1</v>
      </c>
      <c r="L2173" s="59">
        <v>0</v>
      </c>
    </row>
    <row r="2174" spans="1:25" x14ac:dyDescent="0.2">
      <c r="B2174" s="77"/>
      <c r="C2174" s="39" t="s">
        <v>66</v>
      </c>
      <c r="D2174" s="45">
        <v>230</v>
      </c>
      <c r="E2174" s="46">
        <v>0.9</v>
      </c>
      <c r="F2174" s="46">
        <v>7</v>
      </c>
      <c r="G2174" s="46">
        <v>58.7</v>
      </c>
      <c r="H2174" s="46">
        <v>23</v>
      </c>
      <c r="I2174" s="46">
        <v>9.6</v>
      </c>
      <c r="J2174" s="46">
        <v>0.9</v>
      </c>
      <c r="K2174" s="46">
        <v>-16.899999999999999</v>
      </c>
      <c r="L2174" s="59">
        <v>0</v>
      </c>
    </row>
    <row r="2175" spans="1:25" x14ac:dyDescent="0.2">
      <c r="B2175" s="77"/>
      <c r="C2175" s="39" t="s">
        <v>67</v>
      </c>
      <c r="D2175" s="45">
        <v>78</v>
      </c>
      <c r="E2175" s="46">
        <v>0</v>
      </c>
      <c r="F2175" s="46">
        <v>10.3</v>
      </c>
      <c r="G2175" s="46">
        <v>57.7</v>
      </c>
      <c r="H2175" s="46">
        <v>16.7</v>
      </c>
      <c r="I2175" s="46">
        <v>15.4</v>
      </c>
      <c r="J2175" s="46">
        <v>0</v>
      </c>
      <c r="K2175" s="46">
        <v>-18.600000000000001</v>
      </c>
      <c r="L2175" s="59">
        <v>0</v>
      </c>
    </row>
    <row r="2176" spans="1:25" x14ac:dyDescent="0.2">
      <c r="B2176" s="77"/>
      <c r="C2176" s="39" t="s">
        <v>68</v>
      </c>
      <c r="D2176" s="45">
        <v>897</v>
      </c>
      <c r="E2176" s="46">
        <v>2.2000000000000002</v>
      </c>
      <c r="F2176" s="46">
        <v>15.6</v>
      </c>
      <c r="G2176" s="46">
        <v>49.4</v>
      </c>
      <c r="H2176" s="46">
        <v>19</v>
      </c>
      <c r="I2176" s="46">
        <v>10.3</v>
      </c>
      <c r="J2176" s="46">
        <v>3.6</v>
      </c>
      <c r="K2176" s="46">
        <v>-10.1</v>
      </c>
      <c r="L2176" s="59">
        <v>0</v>
      </c>
    </row>
    <row r="2177" spans="1:25" x14ac:dyDescent="0.2">
      <c r="B2177" s="77"/>
      <c r="C2177" s="39" t="s">
        <v>69</v>
      </c>
      <c r="D2177" s="45">
        <v>189</v>
      </c>
      <c r="E2177" s="46">
        <v>2.1</v>
      </c>
      <c r="F2177" s="46">
        <v>9.5</v>
      </c>
      <c r="G2177" s="46">
        <v>52.4</v>
      </c>
      <c r="H2177" s="46">
        <v>17.5</v>
      </c>
      <c r="I2177" s="46">
        <v>11.6</v>
      </c>
      <c r="J2177" s="46">
        <v>6.9</v>
      </c>
      <c r="K2177" s="46">
        <v>-14.5</v>
      </c>
      <c r="L2177" s="59">
        <v>0</v>
      </c>
    </row>
    <row r="2178" spans="1:25" x14ac:dyDescent="0.2">
      <c r="B2178" s="77"/>
      <c r="C2178" s="39" t="s">
        <v>70</v>
      </c>
      <c r="D2178" s="45">
        <v>914</v>
      </c>
      <c r="E2178" s="46">
        <v>2.2000000000000002</v>
      </c>
      <c r="F2178" s="46">
        <v>14.9</v>
      </c>
      <c r="G2178" s="46">
        <v>45.4</v>
      </c>
      <c r="H2178" s="46">
        <v>18.2</v>
      </c>
      <c r="I2178" s="46">
        <v>12.8</v>
      </c>
      <c r="J2178" s="46">
        <v>6.6</v>
      </c>
      <c r="K2178" s="46">
        <v>-13.1</v>
      </c>
      <c r="L2178" s="59">
        <v>0</v>
      </c>
    </row>
    <row r="2179" spans="1:25" ht="21.6" x14ac:dyDescent="0.2">
      <c r="B2179" s="77"/>
      <c r="C2179" s="39" t="s">
        <v>63</v>
      </c>
      <c r="D2179" s="45">
        <v>193</v>
      </c>
      <c r="E2179" s="46">
        <v>5.2</v>
      </c>
      <c r="F2179" s="46">
        <v>20.7</v>
      </c>
      <c r="G2179" s="46">
        <v>30.6</v>
      </c>
      <c r="H2179" s="46">
        <v>17.600000000000001</v>
      </c>
      <c r="I2179" s="46">
        <v>10.4</v>
      </c>
      <c r="J2179" s="46">
        <v>15.5</v>
      </c>
      <c r="K2179" s="46">
        <v>-4.3</v>
      </c>
      <c r="L2179" s="59">
        <v>0</v>
      </c>
    </row>
    <row r="2180" spans="1:25" x14ac:dyDescent="0.2">
      <c r="B2180" s="77"/>
      <c r="C2180" s="39" t="s">
        <v>64</v>
      </c>
      <c r="D2180" s="45">
        <v>203</v>
      </c>
      <c r="E2180" s="46">
        <v>1.5</v>
      </c>
      <c r="F2180" s="46">
        <v>15.3</v>
      </c>
      <c r="G2180" s="46">
        <v>43.3</v>
      </c>
      <c r="H2180" s="46">
        <v>16.7</v>
      </c>
      <c r="I2180" s="46">
        <v>15.8</v>
      </c>
      <c r="J2180" s="46">
        <v>7.4</v>
      </c>
      <c r="K2180" s="46">
        <v>-16.2</v>
      </c>
      <c r="L2180" s="59">
        <v>0</v>
      </c>
    </row>
    <row r="2181" spans="1:25" x14ac:dyDescent="0.2">
      <c r="B2181" s="77"/>
      <c r="C2181" s="39" t="s">
        <v>65</v>
      </c>
      <c r="D2181" s="45">
        <v>263</v>
      </c>
      <c r="E2181" s="46">
        <v>1.5</v>
      </c>
      <c r="F2181" s="46">
        <v>12.9</v>
      </c>
      <c r="G2181" s="46">
        <v>54.4</v>
      </c>
      <c r="H2181" s="46">
        <v>17.899999999999999</v>
      </c>
      <c r="I2181" s="46">
        <v>10.6</v>
      </c>
      <c r="J2181" s="46">
        <v>2.7</v>
      </c>
      <c r="K2181" s="46">
        <v>-11.9</v>
      </c>
      <c r="L2181" s="59">
        <v>0</v>
      </c>
    </row>
    <row r="2182" spans="1:25" x14ac:dyDescent="0.2">
      <c r="B2182" s="77"/>
      <c r="C2182" s="39" t="s">
        <v>66</v>
      </c>
      <c r="D2182" s="45">
        <v>194</v>
      </c>
      <c r="E2182" s="46">
        <v>1.5</v>
      </c>
      <c r="F2182" s="46">
        <v>12.4</v>
      </c>
      <c r="G2182" s="46">
        <v>49.5</v>
      </c>
      <c r="H2182" s="46">
        <v>20.6</v>
      </c>
      <c r="I2182" s="46">
        <v>12.4</v>
      </c>
      <c r="J2182" s="46">
        <v>3.6</v>
      </c>
      <c r="K2182" s="46">
        <v>-15.5</v>
      </c>
      <c r="L2182" s="59">
        <v>0</v>
      </c>
    </row>
    <row r="2183" spans="1:25" x14ac:dyDescent="0.2">
      <c r="B2183" s="77"/>
      <c r="C2183" s="39" t="s">
        <v>67</v>
      </c>
      <c r="D2183" s="45">
        <v>61</v>
      </c>
      <c r="E2183" s="46">
        <v>0</v>
      </c>
      <c r="F2183" s="46">
        <v>11.5</v>
      </c>
      <c r="G2183" s="46">
        <v>47.5</v>
      </c>
      <c r="H2183" s="46">
        <v>18</v>
      </c>
      <c r="I2183" s="46">
        <v>21.3</v>
      </c>
      <c r="J2183" s="46">
        <v>1.6</v>
      </c>
      <c r="K2183" s="46">
        <v>-25</v>
      </c>
      <c r="L2183" s="59">
        <v>0</v>
      </c>
    </row>
    <row r="2184" spans="1:25" x14ac:dyDescent="0.2">
      <c r="B2184" s="77"/>
      <c r="C2184" s="39" t="s">
        <v>68</v>
      </c>
      <c r="D2184" s="45">
        <v>416</v>
      </c>
      <c r="E2184" s="46">
        <v>2.4</v>
      </c>
      <c r="F2184" s="46">
        <v>19.2</v>
      </c>
      <c r="G2184" s="46">
        <v>44.5</v>
      </c>
      <c r="H2184" s="46">
        <v>17.5</v>
      </c>
      <c r="I2184" s="46">
        <v>10.1</v>
      </c>
      <c r="J2184" s="46">
        <v>6.3</v>
      </c>
      <c r="K2184" s="46">
        <v>-7.3</v>
      </c>
      <c r="L2184" s="59">
        <v>0</v>
      </c>
    </row>
    <row r="2185" spans="1:25" x14ac:dyDescent="0.2">
      <c r="B2185" s="77"/>
      <c r="C2185" s="40" t="s">
        <v>69</v>
      </c>
      <c r="D2185" s="48">
        <v>498</v>
      </c>
      <c r="E2185" s="49">
        <v>2</v>
      </c>
      <c r="F2185" s="49">
        <v>11.2</v>
      </c>
      <c r="G2185" s="49">
        <v>46.2</v>
      </c>
      <c r="H2185" s="49">
        <v>18.7</v>
      </c>
      <c r="I2185" s="49">
        <v>15.1</v>
      </c>
      <c r="J2185" s="49">
        <v>6.8</v>
      </c>
      <c r="K2185" s="49">
        <v>-18</v>
      </c>
      <c r="L2185" s="60">
        <v>0</v>
      </c>
    </row>
    <row r="2186" spans="1:25" x14ac:dyDescent="0.2">
      <c r="B2186" s="7" t="s">
        <v>71</v>
      </c>
      <c r="C2186" s="4" t="s">
        <v>129</v>
      </c>
    </row>
    <row r="2187" spans="1:25" x14ac:dyDescent="0.2">
      <c r="B2187" s="4"/>
      <c r="C2187" s="4" t="s">
        <v>73</v>
      </c>
    </row>
    <row r="2189" spans="1:25" x14ac:dyDescent="0.2">
      <c r="A2189" s="26" t="s">
        <v>25</v>
      </c>
      <c r="B2189" t="s">
        <v>35</v>
      </c>
      <c r="C2189" t="s">
        <v>35</v>
      </c>
    </row>
    <row r="2190" spans="1:25" x14ac:dyDescent="0.2">
      <c r="B2190" s="75" t="s">
        <v>130</v>
      </c>
      <c r="C2190" s="76"/>
      <c r="D2190" s="76"/>
      <c r="E2190" s="76"/>
      <c r="F2190" s="76"/>
      <c r="G2190" s="76"/>
      <c r="H2190" s="76"/>
      <c r="I2190" s="76"/>
      <c r="J2190" s="76"/>
      <c r="K2190" s="76"/>
      <c r="L2190" s="76"/>
      <c r="M2190" s="76"/>
      <c r="N2190" s="76"/>
      <c r="O2190" s="76"/>
      <c r="P2190" s="76"/>
      <c r="Q2190" s="76"/>
      <c r="R2190" s="76"/>
      <c r="S2190" s="76"/>
      <c r="T2190" s="76"/>
      <c r="U2190" s="76"/>
      <c r="V2190" s="76"/>
      <c r="W2190" s="76"/>
      <c r="X2190" s="76"/>
      <c r="Y2190" s="76"/>
    </row>
    <row r="2191" spans="1:25" s="32" customFormat="1" ht="36.450000000000003" customHeight="1" x14ac:dyDescent="0.15">
      <c r="A2191" s="31"/>
      <c r="D2191" s="33" t="s">
        <v>378</v>
      </c>
      <c r="E2191" s="36" t="s">
        <v>537</v>
      </c>
      <c r="F2191" s="55" t="s">
        <v>525</v>
      </c>
      <c r="G2191" s="55" t="s">
        <v>538</v>
      </c>
      <c r="H2191" s="37" t="s">
        <v>480</v>
      </c>
      <c r="I2191" s="35" t="s">
        <v>381</v>
      </c>
    </row>
    <row r="2192" spans="1:25" x14ac:dyDescent="0.2">
      <c r="B2192" s="5"/>
      <c r="C2192" s="41" t="s">
        <v>38</v>
      </c>
      <c r="D2192" s="42">
        <v>2000</v>
      </c>
      <c r="E2192" s="43">
        <v>16.899999999999999</v>
      </c>
      <c r="F2192" s="43">
        <v>47.9</v>
      </c>
      <c r="G2192" s="43">
        <v>30</v>
      </c>
      <c r="H2192" s="44">
        <v>5.3</v>
      </c>
    </row>
    <row r="2193" spans="2:8" x14ac:dyDescent="0.2">
      <c r="B2193" s="77" t="s">
        <v>37</v>
      </c>
      <c r="C2193" s="39" t="s">
        <v>39</v>
      </c>
      <c r="D2193" s="45">
        <v>111</v>
      </c>
      <c r="E2193" s="46">
        <v>16.2</v>
      </c>
      <c r="F2193" s="46">
        <v>51.4</v>
      </c>
      <c r="G2193" s="46">
        <v>30.6</v>
      </c>
      <c r="H2193" s="47">
        <v>1.8</v>
      </c>
    </row>
    <row r="2194" spans="2:8" x14ac:dyDescent="0.2">
      <c r="B2194" s="77"/>
      <c r="C2194" s="39" t="s">
        <v>40</v>
      </c>
      <c r="D2194" s="45">
        <v>450</v>
      </c>
      <c r="E2194" s="46">
        <v>14.9</v>
      </c>
      <c r="F2194" s="46">
        <v>51.6</v>
      </c>
      <c r="G2194" s="46">
        <v>31.1</v>
      </c>
      <c r="H2194" s="47">
        <v>2.4</v>
      </c>
    </row>
    <row r="2195" spans="2:8" ht="21.6" x14ac:dyDescent="0.2">
      <c r="B2195" s="77"/>
      <c r="C2195" s="39" t="s">
        <v>41</v>
      </c>
      <c r="D2195" s="45">
        <v>30</v>
      </c>
      <c r="E2195" s="46">
        <v>20</v>
      </c>
      <c r="F2195" s="46">
        <v>40</v>
      </c>
      <c r="G2195" s="46">
        <v>26.7</v>
      </c>
      <c r="H2195" s="47">
        <v>13.3</v>
      </c>
    </row>
    <row r="2196" spans="2:8" ht="21.6" x14ac:dyDescent="0.2">
      <c r="B2196" s="77"/>
      <c r="C2196" s="39" t="s">
        <v>42</v>
      </c>
      <c r="D2196" s="45">
        <v>336</v>
      </c>
      <c r="E2196" s="46">
        <v>22.3</v>
      </c>
      <c r="F2196" s="46">
        <v>45.2</v>
      </c>
      <c r="G2196" s="46">
        <v>28.3</v>
      </c>
      <c r="H2196" s="47">
        <v>4.2</v>
      </c>
    </row>
    <row r="2197" spans="2:8" ht="21.6" x14ac:dyDescent="0.2">
      <c r="B2197" s="77"/>
      <c r="C2197" s="39" t="s">
        <v>43</v>
      </c>
      <c r="D2197" s="45">
        <v>327</v>
      </c>
      <c r="E2197" s="46">
        <v>13.8</v>
      </c>
      <c r="F2197" s="46">
        <v>47.1</v>
      </c>
      <c r="G2197" s="46">
        <v>32.700000000000003</v>
      </c>
      <c r="H2197" s="47">
        <v>6.4</v>
      </c>
    </row>
    <row r="2198" spans="2:8" ht="21.6" x14ac:dyDescent="0.2">
      <c r="B2198" s="77"/>
      <c r="C2198" s="39" t="s">
        <v>44</v>
      </c>
      <c r="D2198" s="45">
        <v>181</v>
      </c>
      <c r="E2198" s="46">
        <v>20.399999999999999</v>
      </c>
      <c r="F2198" s="46">
        <v>51.9</v>
      </c>
      <c r="G2198" s="46">
        <v>22.1</v>
      </c>
      <c r="H2198" s="47">
        <v>5.5</v>
      </c>
    </row>
    <row r="2199" spans="2:8" ht="21.6" x14ac:dyDescent="0.2">
      <c r="B2199" s="77"/>
      <c r="C2199" s="39" t="s">
        <v>45</v>
      </c>
      <c r="D2199" s="45">
        <v>565</v>
      </c>
      <c r="E2199" s="46">
        <v>15.9</v>
      </c>
      <c r="F2199" s="46">
        <v>45.3</v>
      </c>
      <c r="G2199" s="46">
        <v>31.2</v>
      </c>
      <c r="H2199" s="47">
        <v>7.6</v>
      </c>
    </row>
    <row r="2200" spans="2:8" ht="21.6" x14ac:dyDescent="0.2">
      <c r="B2200" s="77"/>
      <c r="C2200" s="39" t="s">
        <v>46</v>
      </c>
      <c r="D2200" s="45">
        <v>473</v>
      </c>
      <c r="E2200" s="46">
        <v>16.899999999999999</v>
      </c>
      <c r="F2200" s="46">
        <v>44</v>
      </c>
      <c r="G2200" s="46">
        <v>36.6</v>
      </c>
      <c r="H2200" s="47">
        <v>2.5</v>
      </c>
    </row>
    <row r="2201" spans="2:8" ht="21.6" x14ac:dyDescent="0.2">
      <c r="B2201" s="77"/>
      <c r="C2201" s="39" t="s">
        <v>47</v>
      </c>
      <c r="D2201" s="45">
        <v>441</v>
      </c>
      <c r="E2201" s="46">
        <v>16.100000000000001</v>
      </c>
      <c r="F2201" s="46">
        <v>53.5</v>
      </c>
      <c r="G2201" s="46">
        <v>29</v>
      </c>
      <c r="H2201" s="47">
        <v>1.4</v>
      </c>
    </row>
    <row r="2202" spans="2:8" ht="21.6" x14ac:dyDescent="0.2">
      <c r="B2202" s="77"/>
      <c r="C2202" s="39" t="s">
        <v>48</v>
      </c>
      <c r="D2202" s="45">
        <v>305</v>
      </c>
      <c r="E2202" s="46">
        <v>11.5</v>
      </c>
      <c r="F2202" s="46">
        <v>52.5</v>
      </c>
      <c r="G2202" s="46">
        <v>34.1</v>
      </c>
      <c r="H2202" s="47">
        <v>2</v>
      </c>
    </row>
    <row r="2203" spans="2:8" ht="21.6" x14ac:dyDescent="0.2">
      <c r="B2203" s="77"/>
      <c r="C2203" s="39" t="s">
        <v>49</v>
      </c>
      <c r="D2203" s="45">
        <v>223</v>
      </c>
      <c r="E2203" s="46">
        <v>22.4</v>
      </c>
      <c r="F2203" s="46">
        <v>50.2</v>
      </c>
      <c r="G2203" s="46">
        <v>25.6</v>
      </c>
      <c r="H2203" s="47">
        <v>1.8</v>
      </c>
    </row>
    <row r="2204" spans="2:8" ht="21.6" x14ac:dyDescent="0.2">
      <c r="B2204" s="77"/>
      <c r="C2204" s="39" t="s">
        <v>50</v>
      </c>
      <c r="D2204" s="45">
        <v>123</v>
      </c>
      <c r="E2204" s="46">
        <v>25.2</v>
      </c>
      <c r="F2204" s="46">
        <v>50.4</v>
      </c>
      <c r="G2204" s="46">
        <v>22.8</v>
      </c>
      <c r="H2204" s="47">
        <v>1.6</v>
      </c>
    </row>
    <row r="2205" spans="2:8" ht="21.6" x14ac:dyDescent="0.2">
      <c r="B2205" s="77"/>
      <c r="C2205" s="39" t="s">
        <v>51</v>
      </c>
      <c r="D2205" s="45">
        <v>124</v>
      </c>
      <c r="E2205" s="46">
        <v>30.6</v>
      </c>
      <c r="F2205" s="46">
        <v>44.4</v>
      </c>
      <c r="G2205" s="46">
        <v>22.6</v>
      </c>
      <c r="H2205" s="47">
        <v>2.4</v>
      </c>
    </row>
    <row r="2206" spans="2:8" ht="21.6" x14ac:dyDescent="0.2">
      <c r="B2206" s="77"/>
      <c r="C2206" s="39" t="s">
        <v>52</v>
      </c>
      <c r="D2206" s="45">
        <v>312</v>
      </c>
      <c r="E2206" s="46">
        <v>14.7</v>
      </c>
      <c r="F2206" s="46">
        <v>49.7</v>
      </c>
      <c r="G2206" s="46">
        <v>31.7</v>
      </c>
      <c r="H2206" s="47">
        <v>3.8</v>
      </c>
    </row>
    <row r="2207" spans="2:8" x14ac:dyDescent="0.2">
      <c r="B2207" s="77"/>
      <c r="C2207" s="39" t="s">
        <v>53</v>
      </c>
      <c r="D2207" s="45">
        <v>269</v>
      </c>
      <c r="E2207" s="46">
        <v>15.2</v>
      </c>
      <c r="F2207" s="46">
        <v>48</v>
      </c>
      <c r="G2207" s="46">
        <v>32.700000000000003</v>
      </c>
      <c r="H2207" s="47">
        <v>4.0999999999999996</v>
      </c>
    </row>
    <row r="2208" spans="2:8" ht="21.6" x14ac:dyDescent="0.2">
      <c r="B2208" s="77"/>
      <c r="C2208" s="39" t="s">
        <v>54</v>
      </c>
      <c r="D2208" s="45">
        <v>511</v>
      </c>
      <c r="E2208" s="46">
        <v>18.8</v>
      </c>
      <c r="F2208" s="46">
        <v>47.6</v>
      </c>
      <c r="G2208" s="46">
        <v>30.3</v>
      </c>
      <c r="H2208" s="47">
        <v>3.3</v>
      </c>
    </row>
    <row r="2209" spans="1:25" ht="21.6" x14ac:dyDescent="0.2">
      <c r="B2209" s="77"/>
      <c r="C2209" s="39" t="s">
        <v>55</v>
      </c>
      <c r="D2209" s="45">
        <v>615</v>
      </c>
      <c r="E2209" s="46">
        <v>20.3</v>
      </c>
      <c r="F2209" s="46">
        <v>48.1</v>
      </c>
      <c r="G2209" s="46">
        <v>27.8</v>
      </c>
      <c r="H2209" s="47">
        <v>3.7</v>
      </c>
    </row>
    <row r="2210" spans="1:25" ht="21.6" x14ac:dyDescent="0.2">
      <c r="B2210" s="77"/>
      <c r="C2210" s="39" t="s">
        <v>56</v>
      </c>
      <c r="D2210" s="45">
        <v>800</v>
      </c>
      <c r="E2210" s="46">
        <v>19.600000000000001</v>
      </c>
      <c r="F2210" s="46">
        <v>45.9</v>
      </c>
      <c r="G2210" s="46">
        <v>29.6</v>
      </c>
      <c r="H2210" s="47">
        <v>4.9000000000000004</v>
      </c>
    </row>
    <row r="2211" spans="1:25" x14ac:dyDescent="0.2">
      <c r="B2211" s="77"/>
      <c r="C2211" s="40" t="s">
        <v>57</v>
      </c>
      <c r="D2211" s="48">
        <v>798</v>
      </c>
      <c r="E2211" s="49">
        <v>15.7</v>
      </c>
      <c r="F2211" s="49">
        <v>50.3</v>
      </c>
      <c r="G2211" s="49">
        <v>31.5</v>
      </c>
      <c r="H2211" s="50">
        <v>2.6</v>
      </c>
    </row>
    <row r="2213" spans="1:25" x14ac:dyDescent="0.2">
      <c r="C2213" t="s">
        <v>35</v>
      </c>
    </row>
    <row r="2214" spans="1:25" x14ac:dyDescent="0.2">
      <c r="B2214" s="75" t="s">
        <v>299</v>
      </c>
      <c r="C2214" s="76"/>
      <c r="D2214" s="76"/>
      <c r="E2214" s="76"/>
      <c r="F2214" s="76"/>
      <c r="G2214" s="76"/>
      <c r="H2214" s="76"/>
      <c r="I2214" s="76"/>
      <c r="J2214" s="76"/>
      <c r="K2214" s="76"/>
      <c r="L2214" s="76"/>
      <c r="M2214" s="76"/>
      <c r="N2214" s="76"/>
      <c r="O2214" s="76"/>
      <c r="P2214" s="76"/>
      <c r="Q2214" s="76"/>
      <c r="R2214" s="76"/>
      <c r="S2214" s="76"/>
      <c r="T2214" s="76"/>
      <c r="U2214" s="76"/>
      <c r="V2214" s="76"/>
      <c r="W2214" s="76"/>
      <c r="X2214" s="76"/>
      <c r="Y2214" s="76"/>
    </row>
    <row r="2215" spans="1:25" s="32" customFormat="1" ht="36.450000000000003" customHeight="1" x14ac:dyDescent="0.15">
      <c r="A2215" s="31"/>
      <c r="D2215" s="33" t="s">
        <v>378</v>
      </c>
      <c r="E2215" s="36" t="s">
        <v>537</v>
      </c>
      <c r="F2215" s="55" t="s">
        <v>525</v>
      </c>
      <c r="G2215" s="55" t="s">
        <v>538</v>
      </c>
      <c r="H2215" s="37" t="s">
        <v>480</v>
      </c>
      <c r="I2215" s="35" t="s">
        <v>381</v>
      </c>
    </row>
    <row r="2216" spans="1:25" ht="21.6" x14ac:dyDescent="0.2">
      <c r="B2216" s="77" t="s">
        <v>37</v>
      </c>
      <c r="C2216" s="38" t="s">
        <v>58</v>
      </c>
      <c r="D2216" s="51">
        <v>609</v>
      </c>
      <c r="E2216" s="52">
        <v>20.9</v>
      </c>
      <c r="F2216" s="52">
        <v>43.5</v>
      </c>
      <c r="G2216" s="52">
        <v>31.2</v>
      </c>
      <c r="H2216" s="53">
        <v>4.4000000000000004</v>
      </c>
    </row>
    <row r="2217" spans="1:25" ht="21.6" x14ac:dyDescent="0.2">
      <c r="B2217" s="77"/>
      <c r="C2217" s="39" t="s">
        <v>59</v>
      </c>
      <c r="D2217" s="45">
        <v>1391</v>
      </c>
      <c r="E2217" s="46">
        <v>15.2</v>
      </c>
      <c r="F2217" s="46">
        <v>49.7</v>
      </c>
      <c r="G2217" s="46">
        <v>29.5</v>
      </c>
      <c r="H2217" s="47">
        <v>5.6</v>
      </c>
    </row>
    <row r="2218" spans="1:25" x14ac:dyDescent="0.2">
      <c r="B2218" s="77"/>
      <c r="C2218" s="39" t="s">
        <v>60</v>
      </c>
      <c r="D2218" s="45">
        <v>1325</v>
      </c>
      <c r="E2218" s="46">
        <v>17.600000000000001</v>
      </c>
      <c r="F2218" s="46">
        <v>47.9</v>
      </c>
      <c r="G2218" s="46">
        <v>29.1</v>
      </c>
      <c r="H2218" s="47">
        <v>5.4</v>
      </c>
    </row>
    <row r="2219" spans="1:25" x14ac:dyDescent="0.2">
      <c r="B2219" s="77"/>
      <c r="C2219" s="39" t="s">
        <v>61</v>
      </c>
      <c r="D2219" s="45">
        <v>675</v>
      </c>
      <c r="E2219" s="46">
        <v>15.6</v>
      </c>
      <c r="F2219" s="46">
        <v>47.7</v>
      </c>
      <c r="G2219" s="46">
        <v>31.9</v>
      </c>
      <c r="H2219" s="47">
        <v>4.9000000000000004</v>
      </c>
    </row>
    <row r="2220" spans="1:25" x14ac:dyDescent="0.2">
      <c r="B2220" s="77"/>
      <c r="C2220" s="39" t="s">
        <v>62</v>
      </c>
      <c r="D2220" s="45">
        <v>1086</v>
      </c>
      <c r="E2220" s="46">
        <v>16.8</v>
      </c>
      <c r="F2220" s="46">
        <v>49.9</v>
      </c>
      <c r="G2220" s="46">
        <v>29.2</v>
      </c>
      <c r="H2220" s="47">
        <v>4.0999999999999996</v>
      </c>
    </row>
    <row r="2221" spans="1:25" ht="21.6" x14ac:dyDescent="0.2">
      <c r="B2221" s="77"/>
      <c r="C2221" s="39" t="s">
        <v>63</v>
      </c>
      <c r="D2221" s="45">
        <v>203</v>
      </c>
      <c r="E2221" s="46">
        <v>22.2</v>
      </c>
      <c r="F2221" s="46">
        <v>44.3</v>
      </c>
      <c r="G2221" s="46">
        <v>24.6</v>
      </c>
      <c r="H2221" s="47">
        <v>8.9</v>
      </c>
    </row>
    <row r="2222" spans="1:25" x14ac:dyDescent="0.2">
      <c r="B2222" s="77"/>
      <c r="C2222" s="39" t="s">
        <v>64</v>
      </c>
      <c r="D2222" s="45">
        <v>263</v>
      </c>
      <c r="E2222" s="46">
        <v>22.1</v>
      </c>
      <c r="F2222" s="46">
        <v>43.7</v>
      </c>
      <c r="G2222" s="46">
        <v>28.5</v>
      </c>
      <c r="H2222" s="47">
        <v>5.7</v>
      </c>
    </row>
    <row r="2223" spans="1:25" x14ac:dyDescent="0.2">
      <c r="B2223" s="77"/>
      <c r="C2223" s="39" t="s">
        <v>65</v>
      </c>
      <c r="D2223" s="45">
        <v>312</v>
      </c>
      <c r="E2223" s="46">
        <v>17</v>
      </c>
      <c r="F2223" s="46">
        <v>50.3</v>
      </c>
      <c r="G2223" s="46">
        <v>29.5</v>
      </c>
      <c r="H2223" s="47">
        <v>3.2</v>
      </c>
    </row>
    <row r="2224" spans="1:25" x14ac:dyDescent="0.2">
      <c r="B2224" s="77"/>
      <c r="C2224" s="39" t="s">
        <v>66</v>
      </c>
      <c r="D2224" s="45">
        <v>230</v>
      </c>
      <c r="E2224" s="46">
        <v>7.8</v>
      </c>
      <c r="F2224" s="46">
        <v>58.7</v>
      </c>
      <c r="G2224" s="46">
        <v>32.6</v>
      </c>
      <c r="H2224" s="47">
        <v>0.9</v>
      </c>
    </row>
    <row r="2225" spans="1:25" x14ac:dyDescent="0.2">
      <c r="B2225" s="77"/>
      <c r="C2225" s="39" t="s">
        <v>67</v>
      </c>
      <c r="D2225" s="45">
        <v>78</v>
      </c>
      <c r="E2225" s="46">
        <v>10.3</v>
      </c>
      <c r="F2225" s="46">
        <v>57.7</v>
      </c>
      <c r="G2225" s="46">
        <v>32.1</v>
      </c>
      <c r="H2225" s="47">
        <v>0</v>
      </c>
    </row>
    <row r="2226" spans="1:25" x14ac:dyDescent="0.2">
      <c r="B2226" s="77"/>
      <c r="C2226" s="39" t="s">
        <v>68</v>
      </c>
      <c r="D2226" s="45">
        <v>897</v>
      </c>
      <c r="E2226" s="46">
        <v>17.8</v>
      </c>
      <c r="F2226" s="46">
        <v>49.4</v>
      </c>
      <c r="G2226" s="46">
        <v>29.2</v>
      </c>
      <c r="H2226" s="47">
        <v>3.6</v>
      </c>
    </row>
    <row r="2227" spans="1:25" x14ac:dyDescent="0.2">
      <c r="B2227" s="77"/>
      <c r="C2227" s="39" t="s">
        <v>69</v>
      </c>
      <c r="D2227" s="45">
        <v>189</v>
      </c>
      <c r="E2227" s="46">
        <v>11.6</v>
      </c>
      <c r="F2227" s="46">
        <v>52.4</v>
      </c>
      <c r="G2227" s="46">
        <v>29.1</v>
      </c>
      <c r="H2227" s="47">
        <v>6.9</v>
      </c>
    </row>
    <row r="2228" spans="1:25" x14ac:dyDescent="0.2">
      <c r="B2228" s="77"/>
      <c r="C2228" s="39" t="s">
        <v>70</v>
      </c>
      <c r="D2228" s="45">
        <v>914</v>
      </c>
      <c r="E2228" s="46">
        <v>17.100000000000001</v>
      </c>
      <c r="F2228" s="46">
        <v>45.4</v>
      </c>
      <c r="G2228" s="46">
        <v>31</v>
      </c>
      <c r="H2228" s="47">
        <v>6.6</v>
      </c>
    </row>
    <row r="2229" spans="1:25" ht="21.6" x14ac:dyDescent="0.2">
      <c r="B2229" s="77"/>
      <c r="C2229" s="39" t="s">
        <v>63</v>
      </c>
      <c r="D2229" s="45">
        <v>193</v>
      </c>
      <c r="E2229" s="46">
        <v>25.9</v>
      </c>
      <c r="F2229" s="46">
        <v>30.6</v>
      </c>
      <c r="G2229" s="46">
        <v>28</v>
      </c>
      <c r="H2229" s="47">
        <v>15.5</v>
      </c>
    </row>
    <row r="2230" spans="1:25" x14ac:dyDescent="0.2">
      <c r="B2230" s="77"/>
      <c r="C2230" s="39" t="s">
        <v>64</v>
      </c>
      <c r="D2230" s="45">
        <v>203</v>
      </c>
      <c r="E2230" s="46">
        <v>16.7</v>
      </c>
      <c r="F2230" s="46">
        <v>43.3</v>
      </c>
      <c r="G2230" s="46">
        <v>32.5</v>
      </c>
      <c r="H2230" s="47">
        <v>7.4</v>
      </c>
    </row>
    <row r="2231" spans="1:25" x14ac:dyDescent="0.2">
      <c r="B2231" s="77"/>
      <c r="C2231" s="39" t="s">
        <v>65</v>
      </c>
      <c r="D2231" s="45">
        <v>263</v>
      </c>
      <c r="E2231" s="46">
        <v>14.4</v>
      </c>
      <c r="F2231" s="46">
        <v>54.4</v>
      </c>
      <c r="G2231" s="46">
        <v>28.5</v>
      </c>
      <c r="H2231" s="47">
        <v>2.7</v>
      </c>
    </row>
    <row r="2232" spans="1:25" x14ac:dyDescent="0.2">
      <c r="B2232" s="77"/>
      <c r="C2232" s="39" t="s">
        <v>66</v>
      </c>
      <c r="D2232" s="45">
        <v>194</v>
      </c>
      <c r="E2232" s="46">
        <v>13.9</v>
      </c>
      <c r="F2232" s="46">
        <v>49.5</v>
      </c>
      <c r="G2232" s="46">
        <v>33</v>
      </c>
      <c r="H2232" s="47">
        <v>3.6</v>
      </c>
    </row>
    <row r="2233" spans="1:25" x14ac:dyDescent="0.2">
      <c r="B2233" s="77"/>
      <c r="C2233" s="39" t="s">
        <v>67</v>
      </c>
      <c r="D2233" s="45">
        <v>61</v>
      </c>
      <c r="E2233" s="46">
        <v>11.5</v>
      </c>
      <c r="F2233" s="46">
        <v>47.5</v>
      </c>
      <c r="G2233" s="46">
        <v>39.299999999999997</v>
      </c>
      <c r="H2233" s="47">
        <v>1.6</v>
      </c>
    </row>
    <row r="2234" spans="1:25" x14ac:dyDescent="0.2">
      <c r="B2234" s="77"/>
      <c r="C2234" s="39" t="s">
        <v>68</v>
      </c>
      <c r="D2234" s="45">
        <v>416</v>
      </c>
      <c r="E2234" s="46">
        <v>21.6</v>
      </c>
      <c r="F2234" s="46">
        <v>44.5</v>
      </c>
      <c r="G2234" s="46">
        <v>27.6</v>
      </c>
      <c r="H2234" s="47">
        <v>6.3</v>
      </c>
    </row>
    <row r="2235" spans="1:25" x14ac:dyDescent="0.2">
      <c r="B2235" s="77"/>
      <c r="C2235" s="40" t="s">
        <v>69</v>
      </c>
      <c r="D2235" s="48">
        <v>498</v>
      </c>
      <c r="E2235" s="49">
        <v>13.3</v>
      </c>
      <c r="F2235" s="49">
        <v>46.2</v>
      </c>
      <c r="G2235" s="49">
        <v>33.700000000000003</v>
      </c>
      <c r="H2235" s="50">
        <v>6.8</v>
      </c>
    </row>
    <row r="2237" spans="1:25" x14ac:dyDescent="0.2">
      <c r="A2237" s="26" t="s">
        <v>25</v>
      </c>
      <c r="B2237" t="s">
        <v>35</v>
      </c>
      <c r="C2237" t="s">
        <v>35</v>
      </c>
    </row>
    <row r="2238" spans="1:25" x14ac:dyDescent="0.2">
      <c r="B2238" s="75" t="s">
        <v>131</v>
      </c>
      <c r="C2238" s="76"/>
      <c r="D2238" s="76"/>
      <c r="E2238" s="76"/>
      <c r="F2238" s="76"/>
      <c r="G2238" s="76"/>
      <c r="H2238" s="76"/>
      <c r="I2238" s="76"/>
      <c r="J2238" s="76"/>
      <c r="K2238" s="76"/>
      <c r="L2238" s="76"/>
      <c r="M2238" s="76"/>
      <c r="N2238" s="76"/>
      <c r="O2238" s="76"/>
      <c r="P2238" s="76"/>
      <c r="Q2238" s="76"/>
      <c r="R2238" s="76"/>
      <c r="S2238" s="76"/>
      <c r="T2238" s="76"/>
      <c r="U2238" s="76"/>
      <c r="V2238" s="76"/>
      <c r="W2238" s="76"/>
      <c r="X2238" s="76"/>
      <c r="Y2238" s="76"/>
    </row>
    <row r="2239" spans="1:25" s="32" customFormat="1" ht="47.25" customHeight="1" x14ac:dyDescent="0.15">
      <c r="A2239" s="31"/>
      <c r="D2239" s="33" t="s">
        <v>378</v>
      </c>
      <c r="E2239" s="36" t="s">
        <v>545</v>
      </c>
      <c r="F2239" s="55" t="s">
        <v>546</v>
      </c>
      <c r="G2239" s="55" t="s">
        <v>521</v>
      </c>
      <c r="H2239" s="55" t="s">
        <v>547</v>
      </c>
      <c r="I2239" s="55" t="s">
        <v>548</v>
      </c>
      <c r="J2239" s="55" t="s">
        <v>480</v>
      </c>
      <c r="K2239" s="56" t="s">
        <v>387</v>
      </c>
      <c r="L2239" s="57" t="s">
        <v>388</v>
      </c>
      <c r="M2239" s="54" t="s">
        <v>381</v>
      </c>
    </row>
    <row r="2240" spans="1:25" x14ac:dyDescent="0.2">
      <c r="B2240" s="5"/>
      <c r="C2240" s="41" t="s">
        <v>38</v>
      </c>
      <c r="D2240" s="42">
        <v>2000</v>
      </c>
      <c r="E2240" s="43">
        <v>1.7</v>
      </c>
      <c r="F2240" s="43">
        <v>15.3</v>
      </c>
      <c r="G2240" s="43">
        <v>50.1</v>
      </c>
      <c r="H2240" s="43">
        <v>16.5</v>
      </c>
      <c r="I2240" s="43">
        <v>6.6</v>
      </c>
      <c r="J2240" s="43">
        <v>9.9</v>
      </c>
      <c r="K2240" s="43">
        <v>-6</v>
      </c>
      <c r="L2240" s="58">
        <v>0</v>
      </c>
    </row>
    <row r="2241" spans="2:12" x14ac:dyDescent="0.2">
      <c r="B2241" s="77" t="s">
        <v>37</v>
      </c>
      <c r="C2241" s="39" t="s">
        <v>39</v>
      </c>
      <c r="D2241" s="45">
        <v>111</v>
      </c>
      <c r="E2241" s="46">
        <v>4.5</v>
      </c>
      <c r="F2241" s="46">
        <v>16.2</v>
      </c>
      <c r="G2241" s="46">
        <v>53.2</v>
      </c>
      <c r="H2241" s="46">
        <v>14.4</v>
      </c>
      <c r="I2241" s="46">
        <v>5.4</v>
      </c>
      <c r="J2241" s="46">
        <v>6.3</v>
      </c>
      <c r="K2241" s="46">
        <v>0</v>
      </c>
      <c r="L2241" s="59">
        <v>0</v>
      </c>
    </row>
    <row r="2242" spans="2:12" x14ac:dyDescent="0.2">
      <c r="B2242" s="77"/>
      <c r="C2242" s="39" t="s">
        <v>40</v>
      </c>
      <c r="D2242" s="45">
        <v>450</v>
      </c>
      <c r="E2242" s="46">
        <v>0.9</v>
      </c>
      <c r="F2242" s="46">
        <v>14.2</v>
      </c>
      <c r="G2242" s="46">
        <v>52.9</v>
      </c>
      <c r="H2242" s="46">
        <v>16.7</v>
      </c>
      <c r="I2242" s="46">
        <v>8.4</v>
      </c>
      <c r="J2242" s="46">
        <v>6.9</v>
      </c>
      <c r="K2242" s="46">
        <v>-9.4</v>
      </c>
      <c r="L2242" s="59">
        <v>0</v>
      </c>
    </row>
    <row r="2243" spans="2:12" ht="21.6" x14ac:dyDescent="0.2">
      <c r="B2243" s="77"/>
      <c r="C2243" s="39" t="s">
        <v>41</v>
      </c>
      <c r="D2243" s="45">
        <v>30</v>
      </c>
      <c r="E2243" s="46">
        <v>3.3</v>
      </c>
      <c r="F2243" s="46">
        <v>13.3</v>
      </c>
      <c r="G2243" s="46">
        <v>40</v>
      </c>
      <c r="H2243" s="46">
        <v>20</v>
      </c>
      <c r="I2243" s="46">
        <v>3.3</v>
      </c>
      <c r="J2243" s="46">
        <v>20</v>
      </c>
      <c r="K2243" s="46">
        <v>-4.2</v>
      </c>
      <c r="L2243" s="59">
        <v>0</v>
      </c>
    </row>
    <row r="2244" spans="2:12" ht="21.6" x14ac:dyDescent="0.2">
      <c r="B2244" s="77"/>
      <c r="C2244" s="39" t="s">
        <v>42</v>
      </c>
      <c r="D2244" s="45">
        <v>336</v>
      </c>
      <c r="E2244" s="46">
        <v>3</v>
      </c>
      <c r="F2244" s="46">
        <v>17.600000000000001</v>
      </c>
      <c r="G2244" s="46">
        <v>50.9</v>
      </c>
      <c r="H2244" s="46">
        <v>16.399999999999999</v>
      </c>
      <c r="I2244" s="46">
        <v>3</v>
      </c>
      <c r="J2244" s="46">
        <v>9.1999999999999993</v>
      </c>
      <c r="K2244" s="46">
        <v>0.7</v>
      </c>
      <c r="L2244" s="59">
        <v>0</v>
      </c>
    </row>
    <row r="2245" spans="2:12" ht="21.6" x14ac:dyDescent="0.2">
      <c r="B2245" s="77"/>
      <c r="C2245" s="39" t="s">
        <v>43</v>
      </c>
      <c r="D2245" s="45">
        <v>327</v>
      </c>
      <c r="E2245" s="46">
        <v>0.6</v>
      </c>
      <c r="F2245" s="46">
        <v>14.7</v>
      </c>
      <c r="G2245" s="46">
        <v>51.1</v>
      </c>
      <c r="H2245" s="46">
        <v>15.9</v>
      </c>
      <c r="I2245" s="46">
        <v>7.3</v>
      </c>
      <c r="J2245" s="46">
        <v>10.4</v>
      </c>
      <c r="K2245" s="46">
        <v>-8.1999999999999993</v>
      </c>
      <c r="L2245" s="59">
        <v>0</v>
      </c>
    </row>
    <row r="2246" spans="2:12" ht="21.6" x14ac:dyDescent="0.2">
      <c r="B2246" s="77"/>
      <c r="C2246" s="39" t="s">
        <v>44</v>
      </c>
      <c r="D2246" s="45">
        <v>181</v>
      </c>
      <c r="E2246" s="46">
        <v>1.7</v>
      </c>
      <c r="F2246" s="46">
        <v>13.8</v>
      </c>
      <c r="G2246" s="46">
        <v>48.6</v>
      </c>
      <c r="H2246" s="46">
        <v>23.2</v>
      </c>
      <c r="I2246" s="46">
        <v>6.1</v>
      </c>
      <c r="J2246" s="46">
        <v>6.6</v>
      </c>
      <c r="K2246" s="46">
        <v>-9.8000000000000007</v>
      </c>
      <c r="L2246" s="59">
        <v>0</v>
      </c>
    </row>
    <row r="2247" spans="2:12" ht="21.6" x14ac:dyDescent="0.2">
      <c r="B2247" s="77"/>
      <c r="C2247" s="39" t="s">
        <v>45</v>
      </c>
      <c r="D2247" s="45">
        <v>565</v>
      </c>
      <c r="E2247" s="46">
        <v>1.6</v>
      </c>
      <c r="F2247" s="46">
        <v>15.6</v>
      </c>
      <c r="G2247" s="46">
        <v>47.1</v>
      </c>
      <c r="H2247" s="46">
        <v>14.9</v>
      </c>
      <c r="I2247" s="46">
        <v>7.3</v>
      </c>
      <c r="J2247" s="46">
        <v>13.6</v>
      </c>
      <c r="K2247" s="46">
        <v>-6.1</v>
      </c>
      <c r="L2247" s="59">
        <v>0</v>
      </c>
    </row>
    <row r="2248" spans="2:12" ht="21.6" x14ac:dyDescent="0.2">
      <c r="B2248" s="77"/>
      <c r="C2248" s="39" t="s">
        <v>46</v>
      </c>
      <c r="D2248" s="45">
        <v>473</v>
      </c>
      <c r="E2248" s="46">
        <v>1.9</v>
      </c>
      <c r="F2248" s="46">
        <v>15.6</v>
      </c>
      <c r="G2248" s="46">
        <v>46.5</v>
      </c>
      <c r="H2248" s="46">
        <v>17.5</v>
      </c>
      <c r="I2248" s="46">
        <v>9.5</v>
      </c>
      <c r="J2248" s="46">
        <v>8.9</v>
      </c>
      <c r="K2248" s="46">
        <v>-9.4</v>
      </c>
      <c r="L2248" s="59">
        <v>0</v>
      </c>
    </row>
    <row r="2249" spans="2:12" ht="21.6" x14ac:dyDescent="0.2">
      <c r="B2249" s="77"/>
      <c r="C2249" s="39" t="s">
        <v>47</v>
      </c>
      <c r="D2249" s="45">
        <v>441</v>
      </c>
      <c r="E2249" s="46">
        <v>1.8</v>
      </c>
      <c r="F2249" s="46">
        <v>16.100000000000001</v>
      </c>
      <c r="G2249" s="46">
        <v>51.9</v>
      </c>
      <c r="H2249" s="46">
        <v>17.899999999999999</v>
      </c>
      <c r="I2249" s="46">
        <v>7</v>
      </c>
      <c r="J2249" s="46">
        <v>5.2</v>
      </c>
      <c r="K2249" s="46">
        <v>-6.5</v>
      </c>
      <c r="L2249" s="59">
        <v>0</v>
      </c>
    </row>
    <row r="2250" spans="2:12" ht="21.6" x14ac:dyDescent="0.2">
      <c r="B2250" s="77"/>
      <c r="C2250" s="39" t="s">
        <v>48</v>
      </c>
      <c r="D2250" s="45">
        <v>305</v>
      </c>
      <c r="E2250" s="46">
        <v>2</v>
      </c>
      <c r="F2250" s="46">
        <v>13.4</v>
      </c>
      <c r="G2250" s="46">
        <v>54.8</v>
      </c>
      <c r="H2250" s="46">
        <v>20.3</v>
      </c>
      <c r="I2250" s="46">
        <v>4.5999999999999996</v>
      </c>
      <c r="J2250" s="46">
        <v>4.9000000000000004</v>
      </c>
      <c r="K2250" s="46">
        <v>-6.4</v>
      </c>
      <c r="L2250" s="59">
        <v>0</v>
      </c>
    </row>
    <row r="2251" spans="2:12" ht="21.6" x14ac:dyDescent="0.2">
      <c r="B2251" s="77"/>
      <c r="C2251" s="39" t="s">
        <v>49</v>
      </c>
      <c r="D2251" s="45">
        <v>223</v>
      </c>
      <c r="E2251" s="46">
        <v>1.3</v>
      </c>
      <c r="F2251" s="46">
        <v>15.7</v>
      </c>
      <c r="G2251" s="46">
        <v>56.1</v>
      </c>
      <c r="H2251" s="46">
        <v>16.600000000000001</v>
      </c>
      <c r="I2251" s="46">
        <v>5.4</v>
      </c>
      <c r="J2251" s="46">
        <v>4.9000000000000004</v>
      </c>
      <c r="K2251" s="46">
        <v>-4.7</v>
      </c>
      <c r="L2251" s="59">
        <v>0</v>
      </c>
    </row>
    <row r="2252" spans="2:12" ht="21.6" x14ac:dyDescent="0.2">
      <c r="B2252" s="77"/>
      <c r="C2252" s="39" t="s">
        <v>50</v>
      </c>
      <c r="D2252" s="45">
        <v>123</v>
      </c>
      <c r="E2252" s="46">
        <v>1.6</v>
      </c>
      <c r="F2252" s="46">
        <v>18.7</v>
      </c>
      <c r="G2252" s="46">
        <v>57.7</v>
      </c>
      <c r="H2252" s="46">
        <v>12.2</v>
      </c>
      <c r="I2252" s="46">
        <v>4.0999999999999996</v>
      </c>
      <c r="J2252" s="46">
        <v>5.7</v>
      </c>
      <c r="K2252" s="46">
        <v>0.9</v>
      </c>
      <c r="L2252" s="59">
        <v>0</v>
      </c>
    </row>
    <row r="2253" spans="2:12" ht="21.6" x14ac:dyDescent="0.2">
      <c r="B2253" s="77"/>
      <c r="C2253" s="39" t="s">
        <v>51</v>
      </c>
      <c r="D2253" s="45">
        <v>124</v>
      </c>
      <c r="E2253" s="46">
        <v>4</v>
      </c>
      <c r="F2253" s="46">
        <v>21.8</v>
      </c>
      <c r="G2253" s="46">
        <v>54</v>
      </c>
      <c r="H2253" s="46">
        <v>10.5</v>
      </c>
      <c r="I2253" s="46">
        <v>4</v>
      </c>
      <c r="J2253" s="46">
        <v>5.6</v>
      </c>
      <c r="K2253" s="46">
        <v>6</v>
      </c>
      <c r="L2253" s="59">
        <v>0</v>
      </c>
    </row>
    <row r="2254" spans="2:12" ht="21.6" x14ac:dyDescent="0.2">
      <c r="B2254" s="77"/>
      <c r="C2254" s="39" t="s">
        <v>52</v>
      </c>
      <c r="D2254" s="45">
        <v>312</v>
      </c>
      <c r="E2254" s="46">
        <v>1.9</v>
      </c>
      <c r="F2254" s="46">
        <v>13.1</v>
      </c>
      <c r="G2254" s="46">
        <v>50.6</v>
      </c>
      <c r="H2254" s="46">
        <v>17.600000000000001</v>
      </c>
      <c r="I2254" s="46">
        <v>7.1</v>
      </c>
      <c r="J2254" s="46">
        <v>9.6</v>
      </c>
      <c r="K2254" s="46">
        <v>-8.1999999999999993</v>
      </c>
      <c r="L2254" s="59">
        <v>0</v>
      </c>
    </row>
    <row r="2255" spans="2:12" x14ac:dyDescent="0.2">
      <c r="B2255" s="77"/>
      <c r="C2255" s="39" t="s">
        <v>53</v>
      </c>
      <c r="D2255" s="45">
        <v>269</v>
      </c>
      <c r="E2255" s="46">
        <v>1.1000000000000001</v>
      </c>
      <c r="F2255" s="46">
        <v>14.9</v>
      </c>
      <c r="G2255" s="46">
        <v>51.3</v>
      </c>
      <c r="H2255" s="46">
        <v>17.8</v>
      </c>
      <c r="I2255" s="46">
        <v>5.6</v>
      </c>
      <c r="J2255" s="46">
        <v>9.3000000000000007</v>
      </c>
      <c r="K2255" s="46">
        <v>-6.6</v>
      </c>
      <c r="L2255" s="59">
        <v>0</v>
      </c>
    </row>
    <row r="2256" spans="2:12" ht="21.6" x14ac:dyDescent="0.2">
      <c r="B2256" s="77"/>
      <c r="C2256" s="39" t="s">
        <v>54</v>
      </c>
      <c r="D2256" s="45">
        <v>511</v>
      </c>
      <c r="E2256" s="46">
        <v>2</v>
      </c>
      <c r="F2256" s="46">
        <v>16.399999999999999</v>
      </c>
      <c r="G2256" s="46">
        <v>50.5</v>
      </c>
      <c r="H2256" s="46">
        <v>18</v>
      </c>
      <c r="I2256" s="46">
        <v>5.3</v>
      </c>
      <c r="J2256" s="46">
        <v>7.8</v>
      </c>
      <c r="K2256" s="46">
        <v>-4.5</v>
      </c>
      <c r="L2256" s="59">
        <v>0</v>
      </c>
    </row>
    <row r="2257" spans="1:25" ht="21.6" x14ac:dyDescent="0.2">
      <c r="B2257" s="77"/>
      <c r="C2257" s="39" t="s">
        <v>55</v>
      </c>
      <c r="D2257" s="45">
        <v>615</v>
      </c>
      <c r="E2257" s="46">
        <v>1.8</v>
      </c>
      <c r="F2257" s="46">
        <v>18.399999999999999</v>
      </c>
      <c r="G2257" s="46">
        <v>50.4</v>
      </c>
      <c r="H2257" s="46">
        <v>15.8</v>
      </c>
      <c r="I2257" s="46">
        <v>6.8</v>
      </c>
      <c r="J2257" s="46">
        <v>6.8</v>
      </c>
      <c r="K2257" s="46">
        <v>-4</v>
      </c>
      <c r="L2257" s="59">
        <v>0</v>
      </c>
    </row>
    <row r="2258" spans="1:25" ht="21.6" x14ac:dyDescent="0.2">
      <c r="B2258" s="77"/>
      <c r="C2258" s="39" t="s">
        <v>56</v>
      </c>
      <c r="D2258" s="45">
        <v>800</v>
      </c>
      <c r="E2258" s="46">
        <v>2</v>
      </c>
      <c r="F2258" s="46">
        <v>19.3</v>
      </c>
      <c r="G2258" s="46">
        <v>48</v>
      </c>
      <c r="H2258" s="46">
        <v>15.4</v>
      </c>
      <c r="I2258" s="46">
        <v>6.8</v>
      </c>
      <c r="J2258" s="46">
        <v>8.6</v>
      </c>
      <c r="K2258" s="46">
        <v>-3.1</v>
      </c>
      <c r="L2258" s="59">
        <v>0</v>
      </c>
    </row>
    <row r="2259" spans="1:25" x14ac:dyDescent="0.2">
      <c r="B2259" s="77"/>
      <c r="C2259" s="40" t="s">
        <v>57</v>
      </c>
      <c r="D2259" s="48">
        <v>798</v>
      </c>
      <c r="E2259" s="49">
        <v>1.5</v>
      </c>
      <c r="F2259" s="49">
        <v>12.7</v>
      </c>
      <c r="G2259" s="49">
        <v>52.6</v>
      </c>
      <c r="H2259" s="49">
        <v>19</v>
      </c>
      <c r="I2259" s="49">
        <v>6.4</v>
      </c>
      <c r="J2259" s="49">
        <v>7.8</v>
      </c>
      <c r="K2259" s="49">
        <v>-8.8000000000000007</v>
      </c>
      <c r="L2259" s="60">
        <v>0</v>
      </c>
    </row>
    <row r="2260" spans="1:25" x14ac:dyDescent="0.2">
      <c r="B2260" s="7" t="s">
        <v>71</v>
      </c>
      <c r="C2260" s="4" t="s">
        <v>132</v>
      </c>
    </row>
    <row r="2261" spans="1:25" x14ac:dyDescent="0.2">
      <c r="B2261" s="4"/>
      <c r="C2261" s="4" t="s">
        <v>73</v>
      </c>
    </row>
    <row r="2263" spans="1:25" x14ac:dyDescent="0.2">
      <c r="C2263" t="s">
        <v>35</v>
      </c>
    </row>
    <row r="2264" spans="1:25" x14ac:dyDescent="0.2">
      <c r="B2264" s="75" t="s">
        <v>300</v>
      </c>
      <c r="C2264" s="76"/>
      <c r="D2264" s="76"/>
      <c r="E2264" s="76"/>
      <c r="F2264" s="76"/>
      <c r="G2264" s="76"/>
      <c r="H2264" s="76"/>
      <c r="I2264" s="76"/>
      <c r="J2264" s="76"/>
      <c r="K2264" s="76"/>
      <c r="L2264" s="76"/>
      <c r="M2264" s="76"/>
      <c r="N2264" s="76"/>
      <c r="O2264" s="76"/>
      <c r="P2264" s="76"/>
      <c r="Q2264" s="76"/>
      <c r="R2264" s="76"/>
      <c r="S2264" s="76"/>
      <c r="T2264" s="76"/>
      <c r="U2264" s="76"/>
      <c r="V2264" s="76"/>
      <c r="W2264" s="76"/>
      <c r="X2264" s="76"/>
      <c r="Y2264" s="76"/>
    </row>
    <row r="2265" spans="1:25" s="32" customFormat="1" ht="47.25" customHeight="1" x14ac:dyDescent="0.15">
      <c r="A2265" s="31"/>
      <c r="D2265" s="33" t="s">
        <v>378</v>
      </c>
      <c r="E2265" s="36" t="s">
        <v>545</v>
      </c>
      <c r="F2265" s="55" t="s">
        <v>546</v>
      </c>
      <c r="G2265" s="55" t="s">
        <v>521</v>
      </c>
      <c r="H2265" s="55" t="s">
        <v>547</v>
      </c>
      <c r="I2265" s="55" t="s">
        <v>548</v>
      </c>
      <c r="J2265" s="55" t="s">
        <v>480</v>
      </c>
      <c r="K2265" s="56" t="s">
        <v>387</v>
      </c>
      <c r="L2265" s="57" t="s">
        <v>388</v>
      </c>
      <c r="M2265" s="54" t="s">
        <v>381</v>
      </c>
    </row>
    <row r="2266" spans="1:25" ht="21.6" x14ac:dyDescent="0.2">
      <c r="B2266" s="77" t="s">
        <v>37</v>
      </c>
      <c r="C2266" s="38" t="s">
        <v>58</v>
      </c>
      <c r="D2266" s="51">
        <v>609</v>
      </c>
      <c r="E2266" s="52">
        <v>1.8</v>
      </c>
      <c r="F2266" s="52">
        <v>21</v>
      </c>
      <c r="G2266" s="52">
        <v>46</v>
      </c>
      <c r="H2266" s="52">
        <v>16.3</v>
      </c>
      <c r="I2266" s="52">
        <v>6.6</v>
      </c>
      <c r="J2266" s="52">
        <v>8.4</v>
      </c>
      <c r="K2266" s="52">
        <v>-2.6</v>
      </c>
      <c r="L2266" s="61">
        <v>0</v>
      </c>
    </row>
    <row r="2267" spans="1:25" ht="21.6" x14ac:dyDescent="0.2">
      <c r="B2267" s="77"/>
      <c r="C2267" s="39" t="s">
        <v>59</v>
      </c>
      <c r="D2267" s="45">
        <v>1391</v>
      </c>
      <c r="E2267" s="46">
        <v>1.7</v>
      </c>
      <c r="F2267" s="46">
        <v>12.8</v>
      </c>
      <c r="G2267" s="46">
        <v>51.8</v>
      </c>
      <c r="H2267" s="46">
        <v>16.600000000000001</v>
      </c>
      <c r="I2267" s="46">
        <v>6.5</v>
      </c>
      <c r="J2267" s="46">
        <v>10.6</v>
      </c>
      <c r="K2267" s="46">
        <v>-7.6</v>
      </c>
      <c r="L2267" s="59">
        <v>0</v>
      </c>
    </row>
    <row r="2268" spans="1:25" x14ac:dyDescent="0.2">
      <c r="B2268" s="77"/>
      <c r="C2268" s="39" t="s">
        <v>60</v>
      </c>
      <c r="D2268" s="45">
        <v>1325</v>
      </c>
      <c r="E2268" s="46">
        <v>1.8</v>
      </c>
      <c r="F2268" s="46">
        <v>16.100000000000001</v>
      </c>
      <c r="G2268" s="46">
        <v>50.2</v>
      </c>
      <c r="H2268" s="46">
        <v>16</v>
      </c>
      <c r="I2268" s="46">
        <v>6.1</v>
      </c>
      <c r="J2268" s="46">
        <v>9.8000000000000007</v>
      </c>
      <c r="K2268" s="46">
        <v>-4.7</v>
      </c>
      <c r="L2268" s="59">
        <v>0</v>
      </c>
    </row>
    <row r="2269" spans="1:25" x14ac:dyDescent="0.2">
      <c r="B2269" s="77"/>
      <c r="C2269" s="39" t="s">
        <v>61</v>
      </c>
      <c r="D2269" s="45">
        <v>675</v>
      </c>
      <c r="E2269" s="46">
        <v>1.5</v>
      </c>
      <c r="F2269" s="46">
        <v>13.8</v>
      </c>
      <c r="G2269" s="46">
        <v>49.8</v>
      </c>
      <c r="H2269" s="46">
        <v>17.5</v>
      </c>
      <c r="I2269" s="46">
        <v>7.4</v>
      </c>
      <c r="J2269" s="46">
        <v>10.1</v>
      </c>
      <c r="K2269" s="46">
        <v>-8.6</v>
      </c>
      <c r="L2269" s="59">
        <v>0</v>
      </c>
    </row>
    <row r="2270" spans="1:25" x14ac:dyDescent="0.2">
      <c r="B2270" s="77"/>
      <c r="C2270" s="39" t="s">
        <v>62</v>
      </c>
      <c r="D2270" s="45">
        <v>1086</v>
      </c>
      <c r="E2270" s="46">
        <v>1.7</v>
      </c>
      <c r="F2270" s="46">
        <v>15</v>
      </c>
      <c r="G2270" s="46">
        <v>52.2</v>
      </c>
      <c r="H2270" s="46">
        <v>17.399999999999999</v>
      </c>
      <c r="I2270" s="46">
        <v>6.1</v>
      </c>
      <c r="J2270" s="46">
        <v>7.6</v>
      </c>
      <c r="K2270" s="46">
        <v>-6.1</v>
      </c>
      <c r="L2270" s="59">
        <v>0</v>
      </c>
    </row>
    <row r="2271" spans="1:25" ht="21.6" x14ac:dyDescent="0.2">
      <c r="B2271" s="77"/>
      <c r="C2271" s="39" t="s">
        <v>63</v>
      </c>
      <c r="D2271" s="45">
        <v>203</v>
      </c>
      <c r="E2271" s="46">
        <v>3.9</v>
      </c>
      <c r="F2271" s="46">
        <v>21.2</v>
      </c>
      <c r="G2271" s="46">
        <v>47.8</v>
      </c>
      <c r="H2271" s="46">
        <v>10.3</v>
      </c>
      <c r="I2271" s="46">
        <v>4.4000000000000004</v>
      </c>
      <c r="J2271" s="46">
        <v>12.3</v>
      </c>
      <c r="K2271" s="46">
        <v>5.6</v>
      </c>
      <c r="L2271" s="59">
        <v>0</v>
      </c>
    </row>
    <row r="2272" spans="1:25" x14ac:dyDescent="0.2">
      <c r="B2272" s="77"/>
      <c r="C2272" s="39" t="s">
        <v>64</v>
      </c>
      <c r="D2272" s="45">
        <v>263</v>
      </c>
      <c r="E2272" s="46">
        <v>2.7</v>
      </c>
      <c r="F2272" s="46">
        <v>17.5</v>
      </c>
      <c r="G2272" s="46">
        <v>49.4</v>
      </c>
      <c r="H2272" s="46">
        <v>16.7</v>
      </c>
      <c r="I2272" s="46">
        <v>5.3</v>
      </c>
      <c r="J2272" s="46">
        <v>8.4</v>
      </c>
      <c r="K2272" s="46">
        <v>-2.5</v>
      </c>
      <c r="L2272" s="59">
        <v>0</v>
      </c>
    </row>
    <row r="2273" spans="2:12" x14ac:dyDescent="0.2">
      <c r="B2273" s="77"/>
      <c r="C2273" s="39" t="s">
        <v>65</v>
      </c>
      <c r="D2273" s="45">
        <v>312</v>
      </c>
      <c r="E2273" s="46">
        <v>1</v>
      </c>
      <c r="F2273" s="46">
        <v>13.1</v>
      </c>
      <c r="G2273" s="46">
        <v>53.8</v>
      </c>
      <c r="H2273" s="46">
        <v>19.600000000000001</v>
      </c>
      <c r="I2273" s="46">
        <v>5.0999999999999996</v>
      </c>
      <c r="J2273" s="46">
        <v>7.4</v>
      </c>
      <c r="K2273" s="46">
        <v>-8</v>
      </c>
      <c r="L2273" s="59">
        <v>0</v>
      </c>
    </row>
    <row r="2274" spans="2:12" x14ac:dyDescent="0.2">
      <c r="B2274" s="77"/>
      <c r="C2274" s="39" t="s">
        <v>66</v>
      </c>
      <c r="D2274" s="45">
        <v>230</v>
      </c>
      <c r="E2274" s="46">
        <v>0</v>
      </c>
      <c r="F2274" s="46">
        <v>10.4</v>
      </c>
      <c r="G2274" s="46">
        <v>57.4</v>
      </c>
      <c r="H2274" s="46">
        <v>19.600000000000001</v>
      </c>
      <c r="I2274" s="46">
        <v>7.8</v>
      </c>
      <c r="J2274" s="46">
        <v>4.8</v>
      </c>
      <c r="K2274" s="46">
        <v>-13</v>
      </c>
      <c r="L2274" s="59">
        <v>0</v>
      </c>
    </row>
    <row r="2275" spans="2:12" x14ac:dyDescent="0.2">
      <c r="B2275" s="77"/>
      <c r="C2275" s="39" t="s">
        <v>67</v>
      </c>
      <c r="D2275" s="45">
        <v>78</v>
      </c>
      <c r="E2275" s="46">
        <v>0</v>
      </c>
      <c r="F2275" s="46">
        <v>11.5</v>
      </c>
      <c r="G2275" s="46">
        <v>51.3</v>
      </c>
      <c r="H2275" s="46">
        <v>23.1</v>
      </c>
      <c r="I2275" s="46">
        <v>11.5</v>
      </c>
      <c r="J2275" s="46">
        <v>2.6</v>
      </c>
      <c r="K2275" s="46">
        <v>-17.8</v>
      </c>
      <c r="L2275" s="59">
        <v>0</v>
      </c>
    </row>
    <row r="2276" spans="2:12" x14ac:dyDescent="0.2">
      <c r="B2276" s="77"/>
      <c r="C2276" s="39" t="s">
        <v>68</v>
      </c>
      <c r="D2276" s="45">
        <v>897</v>
      </c>
      <c r="E2276" s="46">
        <v>1.9</v>
      </c>
      <c r="F2276" s="46">
        <v>16.2</v>
      </c>
      <c r="G2276" s="46">
        <v>52.7</v>
      </c>
      <c r="H2276" s="46">
        <v>16.399999999999999</v>
      </c>
      <c r="I2276" s="46">
        <v>5.7</v>
      </c>
      <c r="J2276" s="46">
        <v>7.1</v>
      </c>
      <c r="K2276" s="46">
        <v>-4.2</v>
      </c>
      <c r="L2276" s="59">
        <v>0</v>
      </c>
    </row>
    <row r="2277" spans="2:12" x14ac:dyDescent="0.2">
      <c r="B2277" s="77"/>
      <c r="C2277" s="39" t="s">
        <v>69</v>
      </c>
      <c r="D2277" s="45">
        <v>189</v>
      </c>
      <c r="E2277" s="46">
        <v>0.5</v>
      </c>
      <c r="F2277" s="46">
        <v>9.5</v>
      </c>
      <c r="G2277" s="46">
        <v>49.7</v>
      </c>
      <c r="H2277" s="46">
        <v>22.2</v>
      </c>
      <c r="I2277" s="46">
        <v>7.9</v>
      </c>
      <c r="J2277" s="46">
        <v>10.1</v>
      </c>
      <c r="K2277" s="46">
        <v>-15.3</v>
      </c>
      <c r="L2277" s="59">
        <v>0</v>
      </c>
    </row>
    <row r="2278" spans="2:12" x14ac:dyDescent="0.2">
      <c r="B2278" s="77"/>
      <c r="C2278" s="39" t="s">
        <v>70</v>
      </c>
      <c r="D2278" s="45">
        <v>914</v>
      </c>
      <c r="E2278" s="46">
        <v>1.8</v>
      </c>
      <c r="F2278" s="46">
        <v>15.6</v>
      </c>
      <c r="G2278" s="46">
        <v>47.5</v>
      </c>
      <c r="H2278" s="46">
        <v>15.4</v>
      </c>
      <c r="I2278" s="46">
        <v>7.1</v>
      </c>
      <c r="J2278" s="46">
        <v>12.6</v>
      </c>
      <c r="K2278" s="46">
        <v>-6</v>
      </c>
      <c r="L2278" s="59">
        <v>0</v>
      </c>
    </row>
    <row r="2279" spans="2:12" ht="21.6" x14ac:dyDescent="0.2">
      <c r="B2279" s="77"/>
      <c r="C2279" s="39" t="s">
        <v>63</v>
      </c>
      <c r="D2279" s="45">
        <v>193</v>
      </c>
      <c r="E2279" s="46">
        <v>3.6</v>
      </c>
      <c r="F2279" s="46">
        <v>26.4</v>
      </c>
      <c r="G2279" s="46">
        <v>36.799999999999997</v>
      </c>
      <c r="H2279" s="46">
        <v>14</v>
      </c>
      <c r="I2279" s="46">
        <v>2.6</v>
      </c>
      <c r="J2279" s="46">
        <v>16.600000000000001</v>
      </c>
      <c r="K2279" s="46">
        <v>8.6999999999999993</v>
      </c>
      <c r="L2279" s="59">
        <v>0</v>
      </c>
    </row>
    <row r="2280" spans="2:12" x14ac:dyDescent="0.2">
      <c r="B2280" s="77"/>
      <c r="C2280" s="39" t="s">
        <v>64</v>
      </c>
      <c r="D2280" s="45">
        <v>203</v>
      </c>
      <c r="E2280" s="46">
        <v>1.5</v>
      </c>
      <c r="F2280" s="46">
        <v>16.3</v>
      </c>
      <c r="G2280" s="46">
        <v>46.3</v>
      </c>
      <c r="H2280" s="46">
        <v>13.8</v>
      </c>
      <c r="I2280" s="46">
        <v>8.9</v>
      </c>
      <c r="J2280" s="46">
        <v>13.3</v>
      </c>
      <c r="K2280" s="46">
        <v>-7.1</v>
      </c>
      <c r="L2280" s="59">
        <v>0</v>
      </c>
    </row>
    <row r="2281" spans="2:12" x14ac:dyDescent="0.2">
      <c r="B2281" s="77"/>
      <c r="C2281" s="39" t="s">
        <v>65</v>
      </c>
      <c r="D2281" s="45">
        <v>263</v>
      </c>
      <c r="E2281" s="46">
        <v>0.8</v>
      </c>
      <c r="F2281" s="46">
        <v>14.8</v>
      </c>
      <c r="G2281" s="46">
        <v>54</v>
      </c>
      <c r="H2281" s="46">
        <v>14.1</v>
      </c>
      <c r="I2281" s="46">
        <v>6.1</v>
      </c>
      <c r="J2281" s="46">
        <v>10.3</v>
      </c>
      <c r="K2281" s="46">
        <v>-5.5</v>
      </c>
      <c r="L2281" s="59">
        <v>0</v>
      </c>
    </row>
    <row r="2282" spans="2:12" x14ac:dyDescent="0.2">
      <c r="B2282" s="77"/>
      <c r="C2282" s="39" t="s">
        <v>66</v>
      </c>
      <c r="D2282" s="45">
        <v>194</v>
      </c>
      <c r="E2282" s="46">
        <v>2.1</v>
      </c>
      <c r="F2282" s="46">
        <v>8.8000000000000007</v>
      </c>
      <c r="G2282" s="46">
        <v>51</v>
      </c>
      <c r="H2282" s="46">
        <v>18</v>
      </c>
      <c r="I2282" s="46">
        <v>8.1999999999999993</v>
      </c>
      <c r="J2282" s="46">
        <v>11.9</v>
      </c>
      <c r="K2282" s="46">
        <v>-12.3</v>
      </c>
      <c r="L2282" s="59">
        <v>0</v>
      </c>
    </row>
    <row r="2283" spans="2:12" x14ac:dyDescent="0.2">
      <c r="B2283" s="77"/>
      <c r="C2283" s="39" t="s">
        <v>67</v>
      </c>
      <c r="D2283" s="45">
        <v>61</v>
      </c>
      <c r="E2283" s="46">
        <v>0</v>
      </c>
      <c r="F2283" s="46">
        <v>4.9000000000000004</v>
      </c>
      <c r="G2283" s="46">
        <v>45.9</v>
      </c>
      <c r="H2283" s="46">
        <v>23</v>
      </c>
      <c r="I2283" s="46">
        <v>16.399999999999999</v>
      </c>
      <c r="J2283" s="46">
        <v>9.8000000000000007</v>
      </c>
      <c r="K2283" s="46">
        <v>-28.2</v>
      </c>
      <c r="L2283" s="59">
        <v>0</v>
      </c>
    </row>
    <row r="2284" spans="2:12" x14ac:dyDescent="0.2">
      <c r="B2284" s="77"/>
      <c r="C2284" s="39" t="s">
        <v>68</v>
      </c>
      <c r="D2284" s="45">
        <v>416</v>
      </c>
      <c r="E2284" s="46">
        <v>1.4</v>
      </c>
      <c r="F2284" s="46">
        <v>20</v>
      </c>
      <c r="G2284" s="46">
        <v>45</v>
      </c>
      <c r="H2284" s="46">
        <v>16.600000000000001</v>
      </c>
      <c r="I2284" s="46">
        <v>4.5999999999999996</v>
      </c>
      <c r="J2284" s="46">
        <v>12.5</v>
      </c>
      <c r="K2284" s="46">
        <v>-1.6</v>
      </c>
      <c r="L2284" s="59">
        <v>0</v>
      </c>
    </row>
    <row r="2285" spans="2:12" x14ac:dyDescent="0.2">
      <c r="B2285" s="77"/>
      <c r="C2285" s="40" t="s">
        <v>69</v>
      </c>
      <c r="D2285" s="48">
        <v>498</v>
      </c>
      <c r="E2285" s="49">
        <v>2</v>
      </c>
      <c r="F2285" s="49">
        <v>12</v>
      </c>
      <c r="G2285" s="49">
        <v>49.6</v>
      </c>
      <c r="H2285" s="49">
        <v>14.5</v>
      </c>
      <c r="I2285" s="49">
        <v>9.1999999999999993</v>
      </c>
      <c r="J2285" s="49">
        <v>12.7</v>
      </c>
      <c r="K2285" s="49">
        <v>-9.6999999999999993</v>
      </c>
      <c r="L2285" s="60">
        <v>0</v>
      </c>
    </row>
    <row r="2286" spans="2:12" x14ac:dyDescent="0.2">
      <c r="B2286" s="7" t="s">
        <v>71</v>
      </c>
      <c r="C2286" s="4" t="s">
        <v>132</v>
      </c>
    </row>
    <row r="2287" spans="2:12" x14ac:dyDescent="0.2">
      <c r="B2287" s="4"/>
      <c r="C2287" s="4" t="s">
        <v>73</v>
      </c>
    </row>
    <row r="2289" spans="1:25" x14ac:dyDescent="0.2">
      <c r="A2289" s="26" t="s">
        <v>25</v>
      </c>
      <c r="B2289" t="s">
        <v>35</v>
      </c>
      <c r="C2289" t="s">
        <v>35</v>
      </c>
    </row>
    <row r="2290" spans="1:25" x14ac:dyDescent="0.2">
      <c r="B2290" s="75" t="s">
        <v>133</v>
      </c>
      <c r="C2290" s="76"/>
      <c r="D2290" s="76"/>
      <c r="E2290" s="76"/>
      <c r="F2290" s="76"/>
      <c r="G2290" s="76"/>
      <c r="H2290" s="76"/>
      <c r="I2290" s="76"/>
      <c r="J2290" s="76"/>
      <c r="K2290" s="76"/>
      <c r="L2290" s="76"/>
      <c r="M2290" s="76"/>
      <c r="N2290" s="76"/>
      <c r="O2290" s="76"/>
      <c r="P2290" s="76"/>
      <c r="Q2290" s="76"/>
      <c r="R2290" s="76"/>
      <c r="S2290" s="76"/>
      <c r="T2290" s="76"/>
      <c r="U2290" s="76"/>
      <c r="V2290" s="76"/>
      <c r="W2290" s="76"/>
      <c r="X2290" s="76"/>
      <c r="Y2290" s="76"/>
    </row>
    <row r="2291" spans="1:25" s="32" customFormat="1" ht="36.450000000000003" customHeight="1" x14ac:dyDescent="0.15">
      <c r="A2291" s="31"/>
      <c r="D2291" s="33" t="s">
        <v>378</v>
      </c>
      <c r="E2291" s="36" t="s">
        <v>549</v>
      </c>
      <c r="F2291" s="55" t="s">
        <v>525</v>
      </c>
      <c r="G2291" s="55" t="s">
        <v>550</v>
      </c>
      <c r="H2291" s="37" t="s">
        <v>480</v>
      </c>
      <c r="I2291" s="35" t="s">
        <v>381</v>
      </c>
    </row>
    <row r="2292" spans="1:25" x14ac:dyDescent="0.2">
      <c r="B2292" s="5"/>
      <c r="C2292" s="41" t="s">
        <v>38</v>
      </c>
      <c r="D2292" s="42">
        <v>2000</v>
      </c>
      <c r="E2292" s="43">
        <v>17</v>
      </c>
      <c r="F2292" s="43">
        <v>50.1</v>
      </c>
      <c r="G2292" s="43">
        <v>23.1</v>
      </c>
      <c r="H2292" s="44">
        <v>9.9</v>
      </c>
    </row>
    <row r="2293" spans="1:25" x14ac:dyDescent="0.2">
      <c r="B2293" s="77" t="s">
        <v>37</v>
      </c>
      <c r="C2293" s="39" t="s">
        <v>39</v>
      </c>
      <c r="D2293" s="45">
        <v>111</v>
      </c>
      <c r="E2293" s="46">
        <v>20.7</v>
      </c>
      <c r="F2293" s="46">
        <v>53.2</v>
      </c>
      <c r="G2293" s="46">
        <v>19.8</v>
      </c>
      <c r="H2293" s="47">
        <v>6.3</v>
      </c>
    </row>
    <row r="2294" spans="1:25" x14ac:dyDescent="0.2">
      <c r="B2294" s="77"/>
      <c r="C2294" s="39" t="s">
        <v>40</v>
      </c>
      <c r="D2294" s="45">
        <v>450</v>
      </c>
      <c r="E2294" s="46">
        <v>15.1</v>
      </c>
      <c r="F2294" s="46">
        <v>52.9</v>
      </c>
      <c r="G2294" s="46">
        <v>25.1</v>
      </c>
      <c r="H2294" s="47">
        <v>6.9</v>
      </c>
    </row>
    <row r="2295" spans="1:25" ht="21.6" x14ac:dyDescent="0.2">
      <c r="B2295" s="77"/>
      <c r="C2295" s="39" t="s">
        <v>41</v>
      </c>
      <c r="D2295" s="45">
        <v>30</v>
      </c>
      <c r="E2295" s="46">
        <v>16.7</v>
      </c>
      <c r="F2295" s="46">
        <v>40</v>
      </c>
      <c r="G2295" s="46">
        <v>23.3</v>
      </c>
      <c r="H2295" s="47">
        <v>20</v>
      </c>
    </row>
    <row r="2296" spans="1:25" ht="21.6" x14ac:dyDescent="0.2">
      <c r="B2296" s="77"/>
      <c r="C2296" s="39" t="s">
        <v>42</v>
      </c>
      <c r="D2296" s="45">
        <v>336</v>
      </c>
      <c r="E2296" s="46">
        <v>20.5</v>
      </c>
      <c r="F2296" s="46">
        <v>50.9</v>
      </c>
      <c r="G2296" s="46">
        <v>19.3</v>
      </c>
      <c r="H2296" s="47">
        <v>9.1999999999999993</v>
      </c>
    </row>
    <row r="2297" spans="1:25" ht="21.6" x14ac:dyDescent="0.2">
      <c r="B2297" s="77"/>
      <c r="C2297" s="39" t="s">
        <v>43</v>
      </c>
      <c r="D2297" s="45">
        <v>327</v>
      </c>
      <c r="E2297" s="46">
        <v>15.3</v>
      </c>
      <c r="F2297" s="46">
        <v>51.1</v>
      </c>
      <c r="G2297" s="46">
        <v>23.2</v>
      </c>
      <c r="H2297" s="47">
        <v>10.4</v>
      </c>
    </row>
    <row r="2298" spans="1:25" ht="21.6" x14ac:dyDescent="0.2">
      <c r="B2298" s="77"/>
      <c r="C2298" s="39" t="s">
        <v>44</v>
      </c>
      <c r="D2298" s="45">
        <v>181</v>
      </c>
      <c r="E2298" s="46">
        <v>15.5</v>
      </c>
      <c r="F2298" s="46">
        <v>48.6</v>
      </c>
      <c r="G2298" s="46">
        <v>29.3</v>
      </c>
      <c r="H2298" s="47">
        <v>6.6</v>
      </c>
    </row>
    <row r="2299" spans="1:25" ht="21.6" x14ac:dyDescent="0.2">
      <c r="B2299" s="77"/>
      <c r="C2299" s="39" t="s">
        <v>45</v>
      </c>
      <c r="D2299" s="45">
        <v>565</v>
      </c>
      <c r="E2299" s="46">
        <v>17.2</v>
      </c>
      <c r="F2299" s="46">
        <v>47.1</v>
      </c>
      <c r="G2299" s="46">
        <v>22.1</v>
      </c>
      <c r="H2299" s="47">
        <v>13.6</v>
      </c>
    </row>
    <row r="2300" spans="1:25" ht="21.6" x14ac:dyDescent="0.2">
      <c r="B2300" s="77"/>
      <c r="C2300" s="39" t="s">
        <v>46</v>
      </c>
      <c r="D2300" s="45">
        <v>473</v>
      </c>
      <c r="E2300" s="46">
        <v>17.5</v>
      </c>
      <c r="F2300" s="46">
        <v>46.5</v>
      </c>
      <c r="G2300" s="46">
        <v>27.1</v>
      </c>
      <c r="H2300" s="47">
        <v>8.9</v>
      </c>
    </row>
    <row r="2301" spans="1:25" ht="21.6" x14ac:dyDescent="0.2">
      <c r="B2301" s="77"/>
      <c r="C2301" s="39" t="s">
        <v>47</v>
      </c>
      <c r="D2301" s="45">
        <v>441</v>
      </c>
      <c r="E2301" s="46">
        <v>17.899999999999999</v>
      </c>
      <c r="F2301" s="46">
        <v>51.9</v>
      </c>
      <c r="G2301" s="46">
        <v>24.9</v>
      </c>
      <c r="H2301" s="47">
        <v>5.2</v>
      </c>
    </row>
    <row r="2302" spans="1:25" ht="21.6" x14ac:dyDescent="0.2">
      <c r="B2302" s="77"/>
      <c r="C2302" s="39" t="s">
        <v>48</v>
      </c>
      <c r="D2302" s="45">
        <v>305</v>
      </c>
      <c r="E2302" s="46">
        <v>15.4</v>
      </c>
      <c r="F2302" s="46">
        <v>54.8</v>
      </c>
      <c r="G2302" s="46">
        <v>24.9</v>
      </c>
      <c r="H2302" s="47">
        <v>4.9000000000000004</v>
      </c>
    </row>
    <row r="2303" spans="1:25" ht="21.6" x14ac:dyDescent="0.2">
      <c r="B2303" s="77"/>
      <c r="C2303" s="39" t="s">
        <v>49</v>
      </c>
      <c r="D2303" s="45">
        <v>223</v>
      </c>
      <c r="E2303" s="46">
        <v>17</v>
      </c>
      <c r="F2303" s="46">
        <v>56.1</v>
      </c>
      <c r="G2303" s="46">
        <v>22</v>
      </c>
      <c r="H2303" s="47">
        <v>4.9000000000000004</v>
      </c>
    </row>
    <row r="2304" spans="1:25" ht="21.6" x14ac:dyDescent="0.2">
      <c r="B2304" s="77"/>
      <c r="C2304" s="39" t="s">
        <v>50</v>
      </c>
      <c r="D2304" s="45">
        <v>123</v>
      </c>
      <c r="E2304" s="46">
        <v>20.3</v>
      </c>
      <c r="F2304" s="46">
        <v>57.7</v>
      </c>
      <c r="G2304" s="46">
        <v>16.3</v>
      </c>
      <c r="H2304" s="47">
        <v>5.7</v>
      </c>
    </row>
    <row r="2305" spans="1:25" ht="21.6" x14ac:dyDescent="0.2">
      <c r="B2305" s="77"/>
      <c r="C2305" s="39" t="s">
        <v>51</v>
      </c>
      <c r="D2305" s="45">
        <v>124</v>
      </c>
      <c r="E2305" s="46">
        <v>25.8</v>
      </c>
      <c r="F2305" s="46">
        <v>54</v>
      </c>
      <c r="G2305" s="46">
        <v>14.5</v>
      </c>
      <c r="H2305" s="47">
        <v>5.6</v>
      </c>
    </row>
    <row r="2306" spans="1:25" ht="21.6" x14ac:dyDescent="0.2">
      <c r="B2306" s="77"/>
      <c r="C2306" s="39" t="s">
        <v>52</v>
      </c>
      <c r="D2306" s="45">
        <v>312</v>
      </c>
      <c r="E2306" s="46">
        <v>15.1</v>
      </c>
      <c r="F2306" s="46">
        <v>50.6</v>
      </c>
      <c r="G2306" s="46">
        <v>24.7</v>
      </c>
      <c r="H2306" s="47">
        <v>9.6</v>
      </c>
    </row>
    <row r="2307" spans="1:25" x14ac:dyDescent="0.2">
      <c r="B2307" s="77"/>
      <c r="C2307" s="39" t="s">
        <v>53</v>
      </c>
      <c r="D2307" s="45">
        <v>269</v>
      </c>
      <c r="E2307" s="46">
        <v>16</v>
      </c>
      <c r="F2307" s="46">
        <v>51.3</v>
      </c>
      <c r="G2307" s="46">
        <v>23.4</v>
      </c>
      <c r="H2307" s="47">
        <v>9.3000000000000007</v>
      </c>
    </row>
    <row r="2308" spans="1:25" ht="21.6" x14ac:dyDescent="0.2">
      <c r="B2308" s="77"/>
      <c r="C2308" s="39" t="s">
        <v>54</v>
      </c>
      <c r="D2308" s="45">
        <v>511</v>
      </c>
      <c r="E2308" s="46">
        <v>18.399999999999999</v>
      </c>
      <c r="F2308" s="46">
        <v>50.5</v>
      </c>
      <c r="G2308" s="46">
        <v>23.3</v>
      </c>
      <c r="H2308" s="47">
        <v>7.8</v>
      </c>
    </row>
    <row r="2309" spans="1:25" ht="21.6" x14ac:dyDescent="0.2">
      <c r="B2309" s="77"/>
      <c r="C2309" s="39" t="s">
        <v>55</v>
      </c>
      <c r="D2309" s="45">
        <v>615</v>
      </c>
      <c r="E2309" s="46">
        <v>20.2</v>
      </c>
      <c r="F2309" s="46">
        <v>50.4</v>
      </c>
      <c r="G2309" s="46">
        <v>22.6</v>
      </c>
      <c r="H2309" s="47">
        <v>6.8</v>
      </c>
    </row>
    <row r="2310" spans="1:25" ht="21.6" x14ac:dyDescent="0.2">
      <c r="B2310" s="77"/>
      <c r="C2310" s="39" t="s">
        <v>56</v>
      </c>
      <c r="D2310" s="45">
        <v>800</v>
      </c>
      <c r="E2310" s="46">
        <v>21.3</v>
      </c>
      <c r="F2310" s="46">
        <v>48</v>
      </c>
      <c r="G2310" s="46">
        <v>22.1</v>
      </c>
      <c r="H2310" s="47">
        <v>8.6</v>
      </c>
    </row>
    <row r="2311" spans="1:25" x14ac:dyDescent="0.2">
      <c r="B2311" s="77"/>
      <c r="C2311" s="40" t="s">
        <v>57</v>
      </c>
      <c r="D2311" s="48">
        <v>798</v>
      </c>
      <c r="E2311" s="49">
        <v>14.2</v>
      </c>
      <c r="F2311" s="49">
        <v>52.6</v>
      </c>
      <c r="G2311" s="49">
        <v>25.4</v>
      </c>
      <c r="H2311" s="50">
        <v>7.8</v>
      </c>
    </row>
    <row r="2313" spans="1:25" x14ac:dyDescent="0.2">
      <c r="C2313" t="s">
        <v>35</v>
      </c>
    </row>
    <row r="2314" spans="1:25" x14ac:dyDescent="0.2">
      <c r="B2314" s="75" t="s">
        <v>301</v>
      </c>
      <c r="C2314" s="76"/>
      <c r="D2314" s="76"/>
      <c r="E2314" s="76"/>
      <c r="F2314" s="76"/>
      <c r="G2314" s="76"/>
      <c r="H2314" s="76"/>
      <c r="I2314" s="76"/>
      <c r="J2314" s="76"/>
      <c r="K2314" s="76"/>
      <c r="L2314" s="76"/>
      <c r="M2314" s="76"/>
      <c r="N2314" s="76"/>
      <c r="O2314" s="76"/>
      <c r="P2314" s="76"/>
      <c r="Q2314" s="76"/>
      <c r="R2314" s="76"/>
      <c r="S2314" s="76"/>
      <c r="T2314" s="76"/>
      <c r="U2314" s="76"/>
      <c r="V2314" s="76"/>
      <c r="W2314" s="76"/>
      <c r="X2314" s="76"/>
      <c r="Y2314" s="76"/>
    </row>
    <row r="2315" spans="1:25" s="32" customFormat="1" ht="36.450000000000003" customHeight="1" x14ac:dyDescent="0.15">
      <c r="A2315" s="31"/>
      <c r="D2315" s="33" t="s">
        <v>378</v>
      </c>
      <c r="E2315" s="36" t="s">
        <v>549</v>
      </c>
      <c r="F2315" s="55" t="s">
        <v>525</v>
      </c>
      <c r="G2315" s="55" t="s">
        <v>550</v>
      </c>
      <c r="H2315" s="37" t="s">
        <v>480</v>
      </c>
      <c r="I2315" s="35" t="s">
        <v>381</v>
      </c>
    </row>
    <row r="2316" spans="1:25" ht="21.6" x14ac:dyDescent="0.2">
      <c r="B2316" s="77" t="s">
        <v>37</v>
      </c>
      <c r="C2316" s="38" t="s">
        <v>58</v>
      </c>
      <c r="D2316" s="51">
        <v>609</v>
      </c>
      <c r="E2316" s="52">
        <v>22.8</v>
      </c>
      <c r="F2316" s="52">
        <v>46</v>
      </c>
      <c r="G2316" s="52">
        <v>22.8</v>
      </c>
      <c r="H2316" s="53">
        <v>8.4</v>
      </c>
    </row>
    <row r="2317" spans="1:25" ht="21.6" x14ac:dyDescent="0.2">
      <c r="B2317" s="77"/>
      <c r="C2317" s="39" t="s">
        <v>59</v>
      </c>
      <c r="D2317" s="45">
        <v>1391</v>
      </c>
      <c r="E2317" s="46">
        <v>14.5</v>
      </c>
      <c r="F2317" s="46">
        <v>51.8</v>
      </c>
      <c r="G2317" s="46">
        <v>23.1</v>
      </c>
      <c r="H2317" s="47">
        <v>10.6</v>
      </c>
    </row>
    <row r="2318" spans="1:25" x14ac:dyDescent="0.2">
      <c r="B2318" s="77"/>
      <c r="C2318" s="39" t="s">
        <v>60</v>
      </c>
      <c r="D2318" s="45">
        <v>1325</v>
      </c>
      <c r="E2318" s="46">
        <v>17.899999999999999</v>
      </c>
      <c r="F2318" s="46">
        <v>50.2</v>
      </c>
      <c r="G2318" s="46">
        <v>22.1</v>
      </c>
      <c r="H2318" s="47">
        <v>9.8000000000000007</v>
      </c>
    </row>
    <row r="2319" spans="1:25" x14ac:dyDescent="0.2">
      <c r="B2319" s="77"/>
      <c r="C2319" s="39" t="s">
        <v>61</v>
      </c>
      <c r="D2319" s="45">
        <v>675</v>
      </c>
      <c r="E2319" s="46">
        <v>15.3</v>
      </c>
      <c r="F2319" s="46">
        <v>49.8</v>
      </c>
      <c r="G2319" s="46">
        <v>24.9</v>
      </c>
      <c r="H2319" s="47">
        <v>10.1</v>
      </c>
    </row>
    <row r="2320" spans="1:25" x14ac:dyDescent="0.2">
      <c r="B2320" s="77"/>
      <c r="C2320" s="39" t="s">
        <v>62</v>
      </c>
      <c r="D2320" s="45">
        <v>1086</v>
      </c>
      <c r="E2320" s="46">
        <v>16.7</v>
      </c>
      <c r="F2320" s="46">
        <v>52.2</v>
      </c>
      <c r="G2320" s="46">
        <v>23.5</v>
      </c>
      <c r="H2320" s="47">
        <v>7.6</v>
      </c>
    </row>
    <row r="2321" spans="2:8" ht="21.6" x14ac:dyDescent="0.2">
      <c r="B2321" s="77"/>
      <c r="C2321" s="39" t="s">
        <v>63</v>
      </c>
      <c r="D2321" s="45">
        <v>203</v>
      </c>
      <c r="E2321" s="46">
        <v>25.1</v>
      </c>
      <c r="F2321" s="46">
        <v>47.8</v>
      </c>
      <c r="G2321" s="46">
        <v>14.8</v>
      </c>
      <c r="H2321" s="47">
        <v>12.3</v>
      </c>
    </row>
    <row r="2322" spans="2:8" x14ac:dyDescent="0.2">
      <c r="B2322" s="77"/>
      <c r="C2322" s="39" t="s">
        <v>64</v>
      </c>
      <c r="D2322" s="45">
        <v>263</v>
      </c>
      <c r="E2322" s="46">
        <v>20.2</v>
      </c>
      <c r="F2322" s="46">
        <v>49.4</v>
      </c>
      <c r="G2322" s="46">
        <v>22.1</v>
      </c>
      <c r="H2322" s="47">
        <v>8.4</v>
      </c>
    </row>
    <row r="2323" spans="2:8" x14ac:dyDescent="0.2">
      <c r="B2323" s="77"/>
      <c r="C2323" s="39" t="s">
        <v>65</v>
      </c>
      <c r="D2323" s="45">
        <v>312</v>
      </c>
      <c r="E2323" s="46">
        <v>14.1</v>
      </c>
      <c r="F2323" s="46">
        <v>53.8</v>
      </c>
      <c r="G2323" s="46">
        <v>24.7</v>
      </c>
      <c r="H2323" s="47">
        <v>7.4</v>
      </c>
    </row>
    <row r="2324" spans="2:8" x14ac:dyDescent="0.2">
      <c r="B2324" s="77"/>
      <c r="C2324" s="39" t="s">
        <v>66</v>
      </c>
      <c r="D2324" s="45">
        <v>230</v>
      </c>
      <c r="E2324" s="46">
        <v>10.4</v>
      </c>
      <c r="F2324" s="46">
        <v>57.4</v>
      </c>
      <c r="G2324" s="46">
        <v>27.4</v>
      </c>
      <c r="H2324" s="47">
        <v>4.8</v>
      </c>
    </row>
    <row r="2325" spans="2:8" x14ac:dyDescent="0.2">
      <c r="B2325" s="77"/>
      <c r="C2325" s="39" t="s">
        <v>67</v>
      </c>
      <c r="D2325" s="45">
        <v>78</v>
      </c>
      <c r="E2325" s="46">
        <v>11.5</v>
      </c>
      <c r="F2325" s="46">
        <v>51.3</v>
      </c>
      <c r="G2325" s="46">
        <v>34.6</v>
      </c>
      <c r="H2325" s="47">
        <v>2.6</v>
      </c>
    </row>
    <row r="2326" spans="2:8" x14ac:dyDescent="0.2">
      <c r="B2326" s="77"/>
      <c r="C2326" s="39" t="s">
        <v>68</v>
      </c>
      <c r="D2326" s="45">
        <v>897</v>
      </c>
      <c r="E2326" s="46">
        <v>18.100000000000001</v>
      </c>
      <c r="F2326" s="46">
        <v>52.7</v>
      </c>
      <c r="G2326" s="46">
        <v>22.1</v>
      </c>
      <c r="H2326" s="47">
        <v>7.1</v>
      </c>
    </row>
    <row r="2327" spans="2:8" x14ac:dyDescent="0.2">
      <c r="B2327" s="77"/>
      <c r="C2327" s="39" t="s">
        <v>69</v>
      </c>
      <c r="D2327" s="45">
        <v>189</v>
      </c>
      <c r="E2327" s="46">
        <v>10.1</v>
      </c>
      <c r="F2327" s="46">
        <v>49.7</v>
      </c>
      <c r="G2327" s="46">
        <v>30.2</v>
      </c>
      <c r="H2327" s="47">
        <v>10.1</v>
      </c>
    </row>
    <row r="2328" spans="2:8" x14ac:dyDescent="0.2">
      <c r="B2328" s="77"/>
      <c r="C2328" s="39" t="s">
        <v>70</v>
      </c>
      <c r="D2328" s="45">
        <v>914</v>
      </c>
      <c r="E2328" s="46">
        <v>17.399999999999999</v>
      </c>
      <c r="F2328" s="46">
        <v>47.5</v>
      </c>
      <c r="G2328" s="46">
        <v>22.5</v>
      </c>
      <c r="H2328" s="47">
        <v>12.6</v>
      </c>
    </row>
    <row r="2329" spans="2:8" ht="21.6" x14ac:dyDescent="0.2">
      <c r="B2329" s="77"/>
      <c r="C2329" s="39" t="s">
        <v>63</v>
      </c>
      <c r="D2329" s="45">
        <v>193</v>
      </c>
      <c r="E2329" s="46">
        <v>30.1</v>
      </c>
      <c r="F2329" s="46">
        <v>36.799999999999997</v>
      </c>
      <c r="G2329" s="46">
        <v>16.600000000000001</v>
      </c>
      <c r="H2329" s="47">
        <v>16.600000000000001</v>
      </c>
    </row>
    <row r="2330" spans="2:8" x14ac:dyDescent="0.2">
      <c r="B2330" s="77"/>
      <c r="C2330" s="39" t="s">
        <v>64</v>
      </c>
      <c r="D2330" s="45">
        <v>203</v>
      </c>
      <c r="E2330" s="46">
        <v>17.7</v>
      </c>
      <c r="F2330" s="46">
        <v>46.3</v>
      </c>
      <c r="G2330" s="46">
        <v>22.7</v>
      </c>
      <c r="H2330" s="47">
        <v>13.3</v>
      </c>
    </row>
    <row r="2331" spans="2:8" x14ac:dyDescent="0.2">
      <c r="B2331" s="77"/>
      <c r="C2331" s="39" t="s">
        <v>65</v>
      </c>
      <c r="D2331" s="45">
        <v>263</v>
      </c>
      <c r="E2331" s="46">
        <v>15.6</v>
      </c>
      <c r="F2331" s="46">
        <v>54</v>
      </c>
      <c r="G2331" s="46">
        <v>20.2</v>
      </c>
      <c r="H2331" s="47">
        <v>10.3</v>
      </c>
    </row>
    <row r="2332" spans="2:8" x14ac:dyDescent="0.2">
      <c r="B2332" s="77"/>
      <c r="C2332" s="39" t="s">
        <v>66</v>
      </c>
      <c r="D2332" s="45">
        <v>194</v>
      </c>
      <c r="E2332" s="46">
        <v>10.8</v>
      </c>
      <c r="F2332" s="46">
        <v>51</v>
      </c>
      <c r="G2332" s="46">
        <v>26.3</v>
      </c>
      <c r="H2332" s="47">
        <v>11.9</v>
      </c>
    </row>
    <row r="2333" spans="2:8" x14ac:dyDescent="0.2">
      <c r="B2333" s="77"/>
      <c r="C2333" s="39" t="s">
        <v>67</v>
      </c>
      <c r="D2333" s="45">
        <v>61</v>
      </c>
      <c r="E2333" s="46">
        <v>4.9000000000000004</v>
      </c>
      <c r="F2333" s="46">
        <v>45.9</v>
      </c>
      <c r="G2333" s="46">
        <v>39.299999999999997</v>
      </c>
      <c r="H2333" s="47">
        <v>9.8000000000000007</v>
      </c>
    </row>
    <row r="2334" spans="2:8" x14ac:dyDescent="0.2">
      <c r="B2334" s="77"/>
      <c r="C2334" s="39" t="s">
        <v>68</v>
      </c>
      <c r="D2334" s="45">
        <v>416</v>
      </c>
      <c r="E2334" s="46">
        <v>21.4</v>
      </c>
      <c r="F2334" s="46">
        <v>45</v>
      </c>
      <c r="G2334" s="46">
        <v>21.2</v>
      </c>
      <c r="H2334" s="47">
        <v>12.5</v>
      </c>
    </row>
    <row r="2335" spans="2:8" x14ac:dyDescent="0.2">
      <c r="B2335" s="77"/>
      <c r="C2335" s="40" t="s">
        <v>69</v>
      </c>
      <c r="D2335" s="48">
        <v>498</v>
      </c>
      <c r="E2335" s="49">
        <v>14.1</v>
      </c>
      <c r="F2335" s="49">
        <v>49.6</v>
      </c>
      <c r="G2335" s="49">
        <v>23.7</v>
      </c>
      <c r="H2335" s="50">
        <v>12.7</v>
      </c>
    </row>
    <row r="2337" spans="1:25" x14ac:dyDescent="0.2">
      <c r="A2337" s="26" t="s">
        <v>25</v>
      </c>
      <c r="B2337" t="s">
        <v>35</v>
      </c>
      <c r="C2337" t="s">
        <v>35</v>
      </c>
    </row>
    <row r="2338" spans="1:25" x14ac:dyDescent="0.2">
      <c r="B2338" s="75" t="s">
        <v>134</v>
      </c>
      <c r="C2338" s="76"/>
      <c r="D2338" s="76"/>
      <c r="E2338" s="76"/>
      <c r="F2338" s="76"/>
      <c r="G2338" s="76"/>
      <c r="H2338" s="76"/>
      <c r="I2338" s="76"/>
      <c r="J2338" s="76"/>
      <c r="K2338" s="76"/>
      <c r="L2338" s="76"/>
      <c r="M2338" s="76"/>
      <c r="N2338" s="76"/>
      <c r="O2338" s="76"/>
      <c r="P2338" s="76"/>
      <c r="Q2338" s="76"/>
      <c r="R2338" s="76"/>
      <c r="S2338" s="76"/>
      <c r="T2338" s="76"/>
      <c r="U2338" s="76"/>
      <c r="V2338" s="76"/>
      <c r="W2338" s="76"/>
      <c r="X2338" s="76"/>
      <c r="Y2338" s="76"/>
    </row>
    <row r="2339" spans="1:25" s="32" customFormat="1" ht="47.25" customHeight="1" x14ac:dyDescent="0.15">
      <c r="A2339" s="31"/>
      <c r="D2339" s="33" t="s">
        <v>378</v>
      </c>
      <c r="E2339" s="36" t="s">
        <v>533</v>
      </c>
      <c r="F2339" s="55" t="s">
        <v>534</v>
      </c>
      <c r="G2339" s="55" t="s">
        <v>521</v>
      </c>
      <c r="H2339" s="55" t="s">
        <v>535</v>
      </c>
      <c r="I2339" s="55" t="s">
        <v>536</v>
      </c>
      <c r="J2339" s="55" t="s">
        <v>480</v>
      </c>
      <c r="K2339" s="56" t="s">
        <v>387</v>
      </c>
      <c r="L2339" s="57" t="s">
        <v>388</v>
      </c>
      <c r="M2339" s="54" t="s">
        <v>381</v>
      </c>
    </row>
    <row r="2340" spans="1:25" x14ac:dyDescent="0.2">
      <c r="B2340" s="5"/>
      <c r="C2340" s="41" t="s">
        <v>38</v>
      </c>
      <c r="D2340" s="42">
        <v>2000</v>
      </c>
      <c r="E2340" s="43">
        <v>2.5</v>
      </c>
      <c r="F2340" s="43">
        <v>17.2</v>
      </c>
      <c r="G2340" s="43">
        <v>50</v>
      </c>
      <c r="H2340" s="43">
        <v>19.7</v>
      </c>
      <c r="I2340" s="43">
        <v>5.7</v>
      </c>
      <c r="J2340" s="43">
        <v>5.0999999999999996</v>
      </c>
      <c r="K2340" s="43">
        <v>-4.7</v>
      </c>
      <c r="L2340" s="58">
        <v>0</v>
      </c>
    </row>
    <row r="2341" spans="1:25" x14ac:dyDescent="0.2">
      <c r="B2341" s="77" t="s">
        <v>37</v>
      </c>
      <c r="C2341" s="39" t="s">
        <v>39</v>
      </c>
      <c r="D2341" s="45">
        <v>111</v>
      </c>
      <c r="E2341" s="46">
        <v>7.2</v>
      </c>
      <c r="F2341" s="46">
        <v>10.8</v>
      </c>
      <c r="G2341" s="46">
        <v>47.7</v>
      </c>
      <c r="H2341" s="46">
        <v>20.7</v>
      </c>
      <c r="I2341" s="46">
        <v>9</v>
      </c>
      <c r="J2341" s="46">
        <v>4.5</v>
      </c>
      <c r="K2341" s="46">
        <v>-7.1</v>
      </c>
      <c r="L2341" s="59">
        <v>0</v>
      </c>
    </row>
    <row r="2342" spans="1:25" x14ac:dyDescent="0.2">
      <c r="B2342" s="77"/>
      <c r="C2342" s="39" t="s">
        <v>40</v>
      </c>
      <c r="D2342" s="45">
        <v>450</v>
      </c>
      <c r="E2342" s="46">
        <v>1.1000000000000001</v>
      </c>
      <c r="F2342" s="46">
        <v>16.7</v>
      </c>
      <c r="G2342" s="46">
        <v>52.9</v>
      </c>
      <c r="H2342" s="46">
        <v>20.9</v>
      </c>
      <c r="I2342" s="46">
        <v>5.8</v>
      </c>
      <c r="J2342" s="46">
        <v>2.7</v>
      </c>
      <c r="K2342" s="46">
        <v>-7</v>
      </c>
      <c r="L2342" s="59">
        <v>0</v>
      </c>
    </row>
    <row r="2343" spans="1:25" ht="21.6" x14ac:dyDescent="0.2">
      <c r="B2343" s="77"/>
      <c r="C2343" s="39" t="s">
        <v>41</v>
      </c>
      <c r="D2343" s="45">
        <v>30</v>
      </c>
      <c r="E2343" s="46">
        <v>3.3</v>
      </c>
      <c r="F2343" s="46">
        <v>16.7</v>
      </c>
      <c r="G2343" s="46">
        <v>43.3</v>
      </c>
      <c r="H2343" s="46">
        <v>20</v>
      </c>
      <c r="I2343" s="46">
        <v>0</v>
      </c>
      <c r="J2343" s="46">
        <v>16.7</v>
      </c>
      <c r="K2343" s="46">
        <v>2</v>
      </c>
      <c r="L2343" s="59">
        <v>0</v>
      </c>
    </row>
    <row r="2344" spans="1:25" ht="21.6" x14ac:dyDescent="0.2">
      <c r="B2344" s="77"/>
      <c r="C2344" s="39" t="s">
        <v>42</v>
      </c>
      <c r="D2344" s="45">
        <v>336</v>
      </c>
      <c r="E2344" s="46">
        <v>3</v>
      </c>
      <c r="F2344" s="46">
        <v>16.399999999999999</v>
      </c>
      <c r="G2344" s="46">
        <v>53.9</v>
      </c>
      <c r="H2344" s="46">
        <v>19.899999999999999</v>
      </c>
      <c r="I2344" s="46">
        <v>3.6</v>
      </c>
      <c r="J2344" s="46">
        <v>3.3</v>
      </c>
      <c r="K2344" s="46">
        <v>-2.5</v>
      </c>
      <c r="L2344" s="59">
        <v>0</v>
      </c>
    </row>
    <row r="2345" spans="1:25" ht="21.6" x14ac:dyDescent="0.2">
      <c r="B2345" s="77"/>
      <c r="C2345" s="39" t="s">
        <v>43</v>
      </c>
      <c r="D2345" s="45">
        <v>327</v>
      </c>
      <c r="E2345" s="46">
        <v>2.8</v>
      </c>
      <c r="F2345" s="46">
        <v>18.7</v>
      </c>
      <c r="G2345" s="46">
        <v>45.6</v>
      </c>
      <c r="H2345" s="46">
        <v>20.5</v>
      </c>
      <c r="I2345" s="46">
        <v>7</v>
      </c>
      <c r="J2345" s="46">
        <v>5.5</v>
      </c>
      <c r="K2345" s="46">
        <v>-5.5</v>
      </c>
      <c r="L2345" s="59">
        <v>0</v>
      </c>
    </row>
    <row r="2346" spans="1:25" ht="21.6" x14ac:dyDescent="0.2">
      <c r="B2346" s="77"/>
      <c r="C2346" s="39" t="s">
        <v>44</v>
      </c>
      <c r="D2346" s="45">
        <v>181</v>
      </c>
      <c r="E2346" s="46">
        <v>1.1000000000000001</v>
      </c>
      <c r="F2346" s="46">
        <v>11</v>
      </c>
      <c r="G2346" s="46">
        <v>56.9</v>
      </c>
      <c r="H2346" s="46">
        <v>19.899999999999999</v>
      </c>
      <c r="I2346" s="46">
        <v>7.7</v>
      </c>
      <c r="J2346" s="46">
        <v>3.3</v>
      </c>
      <c r="K2346" s="46">
        <v>-11.4</v>
      </c>
      <c r="L2346" s="59">
        <v>0</v>
      </c>
    </row>
    <row r="2347" spans="1:25" ht="21.6" x14ac:dyDescent="0.2">
      <c r="B2347" s="77"/>
      <c r="C2347" s="39" t="s">
        <v>45</v>
      </c>
      <c r="D2347" s="45">
        <v>565</v>
      </c>
      <c r="E2347" s="46">
        <v>2.5</v>
      </c>
      <c r="F2347" s="46">
        <v>20.5</v>
      </c>
      <c r="G2347" s="46">
        <v>46.5</v>
      </c>
      <c r="H2347" s="46">
        <v>17.7</v>
      </c>
      <c r="I2347" s="46">
        <v>5</v>
      </c>
      <c r="J2347" s="46">
        <v>7.8</v>
      </c>
      <c r="K2347" s="46">
        <v>-1.2</v>
      </c>
      <c r="L2347" s="59">
        <v>0</v>
      </c>
    </row>
    <row r="2348" spans="1:25" ht="21.6" x14ac:dyDescent="0.2">
      <c r="B2348" s="77"/>
      <c r="C2348" s="39" t="s">
        <v>46</v>
      </c>
      <c r="D2348" s="45">
        <v>473</v>
      </c>
      <c r="E2348" s="46">
        <v>2.7</v>
      </c>
      <c r="F2348" s="46">
        <v>20.3</v>
      </c>
      <c r="G2348" s="46">
        <v>48</v>
      </c>
      <c r="H2348" s="46">
        <v>17.100000000000001</v>
      </c>
      <c r="I2348" s="46">
        <v>8.1999999999999993</v>
      </c>
      <c r="J2348" s="46">
        <v>3.6</v>
      </c>
      <c r="K2348" s="46">
        <v>-4.0999999999999996</v>
      </c>
      <c r="L2348" s="59">
        <v>0</v>
      </c>
    </row>
    <row r="2349" spans="1:25" ht="21.6" x14ac:dyDescent="0.2">
      <c r="B2349" s="77"/>
      <c r="C2349" s="39" t="s">
        <v>47</v>
      </c>
      <c r="D2349" s="45">
        <v>441</v>
      </c>
      <c r="E2349" s="46">
        <v>2.9</v>
      </c>
      <c r="F2349" s="46">
        <v>14.5</v>
      </c>
      <c r="G2349" s="46">
        <v>52.6</v>
      </c>
      <c r="H2349" s="46">
        <v>23.4</v>
      </c>
      <c r="I2349" s="46">
        <v>4.3</v>
      </c>
      <c r="J2349" s="46">
        <v>2.2999999999999998</v>
      </c>
      <c r="K2349" s="46">
        <v>-5.9</v>
      </c>
      <c r="L2349" s="59">
        <v>0</v>
      </c>
    </row>
    <row r="2350" spans="1:25" ht="21.6" x14ac:dyDescent="0.2">
      <c r="B2350" s="77"/>
      <c r="C2350" s="39" t="s">
        <v>48</v>
      </c>
      <c r="D2350" s="45">
        <v>305</v>
      </c>
      <c r="E2350" s="46">
        <v>2</v>
      </c>
      <c r="F2350" s="46">
        <v>15.4</v>
      </c>
      <c r="G2350" s="46">
        <v>54.8</v>
      </c>
      <c r="H2350" s="46">
        <v>21.6</v>
      </c>
      <c r="I2350" s="46">
        <v>4.3</v>
      </c>
      <c r="J2350" s="46">
        <v>2</v>
      </c>
      <c r="K2350" s="46">
        <v>-5.5</v>
      </c>
      <c r="L2350" s="59">
        <v>0</v>
      </c>
    </row>
    <row r="2351" spans="1:25" ht="21.6" x14ac:dyDescent="0.2">
      <c r="B2351" s="77"/>
      <c r="C2351" s="39" t="s">
        <v>49</v>
      </c>
      <c r="D2351" s="45">
        <v>223</v>
      </c>
      <c r="E2351" s="46">
        <v>2.7</v>
      </c>
      <c r="F2351" s="46">
        <v>20.2</v>
      </c>
      <c r="G2351" s="46">
        <v>47.5</v>
      </c>
      <c r="H2351" s="46">
        <v>19.7</v>
      </c>
      <c r="I2351" s="46">
        <v>7.2</v>
      </c>
      <c r="J2351" s="46">
        <v>2.7</v>
      </c>
      <c r="K2351" s="46">
        <v>-4.4000000000000004</v>
      </c>
      <c r="L2351" s="59">
        <v>0</v>
      </c>
    </row>
    <row r="2352" spans="1:25" ht="21.6" x14ac:dyDescent="0.2">
      <c r="B2352" s="77"/>
      <c r="C2352" s="39" t="s">
        <v>50</v>
      </c>
      <c r="D2352" s="45">
        <v>123</v>
      </c>
      <c r="E2352" s="46">
        <v>2.4</v>
      </c>
      <c r="F2352" s="46">
        <v>17.899999999999999</v>
      </c>
      <c r="G2352" s="46">
        <v>54.5</v>
      </c>
      <c r="H2352" s="46">
        <v>19.5</v>
      </c>
      <c r="I2352" s="46">
        <v>4.0999999999999996</v>
      </c>
      <c r="J2352" s="46">
        <v>1.6</v>
      </c>
      <c r="K2352" s="46">
        <v>-2.5</v>
      </c>
      <c r="L2352" s="59">
        <v>0</v>
      </c>
    </row>
    <row r="2353" spans="1:25" ht="21.6" x14ac:dyDescent="0.2">
      <c r="B2353" s="77"/>
      <c r="C2353" s="39" t="s">
        <v>51</v>
      </c>
      <c r="D2353" s="45">
        <v>124</v>
      </c>
      <c r="E2353" s="46">
        <v>1.6</v>
      </c>
      <c r="F2353" s="46">
        <v>20.2</v>
      </c>
      <c r="G2353" s="46">
        <v>57.3</v>
      </c>
      <c r="H2353" s="46">
        <v>16.899999999999999</v>
      </c>
      <c r="I2353" s="46">
        <v>2.4</v>
      </c>
      <c r="J2353" s="46">
        <v>1.6</v>
      </c>
      <c r="K2353" s="46">
        <v>0.8</v>
      </c>
      <c r="L2353" s="59">
        <v>0</v>
      </c>
    </row>
    <row r="2354" spans="1:25" ht="21.6" x14ac:dyDescent="0.2">
      <c r="B2354" s="77"/>
      <c r="C2354" s="39" t="s">
        <v>52</v>
      </c>
      <c r="D2354" s="45">
        <v>312</v>
      </c>
      <c r="E2354" s="46">
        <v>2.2000000000000002</v>
      </c>
      <c r="F2354" s="46">
        <v>18.899999999999999</v>
      </c>
      <c r="G2354" s="46">
        <v>49</v>
      </c>
      <c r="H2354" s="46">
        <v>18.899999999999999</v>
      </c>
      <c r="I2354" s="46">
        <v>6.7</v>
      </c>
      <c r="J2354" s="46">
        <v>4.2</v>
      </c>
      <c r="K2354" s="46">
        <v>-4.7</v>
      </c>
      <c r="L2354" s="59">
        <v>0</v>
      </c>
    </row>
    <row r="2355" spans="1:25" x14ac:dyDescent="0.2">
      <c r="B2355" s="77"/>
      <c r="C2355" s="39" t="s">
        <v>53</v>
      </c>
      <c r="D2355" s="45">
        <v>269</v>
      </c>
      <c r="E2355" s="46">
        <v>2.2000000000000002</v>
      </c>
      <c r="F2355" s="46">
        <v>21.9</v>
      </c>
      <c r="G2355" s="46">
        <v>49.1</v>
      </c>
      <c r="H2355" s="46">
        <v>16.7</v>
      </c>
      <c r="I2355" s="46">
        <v>4.5</v>
      </c>
      <c r="J2355" s="46">
        <v>5.6</v>
      </c>
      <c r="K2355" s="46">
        <v>0.4</v>
      </c>
      <c r="L2355" s="59">
        <v>0</v>
      </c>
    </row>
    <row r="2356" spans="1:25" ht="21.6" x14ac:dyDescent="0.2">
      <c r="B2356" s="77"/>
      <c r="C2356" s="39" t="s">
        <v>54</v>
      </c>
      <c r="D2356" s="45">
        <v>511</v>
      </c>
      <c r="E2356" s="46">
        <v>3.3</v>
      </c>
      <c r="F2356" s="46">
        <v>18.600000000000001</v>
      </c>
      <c r="G2356" s="46">
        <v>47.2</v>
      </c>
      <c r="H2356" s="46">
        <v>21.9</v>
      </c>
      <c r="I2356" s="46">
        <v>5.7</v>
      </c>
      <c r="J2356" s="46">
        <v>3.3</v>
      </c>
      <c r="K2356" s="46">
        <v>-4.0999999999999996</v>
      </c>
      <c r="L2356" s="59">
        <v>0</v>
      </c>
    </row>
    <row r="2357" spans="1:25" ht="21.6" x14ac:dyDescent="0.2">
      <c r="B2357" s="77"/>
      <c r="C2357" s="39" t="s">
        <v>55</v>
      </c>
      <c r="D2357" s="45">
        <v>615</v>
      </c>
      <c r="E2357" s="46">
        <v>2</v>
      </c>
      <c r="F2357" s="46">
        <v>14.3</v>
      </c>
      <c r="G2357" s="46">
        <v>55.1</v>
      </c>
      <c r="H2357" s="46">
        <v>19.7</v>
      </c>
      <c r="I2357" s="46">
        <v>5.9</v>
      </c>
      <c r="J2357" s="46">
        <v>3.1</v>
      </c>
      <c r="K2357" s="46">
        <v>-6.8</v>
      </c>
      <c r="L2357" s="59">
        <v>0</v>
      </c>
    </row>
    <row r="2358" spans="1:25" ht="21.6" x14ac:dyDescent="0.2">
      <c r="B2358" s="77"/>
      <c r="C2358" s="39" t="s">
        <v>56</v>
      </c>
      <c r="D2358" s="45">
        <v>800</v>
      </c>
      <c r="E2358" s="46">
        <v>2.8</v>
      </c>
      <c r="F2358" s="46">
        <v>16.899999999999999</v>
      </c>
      <c r="G2358" s="46">
        <v>50.6</v>
      </c>
      <c r="H2358" s="46">
        <v>20.3</v>
      </c>
      <c r="I2358" s="46">
        <v>5.5</v>
      </c>
      <c r="J2358" s="46">
        <v>4</v>
      </c>
      <c r="K2358" s="46">
        <v>-4.5999999999999996</v>
      </c>
      <c r="L2358" s="59">
        <v>0</v>
      </c>
    </row>
    <row r="2359" spans="1:25" x14ac:dyDescent="0.2">
      <c r="B2359" s="77"/>
      <c r="C2359" s="40" t="s">
        <v>57</v>
      </c>
      <c r="D2359" s="48">
        <v>798</v>
      </c>
      <c r="E2359" s="49">
        <v>1.8</v>
      </c>
      <c r="F2359" s="49">
        <v>18</v>
      </c>
      <c r="G2359" s="49">
        <v>50.4</v>
      </c>
      <c r="H2359" s="49">
        <v>20.6</v>
      </c>
      <c r="I2359" s="49">
        <v>5.6</v>
      </c>
      <c r="J2359" s="49">
        <v>3.6</v>
      </c>
      <c r="K2359" s="49">
        <v>-5.3</v>
      </c>
      <c r="L2359" s="60">
        <v>0</v>
      </c>
    </row>
    <row r="2360" spans="1:25" x14ac:dyDescent="0.2">
      <c r="B2360" s="7" t="s">
        <v>71</v>
      </c>
      <c r="C2360" s="4" t="s">
        <v>135</v>
      </c>
    </row>
    <row r="2361" spans="1:25" x14ac:dyDescent="0.2">
      <c r="B2361" s="4"/>
      <c r="C2361" s="4" t="s">
        <v>73</v>
      </c>
    </row>
    <row r="2363" spans="1:25" x14ac:dyDescent="0.2">
      <c r="C2363" t="s">
        <v>35</v>
      </c>
    </row>
    <row r="2364" spans="1:25" x14ac:dyDescent="0.2">
      <c r="B2364" s="75" t="s">
        <v>302</v>
      </c>
      <c r="C2364" s="76"/>
      <c r="D2364" s="76"/>
      <c r="E2364" s="76"/>
      <c r="F2364" s="76"/>
      <c r="G2364" s="76"/>
      <c r="H2364" s="76"/>
      <c r="I2364" s="76"/>
      <c r="J2364" s="76"/>
      <c r="K2364" s="76"/>
      <c r="L2364" s="76"/>
      <c r="M2364" s="76"/>
      <c r="N2364" s="76"/>
      <c r="O2364" s="76"/>
      <c r="P2364" s="76"/>
      <c r="Q2364" s="76"/>
      <c r="R2364" s="76"/>
      <c r="S2364" s="76"/>
      <c r="T2364" s="76"/>
      <c r="U2364" s="76"/>
      <c r="V2364" s="76"/>
      <c r="W2364" s="76"/>
      <c r="X2364" s="76"/>
      <c r="Y2364" s="76"/>
    </row>
    <row r="2365" spans="1:25" s="32" customFormat="1" ht="47.25" customHeight="1" x14ac:dyDescent="0.15">
      <c r="A2365" s="31"/>
      <c r="D2365" s="33" t="s">
        <v>378</v>
      </c>
      <c r="E2365" s="36" t="s">
        <v>533</v>
      </c>
      <c r="F2365" s="55" t="s">
        <v>534</v>
      </c>
      <c r="G2365" s="55" t="s">
        <v>521</v>
      </c>
      <c r="H2365" s="55" t="s">
        <v>535</v>
      </c>
      <c r="I2365" s="55" t="s">
        <v>536</v>
      </c>
      <c r="J2365" s="55" t="s">
        <v>480</v>
      </c>
      <c r="K2365" s="56" t="s">
        <v>387</v>
      </c>
      <c r="L2365" s="57" t="s">
        <v>388</v>
      </c>
      <c r="M2365" s="54" t="s">
        <v>381</v>
      </c>
    </row>
    <row r="2366" spans="1:25" ht="21.6" x14ac:dyDescent="0.2">
      <c r="B2366" s="77" t="s">
        <v>37</v>
      </c>
      <c r="C2366" s="38" t="s">
        <v>58</v>
      </c>
      <c r="D2366" s="51">
        <v>609</v>
      </c>
      <c r="E2366" s="52">
        <v>2.6</v>
      </c>
      <c r="F2366" s="52">
        <v>17.100000000000001</v>
      </c>
      <c r="G2366" s="52">
        <v>49.9</v>
      </c>
      <c r="H2366" s="52">
        <v>19.7</v>
      </c>
      <c r="I2366" s="52">
        <v>6.6</v>
      </c>
      <c r="J2366" s="52">
        <v>4.0999999999999996</v>
      </c>
      <c r="K2366" s="52">
        <v>-5.5</v>
      </c>
      <c r="L2366" s="61">
        <v>0</v>
      </c>
    </row>
    <row r="2367" spans="1:25" ht="21.6" x14ac:dyDescent="0.2">
      <c r="B2367" s="77"/>
      <c r="C2367" s="39" t="s">
        <v>59</v>
      </c>
      <c r="D2367" s="45">
        <v>1391</v>
      </c>
      <c r="E2367" s="46">
        <v>2.4</v>
      </c>
      <c r="F2367" s="46">
        <v>17.3</v>
      </c>
      <c r="G2367" s="46">
        <v>50</v>
      </c>
      <c r="H2367" s="46">
        <v>19.600000000000001</v>
      </c>
      <c r="I2367" s="46">
        <v>5.2</v>
      </c>
      <c r="J2367" s="46">
        <v>5.5</v>
      </c>
      <c r="K2367" s="46">
        <v>-4.3</v>
      </c>
      <c r="L2367" s="59">
        <v>0</v>
      </c>
    </row>
    <row r="2368" spans="1:25" x14ac:dyDescent="0.2">
      <c r="B2368" s="77"/>
      <c r="C2368" s="39" t="s">
        <v>60</v>
      </c>
      <c r="D2368" s="45">
        <v>1325</v>
      </c>
      <c r="E2368" s="46">
        <v>2.7</v>
      </c>
      <c r="F2368" s="46">
        <v>16.2</v>
      </c>
      <c r="G2368" s="46">
        <v>51</v>
      </c>
      <c r="H2368" s="46">
        <v>19.2</v>
      </c>
      <c r="I2368" s="46">
        <v>5.6</v>
      </c>
      <c r="J2368" s="46">
        <v>5.2</v>
      </c>
      <c r="K2368" s="46">
        <v>-4.5999999999999996</v>
      </c>
      <c r="L2368" s="59">
        <v>0</v>
      </c>
    </row>
    <row r="2369" spans="2:12" x14ac:dyDescent="0.2">
      <c r="B2369" s="77"/>
      <c r="C2369" s="39" t="s">
        <v>61</v>
      </c>
      <c r="D2369" s="45">
        <v>675</v>
      </c>
      <c r="E2369" s="46">
        <v>1.9</v>
      </c>
      <c r="F2369" s="46">
        <v>19.100000000000001</v>
      </c>
      <c r="G2369" s="46">
        <v>48</v>
      </c>
      <c r="H2369" s="46">
        <v>20.399999999999999</v>
      </c>
      <c r="I2369" s="46">
        <v>5.8</v>
      </c>
      <c r="J2369" s="46">
        <v>4.7</v>
      </c>
      <c r="K2369" s="46">
        <v>-4.7</v>
      </c>
      <c r="L2369" s="59">
        <v>0</v>
      </c>
    </row>
    <row r="2370" spans="2:12" x14ac:dyDescent="0.2">
      <c r="B2370" s="77"/>
      <c r="C2370" s="39" t="s">
        <v>62</v>
      </c>
      <c r="D2370" s="45">
        <v>1086</v>
      </c>
      <c r="E2370" s="46">
        <v>2.4</v>
      </c>
      <c r="F2370" s="46">
        <v>15.3</v>
      </c>
      <c r="G2370" s="46">
        <v>53.2</v>
      </c>
      <c r="H2370" s="46">
        <v>19</v>
      </c>
      <c r="I2370" s="46">
        <v>5.3</v>
      </c>
      <c r="J2370" s="46">
        <v>4.8</v>
      </c>
      <c r="K2370" s="46">
        <v>-5</v>
      </c>
      <c r="L2370" s="59">
        <v>0</v>
      </c>
    </row>
    <row r="2371" spans="2:12" ht="21.6" x14ac:dyDescent="0.2">
      <c r="B2371" s="77"/>
      <c r="C2371" s="39" t="s">
        <v>63</v>
      </c>
      <c r="D2371" s="45">
        <v>203</v>
      </c>
      <c r="E2371" s="46">
        <v>2.5</v>
      </c>
      <c r="F2371" s="46">
        <v>12.3</v>
      </c>
      <c r="G2371" s="46">
        <v>51.7</v>
      </c>
      <c r="H2371" s="46">
        <v>15.3</v>
      </c>
      <c r="I2371" s="46">
        <v>7.9</v>
      </c>
      <c r="J2371" s="46">
        <v>10.3</v>
      </c>
      <c r="K2371" s="46">
        <v>-7.7</v>
      </c>
      <c r="L2371" s="59">
        <v>0</v>
      </c>
    </row>
    <row r="2372" spans="2:12" x14ac:dyDescent="0.2">
      <c r="B2372" s="77"/>
      <c r="C2372" s="39" t="s">
        <v>64</v>
      </c>
      <c r="D2372" s="45">
        <v>263</v>
      </c>
      <c r="E2372" s="46">
        <v>4.5999999999999996</v>
      </c>
      <c r="F2372" s="46">
        <v>14.8</v>
      </c>
      <c r="G2372" s="46">
        <v>48.3</v>
      </c>
      <c r="H2372" s="46">
        <v>20.9</v>
      </c>
      <c r="I2372" s="46">
        <v>6.8</v>
      </c>
      <c r="J2372" s="46">
        <v>4.5999999999999996</v>
      </c>
      <c r="K2372" s="46">
        <v>-5.6</v>
      </c>
      <c r="L2372" s="59">
        <v>0</v>
      </c>
    </row>
    <row r="2373" spans="2:12" x14ac:dyDescent="0.2">
      <c r="B2373" s="77"/>
      <c r="C2373" s="39" t="s">
        <v>65</v>
      </c>
      <c r="D2373" s="45">
        <v>312</v>
      </c>
      <c r="E2373" s="46">
        <v>2.2000000000000002</v>
      </c>
      <c r="F2373" s="46">
        <v>22.8</v>
      </c>
      <c r="G2373" s="46">
        <v>50</v>
      </c>
      <c r="H2373" s="46">
        <v>15.7</v>
      </c>
      <c r="I2373" s="46">
        <v>4.2</v>
      </c>
      <c r="J2373" s="46">
        <v>5.0999999999999996</v>
      </c>
      <c r="K2373" s="46">
        <v>1.7</v>
      </c>
      <c r="L2373" s="59">
        <v>0</v>
      </c>
    </row>
    <row r="2374" spans="2:12" x14ac:dyDescent="0.2">
      <c r="B2374" s="77"/>
      <c r="C2374" s="39" t="s">
        <v>66</v>
      </c>
      <c r="D2374" s="45">
        <v>230</v>
      </c>
      <c r="E2374" s="46">
        <v>0.9</v>
      </c>
      <c r="F2374" s="46">
        <v>10</v>
      </c>
      <c r="G2374" s="46">
        <v>61.7</v>
      </c>
      <c r="H2374" s="46">
        <v>22.6</v>
      </c>
      <c r="I2374" s="46">
        <v>3.9</v>
      </c>
      <c r="J2374" s="46">
        <v>0.9</v>
      </c>
      <c r="K2374" s="46">
        <v>-9.4</v>
      </c>
      <c r="L2374" s="59">
        <v>0</v>
      </c>
    </row>
    <row r="2375" spans="2:12" x14ac:dyDescent="0.2">
      <c r="B2375" s="77"/>
      <c r="C2375" s="39" t="s">
        <v>67</v>
      </c>
      <c r="D2375" s="45">
        <v>78</v>
      </c>
      <c r="E2375" s="46">
        <v>0</v>
      </c>
      <c r="F2375" s="46">
        <v>10.3</v>
      </c>
      <c r="G2375" s="46">
        <v>61.5</v>
      </c>
      <c r="H2375" s="46">
        <v>24.4</v>
      </c>
      <c r="I2375" s="46">
        <v>2.6</v>
      </c>
      <c r="J2375" s="46">
        <v>1.3</v>
      </c>
      <c r="K2375" s="46">
        <v>-9.6999999999999993</v>
      </c>
      <c r="L2375" s="59">
        <v>0</v>
      </c>
    </row>
    <row r="2376" spans="2:12" x14ac:dyDescent="0.2">
      <c r="B2376" s="77"/>
      <c r="C2376" s="39" t="s">
        <v>68</v>
      </c>
      <c r="D2376" s="45">
        <v>897</v>
      </c>
      <c r="E2376" s="46">
        <v>2.2000000000000002</v>
      </c>
      <c r="F2376" s="46">
        <v>15.7</v>
      </c>
      <c r="G2376" s="46">
        <v>52.8</v>
      </c>
      <c r="H2376" s="46">
        <v>19.2</v>
      </c>
      <c r="I2376" s="46">
        <v>5.5</v>
      </c>
      <c r="J2376" s="46">
        <v>4.5999999999999996</v>
      </c>
      <c r="K2376" s="46">
        <v>-5.2</v>
      </c>
      <c r="L2376" s="59">
        <v>0</v>
      </c>
    </row>
    <row r="2377" spans="2:12" x14ac:dyDescent="0.2">
      <c r="B2377" s="77"/>
      <c r="C2377" s="39" t="s">
        <v>69</v>
      </c>
      <c r="D2377" s="45">
        <v>189</v>
      </c>
      <c r="E2377" s="46">
        <v>3.2</v>
      </c>
      <c r="F2377" s="46">
        <v>13.2</v>
      </c>
      <c r="G2377" s="46">
        <v>55</v>
      </c>
      <c r="H2377" s="46">
        <v>18</v>
      </c>
      <c r="I2377" s="46">
        <v>4.8</v>
      </c>
      <c r="J2377" s="46">
        <v>5.8</v>
      </c>
      <c r="K2377" s="46">
        <v>-4.2</v>
      </c>
      <c r="L2377" s="59">
        <v>0</v>
      </c>
    </row>
    <row r="2378" spans="2:12" x14ac:dyDescent="0.2">
      <c r="B2378" s="77"/>
      <c r="C2378" s="39" t="s">
        <v>70</v>
      </c>
      <c r="D2378" s="45">
        <v>914</v>
      </c>
      <c r="E2378" s="46">
        <v>2.5</v>
      </c>
      <c r="F2378" s="46">
        <v>19.5</v>
      </c>
      <c r="G2378" s="46">
        <v>46.2</v>
      </c>
      <c r="H2378" s="46">
        <v>20.5</v>
      </c>
      <c r="I2378" s="46">
        <v>6</v>
      </c>
      <c r="J2378" s="46">
        <v>5.4</v>
      </c>
      <c r="K2378" s="46">
        <v>-4.2</v>
      </c>
      <c r="L2378" s="59">
        <v>0</v>
      </c>
    </row>
    <row r="2379" spans="2:12" ht="21.6" x14ac:dyDescent="0.2">
      <c r="B2379" s="77"/>
      <c r="C2379" s="39" t="s">
        <v>63</v>
      </c>
      <c r="D2379" s="45">
        <v>193</v>
      </c>
      <c r="E2379" s="46">
        <v>2.6</v>
      </c>
      <c r="F2379" s="46">
        <v>17.600000000000001</v>
      </c>
      <c r="G2379" s="46">
        <v>43.5</v>
      </c>
      <c r="H2379" s="46">
        <v>23.8</v>
      </c>
      <c r="I2379" s="46">
        <v>3.1</v>
      </c>
      <c r="J2379" s="46">
        <v>9.3000000000000007</v>
      </c>
      <c r="K2379" s="46">
        <v>-4</v>
      </c>
      <c r="L2379" s="59">
        <v>0</v>
      </c>
    </row>
    <row r="2380" spans="2:12" x14ac:dyDescent="0.2">
      <c r="B2380" s="77"/>
      <c r="C2380" s="39" t="s">
        <v>64</v>
      </c>
      <c r="D2380" s="45">
        <v>203</v>
      </c>
      <c r="E2380" s="46">
        <v>2.5</v>
      </c>
      <c r="F2380" s="46">
        <v>17.7</v>
      </c>
      <c r="G2380" s="46">
        <v>46.3</v>
      </c>
      <c r="H2380" s="46">
        <v>21.2</v>
      </c>
      <c r="I2380" s="46">
        <v>8.4</v>
      </c>
      <c r="J2380" s="46">
        <v>3.9</v>
      </c>
      <c r="K2380" s="46">
        <v>-7.9</v>
      </c>
      <c r="L2380" s="59">
        <v>0</v>
      </c>
    </row>
    <row r="2381" spans="2:12" x14ac:dyDescent="0.2">
      <c r="B2381" s="77"/>
      <c r="C2381" s="39" t="s">
        <v>65</v>
      </c>
      <c r="D2381" s="45">
        <v>263</v>
      </c>
      <c r="E2381" s="46">
        <v>3.4</v>
      </c>
      <c r="F2381" s="46">
        <v>22.4</v>
      </c>
      <c r="G2381" s="46">
        <v>49.4</v>
      </c>
      <c r="H2381" s="46">
        <v>15.2</v>
      </c>
      <c r="I2381" s="46">
        <v>4.9000000000000004</v>
      </c>
      <c r="J2381" s="46">
        <v>4.5999999999999996</v>
      </c>
      <c r="K2381" s="46">
        <v>2.2000000000000002</v>
      </c>
      <c r="L2381" s="59">
        <v>0</v>
      </c>
    </row>
    <row r="2382" spans="2:12" x14ac:dyDescent="0.2">
      <c r="B2382" s="77"/>
      <c r="C2382" s="39" t="s">
        <v>66</v>
      </c>
      <c r="D2382" s="45">
        <v>194</v>
      </c>
      <c r="E2382" s="46">
        <v>1.5</v>
      </c>
      <c r="F2382" s="46">
        <v>21.1</v>
      </c>
      <c r="G2382" s="46">
        <v>45.9</v>
      </c>
      <c r="H2382" s="46">
        <v>21.1</v>
      </c>
      <c r="I2382" s="46">
        <v>6.2</v>
      </c>
      <c r="J2382" s="46">
        <v>4.0999999999999996</v>
      </c>
      <c r="K2382" s="46">
        <v>-4.8</v>
      </c>
      <c r="L2382" s="59">
        <v>0</v>
      </c>
    </row>
    <row r="2383" spans="2:12" x14ac:dyDescent="0.2">
      <c r="B2383" s="77"/>
      <c r="C2383" s="39" t="s">
        <v>67</v>
      </c>
      <c r="D2383" s="45">
        <v>61</v>
      </c>
      <c r="E2383" s="46">
        <v>1.6</v>
      </c>
      <c r="F2383" s="46">
        <v>13.1</v>
      </c>
      <c r="G2383" s="46">
        <v>41</v>
      </c>
      <c r="H2383" s="46">
        <v>27.9</v>
      </c>
      <c r="I2383" s="46">
        <v>11.5</v>
      </c>
      <c r="J2383" s="46">
        <v>4.9000000000000004</v>
      </c>
      <c r="K2383" s="46">
        <v>-18.100000000000001</v>
      </c>
      <c r="L2383" s="59">
        <v>0</v>
      </c>
    </row>
    <row r="2384" spans="2:12" x14ac:dyDescent="0.2">
      <c r="B2384" s="77"/>
      <c r="C2384" s="39" t="s">
        <v>68</v>
      </c>
      <c r="D2384" s="45">
        <v>416</v>
      </c>
      <c r="E2384" s="46">
        <v>2.4</v>
      </c>
      <c r="F2384" s="46">
        <v>19.5</v>
      </c>
      <c r="G2384" s="46">
        <v>47.4</v>
      </c>
      <c r="H2384" s="46">
        <v>20.2</v>
      </c>
      <c r="I2384" s="46">
        <v>4.8</v>
      </c>
      <c r="J2384" s="46">
        <v>5.8</v>
      </c>
      <c r="K2384" s="46">
        <v>-2.9</v>
      </c>
      <c r="L2384" s="59">
        <v>0</v>
      </c>
    </row>
    <row r="2385" spans="1:25" x14ac:dyDescent="0.2">
      <c r="B2385" s="77"/>
      <c r="C2385" s="40" t="s">
        <v>69</v>
      </c>
      <c r="D2385" s="48">
        <v>498</v>
      </c>
      <c r="E2385" s="49">
        <v>2.6</v>
      </c>
      <c r="F2385" s="49">
        <v>19.5</v>
      </c>
      <c r="G2385" s="49">
        <v>45.2</v>
      </c>
      <c r="H2385" s="49">
        <v>20.7</v>
      </c>
      <c r="I2385" s="49">
        <v>7</v>
      </c>
      <c r="J2385" s="49">
        <v>5</v>
      </c>
      <c r="K2385" s="49">
        <v>-5.3</v>
      </c>
      <c r="L2385" s="60">
        <v>0</v>
      </c>
    </row>
    <row r="2386" spans="1:25" x14ac:dyDescent="0.2">
      <c r="B2386" s="7" t="s">
        <v>71</v>
      </c>
      <c r="C2386" s="4" t="s">
        <v>135</v>
      </c>
    </row>
    <row r="2387" spans="1:25" x14ac:dyDescent="0.2">
      <c r="B2387" s="4"/>
      <c r="C2387" s="4" t="s">
        <v>73</v>
      </c>
    </row>
    <row r="2389" spans="1:25" x14ac:dyDescent="0.2">
      <c r="A2389" s="26" t="s">
        <v>25</v>
      </c>
      <c r="B2389" t="s">
        <v>35</v>
      </c>
      <c r="C2389" t="s">
        <v>35</v>
      </c>
    </row>
    <row r="2390" spans="1:25" x14ac:dyDescent="0.2">
      <c r="B2390" s="75" t="s">
        <v>136</v>
      </c>
      <c r="C2390" s="76"/>
      <c r="D2390" s="76"/>
      <c r="E2390" s="76"/>
      <c r="F2390" s="76"/>
      <c r="G2390" s="76"/>
      <c r="H2390" s="76"/>
      <c r="I2390" s="76"/>
      <c r="J2390" s="76"/>
      <c r="K2390" s="76"/>
      <c r="L2390" s="76"/>
      <c r="M2390" s="76"/>
      <c r="N2390" s="76"/>
      <c r="O2390" s="76"/>
      <c r="P2390" s="76"/>
      <c r="Q2390" s="76"/>
      <c r="R2390" s="76"/>
      <c r="S2390" s="76"/>
      <c r="T2390" s="76"/>
      <c r="U2390" s="76"/>
      <c r="V2390" s="76"/>
      <c r="W2390" s="76"/>
      <c r="X2390" s="76"/>
      <c r="Y2390" s="76"/>
    </row>
    <row r="2391" spans="1:25" s="32" customFormat="1" ht="36.450000000000003" customHeight="1" x14ac:dyDescent="0.15">
      <c r="A2391" s="31"/>
      <c r="D2391" s="33" t="s">
        <v>378</v>
      </c>
      <c r="E2391" s="36" t="s">
        <v>537</v>
      </c>
      <c r="F2391" s="55" t="s">
        <v>525</v>
      </c>
      <c r="G2391" s="55" t="s">
        <v>538</v>
      </c>
      <c r="H2391" s="37" t="s">
        <v>480</v>
      </c>
      <c r="I2391" s="35" t="s">
        <v>381</v>
      </c>
    </row>
    <row r="2392" spans="1:25" x14ac:dyDescent="0.2">
      <c r="B2392" s="5"/>
      <c r="C2392" s="41" t="s">
        <v>38</v>
      </c>
      <c r="D2392" s="42">
        <v>2000</v>
      </c>
      <c r="E2392" s="43">
        <v>19.7</v>
      </c>
      <c r="F2392" s="43">
        <v>50</v>
      </c>
      <c r="G2392" s="43">
        <v>25.3</v>
      </c>
      <c r="H2392" s="44">
        <v>5.0999999999999996</v>
      </c>
    </row>
    <row r="2393" spans="1:25" x14ac:dyDescent="0.2">
      <c r="B2393" s="77" t="s">
        <v>37</v>
      </c>
      <c r="C2393" s="39" t="s">
        <v>39</v>
      </c>
      <c r="D2393" s="45">
        <v>111</v>
      </c>
      <c r="E2393" s="46">
        <v>18</v>
      </c>
      <c r="F2393" s="46">
        <v>47.7</v>
      </c>
      <c r="G2393" s="46">
        <v>29.7</v>
      </c>
      <c r="H2393" s="47">
        <v>4.5</v>
      </c>
    </row>
    <row r="2394" spans="1:25" x14ac:dyDescent="0.2">
      <c r="B2394" s="77"/>
      <c r="C2394" s="39" t="s">
        <v>40</v>
      </c>
      <c r="D2394" s="45">
        <v>450</v>
      </c>
      <c r="E2394" s="46">
        <v>17.8</v>
      </c>
      <c r="F2394" s="46">
        <v>52.9</v>
      </c>
      <c r="G2394" s="46">
        <v>26.7</v>
      </c>
      <c r="H2394" s="47">
        <v>2.7</v>
      </c>
    </row>
    <row r="2395" spans="1:25" ht="21.6" x14ac:dyDescent="0.2">
      <c r="B2395" s="77"/>
      <c r="C2395" s="39" t="s">
        <v>41</v>
      </c>
      <c r="D2395" s="45">
        <v>30</v>
      </c>
      <c r="E2395" s="46">
        <v>20</v>
      </c>
      <c r="F2395" s="46">
        <v>43.3</v>
      </c>
      <c r="G2395" s="46">
        <v>20</v>
      </c>
      <c r="H2395" s="47">
        <v>16.7</v>
      </c>
    </row>
    <row r="2396" spans="1:25" ht="21.6" x14ac:dyDescent="0.2">
      <c r="B2396" s="77"/>
      <c r="C2396" s="39" t="s">
        <v>42</v>
      </c>
      <c r="D2396" s="45">
        <v>336</v>
      </c>
      <c r="E2396" s="46">
        <v>19.3</v>
      </c>
      <c r="F2396" s="46">
        <v>53.9</v>
      </c>
      <c r="G2396" s="46">
        <v>23.5</v>
      </c>
      <c r="H2396" s="47">
        <v>3.3</v>
      </c>
    </row>
    <row r="2397" spans="1:25" ht="21.6" x14ac:dyDescent="0.2">
      <c r="B2397" s="77"/>
      <c r="C2397" s="39" t="s">
        <v>43</v>
      </c>
      <c r="D2397" s="45">
        <v>327</v>
      </c>
      <c r="E2397" s="46">
        <v>21.4</v>
      </c>
      <c r="F2397" s="46">
        <v>45.6</v>
      </c>
      <c r="G2397" s="46">
        <v>27.5</v>
      </c>
      <c r="H2397" s="47">
        <v>5.5</v>
      </c>
    </row>
    <row r="2398" spans="1:25" ht="21.6" x14ac:dyDescent="0.2">
      <c r="B2398" s="77"/>
      <c r="C2398" s="39" t="s">
        <v>44</v>
      </c>
      <c r="D2398" s="45">
        <v>181</v>
      </c>
      <c r="E2398" s="46">
        <v>12.2</v>
      </c>
      <c r="F2398" s="46">
        <v>56.9</v>
      </c>
      <c r="G2398" s="46">
        <v>27.6</v>
      </c>
      <c r="H2398" s="47">
        <v>3.3</v>
      </c>
    </row>
    <row r="2399" spans="1:25" ht="21.6" x14ac:dyDescent="0.2">
      <c r="B2399" s="77"/>
      <c r="C2399" s="39" t="s">
        <v>45</v>
      </c>
      <c r="D2399" s="45">
        <v>565</v>
      </c>
      <c r="E2399" s="46">
        <v>23</v>
      </c>
      <c r="F2399" s="46">
        <v>46.5</v>
      </c>
      <c r="G2399" s="46">
        <v>22.7</v>
      </c>
      <c r="H2399" s="47">
        <v>7.8</v>
      </c>
    </row>
    <row r="2400" spans="1:25" ht="21.6" x14ac:dyDescent="0.2">
      <c r="B2400" s="77"/>
      <c r="C2400" s="39" t="s">
        <v>46</v>
      </c>
      <c r="D2400" s="45">
        <v>473</v>
      </c>
      <c r="E2400" s="46">
        <v>23</v>
      </c>
      <c r="F2400" s="46">
        <v>48</v>
      </c>
      <c r="G2400" s="46">
        <v>25.4</v>
      </c>
      <c r="H2400" s="47">
        <v>3.6</v>
      </c>
    </row>
    <row r="2401" spans="1:25" ht="21.6" x14ac:dyDescent="0.2">
      <c r="B2401" s="77"/>
      <c r="C2401" s="39" t="s">
        <v>47</v>
      </c>
      <c r="D2401" s="45">
        <v>441</v>
      </c>
      <c r="E2401" s="46">
        <v>17.5</v>
      </c>
      <c r="F2401" s="46">
        <v>52.6</v>
      </c>
      <c r="G2401" s="46">
        <v>27.7</v>
      </c>
      <c r="H2401" s="47">
        <v>2.2999999999999998</v>
      </c>
    </row>
    <row r="2402" spans="1:25" ht="21.6" x14ac:dyDescent="0.2">
      <c r="B2402" s="77"/>
      <c r="C2402" s="39" t="s">
        <v>48</v>
      </c>
      <c r="D2402" s="45">
        <v>305</v>
      </c>
      <c r="E2402" s="46">
        <v>17.399999999999999</v>
      </c>
      <c r="F2402" s="46">
        <v>54.8</v>
      </c>
      <c r="G2402" s="46">
        <v>25.9</v>
      </c>
      <c r="H2402" s="47">
        <v>2</v>
      </c>
    </row>
    <row r="2403" spans="1:25" ht="21.6" x14ac:dyDescent="0.2">
      <c r="B2403" s="77"/>
      <c r="C2403" s="39" t="s">
        <v>49</v>
      </c>
      <c r="D2403" s="45">
        <v>223</v>
      </c>
      <c r="E2403" s="46">
        <v>22.9</v>
      </c>
      <c r="F2403" s="46">
        <v>47.5</v>
      </c>
      <c r="G2403" s="46">
        <v>26.9</v>
      </c>
      <c r="H2403" s="47">
        <v>2.7</v>
      </c>
    </row>
    <row r="2404" spans="1:25" ht="21.6" x14ac:dyDescent="0.2">
      <c r="B2404" s="77"/>
      <c r="C2404" s="39" t="s">
        <v>50</v>
      </c>
      <c r="D2404" s="45">
        <v>123</v>
      </c>
      <c r="E2404" s="46">
        <v>20.3</v>
      </c>
      <c r="F2404" s="46">
        <v>54.5</v>
      </c>
      <c r="G2404" s="46">
        <v>23.6</v>
      </c>
      <c r="H2404" s="47">
        <v>1.6</v>
      </c>
    </row>
    <row r="2405" spans="1:25" ht="21.6" x14ac:dyDescent="0.2">
      <c r="B2405" s="77"/>
      <c r="C2405" s="39" t="s">
        <v>51</v>
      </c>
      <c r="D2405" s="45">
        <v>124</v>
      </c>
      <c r="E2405" s="46">
        <v>21.8</v>
      </c>
      <c r="F2405" s="46">
        <v>57.3</v>
      </c>
      <c r="G2405" s="46">
        <v>19.399999999999999</v>
      </c>
      <c r="H2405" s="47">
        <v>1.6</v>
      </c>
    </row>
    <row r="2406" spans="1:25" ht="21.6" x14ac:dyDescent="0.2">
      <c r="B2406" s="77"/>
      <c r="C2406" s="39" t="s">
        <v>52</v>
      </c>
      <c r="D2406" s="45">
        <v>312</v>
      </c>
      <c r="E2406" s="46">
        <v>21.2</v>
      </c>
      <c r="F2406" s="46">
        <v>49</v>
      </c>
      <c r="G2406" s="46">
        <v>25.6</v>
      </c>
      <c r="H2406" s="47">
        <v>4.2</v>
      </c>
    </row>
    <row r="2407" spans="1:25" x14ac:dyDescent="0.2">
      <c r="B2407" s="77"/>
      <c r="C2407" s="39" t="s">
        <v>53</v>
      </c>
      <c r="D2407" s="45">
        <v>269</v>
      </c>
      <c r="E2407" s="46">
        <v>24.2</v>
      </c>
      <c r="F2407" s="46">
        <v>49.1</v>
      </c>
      <c r="G2407" s="46">
        <v>21.2</v>
      </c>
      <c r="H2407" s="47">
        <v>5.6</v>
      </c>
    </row>
    <row r="2408" spans="1:25" ht="21.6" x14ac:dyDescent="0.2">
      <c r="B2408" s="77"/>
      <c r="C2408" s="39" t="s">
        <v>54</v>
      </c>
      <c r="D2408" s="45">
        <v>511</v>
      </c>
      <c r="E2408" s="46">
        <v>21.9</v>
      </c>
      <c r="F2408" s="46">
        <v>47.2</v>
      </c>
      <c r="G2408" s="46">
        <v>27.6</v>
      </c>
      <c r="H2408" s="47">
        <v>3.3</v>
      </c>
    </row>
    <row r="2409" spans="1:25" ht="21.6" x14ac:dyDescent="0.2">
      <c r="B2409" s="77"/>
      <c r="C2409" s="39" t="s">
        <v>55</v>
      </c>
      <c r="D2409" s="45">
        <v>615</v>
      </c>
      <c r="E2409" s="46">
        <v>16.3</v>
      </c>
      <c r="F2409" s="46">
        <v>55.1</v>
      </c>
      <c r="G2409" s="46">
        <v>25.5</v>
      </c>
      <c r="H2409" s="47">
        <v>3.1</v>
      </c>
    </row>
    <row r="2410" spans="1:25" ht="21.6" x14ac:dyDescent="0.2">
      <c r="B2410" s="77"/>
      <c r="C2410" s="39" t="s">
        <v>56</v>
      </c>
      <c r="D2410" s="45">
        <v>800</v>
      </c>
      <c r="E2410" s="46">
        <v>19.600000000000001</v>
      </c>
      <c r="F2410" s="46">
        <v>50.6</v>
      </c>
      <c r="G2410" s="46">
        <v>25.8</v>
      </c>
      <c r="H2410" s="47">
        <v>4</v>
      </c>
    </row>
    <row r="2411" spans="1:25" x14ac:dyDescent="0.2">
      <c r="B2411" s="77"/>
      <c r="C2411" s="40" t="s">
        <v>57</v>
      </c>
      <c r="D2411" s="48">
        <v>798</v>
      </c>
      <c r="E2411" s="49">
        <v>19.8</v>
      </c>
      <c r="F2411" s="49">
        <v>50.4</v>
      </c>
      <c r="G2411" s="49">
        <v>26.2</v>
      </c>
      <c r="H2411" s="50">
        <v>3.6</v>
      </c>
    </row>
    <row r="2413" spans="1:25" x14ac:dyDescent="0.2">
      <c r="C2413" t="s">
        <v>35</v>
      </c>
    </row>
    <row r="2414" spans="1:25" x14ac:dyDescent="0.2">
      <c r="B2414" s="75" t="s">
        <v>303</v>
      </c>
      <c r="C2414" s="76"/>
      <c r="D2414" s="76"/>
      <c r="E2414" s="76"/>
      <c r="F2414" s="76"/>
      <c r="G2414" s="76"/>
      <c r="H2414" s="76"/>
      <c r="I2414" s="76"/>
      <c r="J2414" s="76"/>
      <c r="K2414" s="76"/>
      <c r="L2414" s="76"/>
      <c r="M2414" s="76"/>
      <c r="N2414" s="76"/>
      <c r="O2414" s="76"/>
      <c r="P2414" s="76"/>
      <c r="Q2414" s="76"/>
      <c r="R2414" s="76"/>
      <c r="S2414" s="76"/>
      <c r="T2414" s="76"/>
      <c r="U2414" s="76"/>
      <c r="V2414" s="76"/>
      <c r="W2414" s="76"/>
      <c r="X2414" s="76"/>
      <c r="Y2414" s="76"/>
    </row>
    <row r="2415" spans="1:25" s="32" customFormat="1" ht="36.450000000000003" customHeight="1" x14ac:dyDescent="0.15">
      <c r="A2415" s="31"/>
      <c r="D2415" s="33" t="s">
        <v>378</v>
      </c>
      <c r="E2415" s="36" t="s">
        <v>537</v>
      </c>
      <c r="F2415" s="55" t="s">
        <v>525</v>
      </c>
      <c r="G2415" s="55" t="s">
        <v>538</v>
      </c>
      <c r="H2415" s="37" t="s">
        <v>480</v>
      </c>
      <c r="I2415" s="35" t="s">
        <v>381</v>
      </c>
    </row>
    <row r="2416" spans="1:25" ht="21.6" x14ac:dyDescent="0.2">
      <c r="B2416" s="77" t="s">
        <v>37</v>
      </c>
      <c r="C2416" s="38" t="s">
        <v>58</v>
      </c>
      <c r="D2416" s="51">
        <v>609</v>
      </c>
      <c r="E2416" s="52">
        <v>19.7</v>
      </c>
      <c r="F2416" s="52">
        <v>49.9</v>
      </c>
      <c r="G2416" s="52">
        <v>26.3</v>
      </c>
      <c r="H2416" s="53">
        <v>4.0999999999999996</v>
      </c>
    </row>
    <row r="2417" spans="2:8" ht="21.6" x14ac:dyDescent="0.2">
      <c r="B2417" s="77"/>
      <c r="C2417" s="39" t="s">
        <v>59</v>
      </c>
      <c r="D2417" s="45">
        <v>1391</v>
      </c>
      <c r="E2417" s="46">
        <v>19.600000000000001</v>
      </c>
      <c r="F2417" s="46">
        <v>50</v>
      </c>
      <c r="G2417" s="46">
        <v>24.9</v>
      </c>
      <c r="H2417" s="47">
        <v>5.5</v>
      </c>
    </row>
    <row r="2418" spans="2:8" x14ac:dyDescent="0.2">
      <c r="B2418" s="77"/>
      <c r="C2418" s="39" t="s">
        <v>60</v>
      </c>
      <c r="D2418" s="45">
        <v>1325</v>
      </c>
      <c r="E2418" s="46">
        <v>18.899999999999999</v>
      </c>
      <c r="F2418" s="46">
        <v>51</v>
      </c>
      <c r="G2418" s="46">
        <v>24.8</v>
      </c>
      <c r="H2418" s="47">
        <v>5.2</v>
      </c>
    </row>
    <row r="2419" spans="2:8" x14ac:dyDescent="0.2">
      <c r="B2419" s="77"/>
      <c r="C2419" s="39" t="s">
        <v>61</v>
      </c>
      <c r="D2419" s="45">
        <v>675</v>
      </c>
      <c r="E2419" s="46">
        <v>21</v>
      </c>
      <c r="F2419" s="46">
        <v>48</v>
      </c>
      <c r="G2419" s="46">
        <v>26.2</v>
      </c>
      <c r="H2419" s="47">
        <v>4.7</v>
      </c>
    </row>
    <row r="2420" spans="2:8" x14ac:dyDescent="0.2">
      <c r="B2420" s="77"/>
      <c r="C2420" s="39" t="s">
        <v>62</v>
      </c>
      <c r="D2420" s="45">
        <v>1086</v>
      </c>
      <c r="E2420" s="46">
        <v>17.7</v>
      </c>
      <c r="F2420" s="46">
        <v>53.2</v>
      </c>
      <c r="G2420" s="46">
        <v>24.3</v>
      </c>
      <c r="H2420" s="47">
        <v>4.8</v>
      </c>
    </row>
    <row r="2421" spans="2:8" ht="21.6" x14ac:dyDescent="0.2">
      <c r="B2421" s="77"/>
      <c r="C2421" s="39" t="s">
        <v>63</v>
      </c>
      <c r="D2421" s="45">
        <v>203</v>
      </c>
      <c r="E2421" s="46">
        <v>14.8</v>
      </c>
      <c r="F2421" s="46">
        <v>51.7</v>
      </c>
      <c r="G2421" s="46">
        <v>23.2</v>
      </c>
      <c r="H2421" s="47">
        <v>10.3</v>
      </c>
    </row>
    <row r="2422" spans="2:8" x14ac:dyDescent="0.2">
      <c r="B2422" s="77"/>
      <c r="C2422" s="39" t="s">
        <v>64</v>
      </c>
      <c r="D2422" s="45">
        <v>263</v>
      </c>
      <c r="E2422" s="46">
        <v>19.399999999999999</v>
      </c>
      <c r="F2422" s="46">
        <v>48.3</v>
      </c>
      <c r="G2422" s="46">
        <v>27.8</v>
      </c>
      <c r="H2422" s="47">
        <v>4.5999999999999996</v>
      </c>
    </row>
    <row r="2423" spans="2:8" x14ac:dyDescent="0.2">
      <c r="B2423" s="77"/>
      <c r="C2423" s="39" t="s">
        <v>65</v>
      </c>
      <c r="D2423" s="45">
        <v>312</v>
      </c>
      <c r="E2423" s="46">
        <v>25</v>
      </c>
      <c r="F2423" s="46">
        <v>50</v>
      </c>
      <c r="G2423" s="46">
        <v>19.899999999999999</v>
      </c>
      <c r="H2423" s="47">
        <v>5.0999999999999996</v>
      </c>
    </row>
    <row r="2424" spans="2:8" x14ac:dyDescent="0.2">
      <c r="B2424" s="77"/>
      <c r="C2424" s="39" t="s">
        <v>66</v>
      </c>
      <c r="D2424" s="45">
        <v>230</v>
      </c>
      <c r="E2424" s="46">
        <v>10.9</v>
      </c>
      <c r="F2424" s="46">
        <v>61.7</v>
      </c>
      <c r="G2424" s="46">
        <v>26.5</v>
      </c>
      <c r="H2424" s="47">
        <v>0.9</v>
      </c>
    </row>
    <row r="2425" spans="2:8" x14ac:dyDescent="0.2">
      <c r="B2425" s="77"/>
      <c r="C2425" s="39" t="s">
        <v>67</v>
      </c>
      <c r="D2425" s="45">
        <v>78</v>
      </c>
      <c r="E2425" s="46">
        <v>10.3</v>
      </c>
      <c r="F2425" s="46">
        <v>61.5</v>
      </c>
      <c r="G2425" s="46">
        <v>26.9</v>
      </c>
      <c r="H2425" s="47">
        <v>1.3</v>
      </c>
    </row>
    <row r="2426" spans="2:8" x14ac:dyDescent="0.2">
      <c r="B2426" s="77"/>
      <c r="C2426" s="39" t="s">
        <v>68</v>
      </c>
      <c r="D2426" s="45">
        <v>897</v>
      </c>
      <c r="E2426" s="46">
        <v>17.899999999999999</v>
      </c>
      <c r="F2426" s="46">
        <v>52.8</v>
      </c>
      <c r="G2426" s="46">
        <v>24.6</v>
      </c>
      <c r="H2426" s="47">
        <v>4.5999999999999996</v>
      </c>
    </row>
    <row r="2427" spans="2:8" x14ac:dyDescent="0.2">
      <c r="B2427" s="77"/>
      <c r="C2427" s="39" t="s">
        <v>69</v>
      </c>
      <c r="D2427" s="45">
        <v>189</v>
      </c>
      <c r="E2427" s="46">
        <v>16.399999999999999</v>
      </c>
      <c r="F2427" s="46">
        <v>55</v>
      </c>
      <c r="G2427" s="46">
        <v>22.8</v>
      </c>
      <c r="H2427" s="47">
        <v>5.8</v>
      </c>
    </row>
    <row r="2428" spans="2:8" x14ac:dyDescent="0.2">
      <c r="B2428" s="77"/>
      <c r="C2428" s="39" t="s">
        <v>70</v>
      </c>
      <c r="D2428" s="45">
        <v>914</v>
      </c>
      <c r="E2428" s="46">
        <v>22</v>
      </c>
      <c r="F2428" s="46">
        <v>46.2</v>
      </c>
      <c r="G2428" s="46">
        <v>26.5</v>
      </c>
      <c r="H2428" s="47">
        <v>5.4</v>
      </c>
    </row>
    <row r="2429" spans="2:8" ht="21.6" x14ac:dyDescent="0.2">
      <c r="B2429" s="77"/>
      <c r="C2429" s="39" t="s">
        <v>63</v>
      </c>
      <c r="D2429" s="45">
        <v>193</v>
      </c>
      <c r="E2429" s="46">
        <v>20.2</v>
      </c>
      <c r="F2429" s="46">
        <v>43.5</v>
      </c>
      <c r="G2429" s="46">
        <v>26.9</v>
      </c>
      <c r="H2429" s="47">
        <v>9.3000000000000007</v>
      </c>
    </row>
    <row r="2430" spans="2:8" x14ac:dyDescent="0.2">
      <c r="B2430" s="77"/>
      <c r="C2430" s="39" t="s">
        <v>64</v>
      </c>
      <c r="D2430" s="45">
        <v>203</v>
      </c>
      <c r="E2430" s="46">
        <v>20.2</v>
      </c>
      <c r="F2430" s="46">
        <v>46.3</v>
      </c>
      <c r="G2430" s="46">
        <v>29.6</v>
      </c>
      <c r="H2430" s="47">
        <v>3.9</v>
      </c>
    </row>
    <row r="2431" spans="2:8" x14ac:dyDescent="0.2">
      <c r="B2431" s="77"/>
      <c r="C2431" s="39" t="s">
        <v>65</v>
      </c>
      <c r="D2431" s="45">
        <v>263</v>
      </c>
      <c r="E2431" s="46">
        <v>25.9</v>
      </c>
      <c r="F2431" s="46">
        <v>49.4</v>
      </c>
      <c r="G2431" s="46">
        <v>20.2</v>
      </c>
      <c r="H2431" s="47">
        <v>4.5999999999999996</v>
      </c>
    </row>
    <row r="2432" spans="2:8" x14ac:dyDescent="0.2">
      <c r="B2432" s="77"/>
      <c r="C2432" s="39" t="s">
        <v>66</v>
      </c>
      <c r="D2432" s="45">
        <v>194</v>
      </c>
      <c r="E2432" s="46">
        <v>22.7</v>
      </c>
      <c r="F2432" s="46">
        <v>45.9</v>
      </c>
      <c r="G2432" s="46">
        <v>27.3</v>
      </c>
      <c r="H2432" s="47">
        <v>4.0999999999999996</v>
      </c>
    </row>
    <row r="2433" spans="1:25" x14ac:dyDescent="0.2">
      <c r="B2433" s="77"/>
      <c r="C2433" s="39" t="s">
        <v>67</v>
      </c>
      <c r="D2433" s="45">
        <v>61</v>
      </c>
      <c r="E2433" s="46">
        <v>14.8</v>
      </c>
      <c r="F2433" s="46">
        <v>41</v>
      </c>
      <c r="G2433" s="46">
        <v>39.299999999999997</v>
      </c>
      <c r="H2433" s="47">
        <v>4.9000000000000004</v>
      </c>
    </row>
    <row r="2434" spans="1:25" x14ac:dyDescent="0.2">
      <c r="B2434" s="77"/>
      <c r="C2434" s="39" t="s">
        <v>68</v>
      </c>
      <c r="D2434" s="45">
        <v>416</v>
      </c>
      <c r="E2434" s="46">
        <v>21.9</v>
      </c>
      <c r="F2434" s="46">
        <v>47.4</v>
      </c>
      <c r="G2434" s="46">
        <v>25</v>
      </c>
      <c r="H2434" s="47">
        <v>5.8</v>
      </c>
    </row>
    <row r="2435" spans="1:25" x14ac:dyDescent="0.2">
      <c r="B2435" s="77"/>
      <c r="C2435" s="40" t="s">
        <v>69</v>
      </c>
      <c r="D2435" s="48">
        <v>498</v>
      </c>
      <c r="E2435" s="49">
        <v>22.1</v>
      </c>
      <c r="F2435" s="49">
        <v>45.2</v>
      </c>
      <c r="G2435" s="49">
        <v>27.7</v>
      </c>
      <c r="H2435" s="50">
        <v>5</v>
      </c>
    </row>
    <row r="2437" spans="1:25" x14ac:dyDescent="0.2">
      <c r="A2437" s="26" t="s">
        <v>25</v>
      </c>
      <c r="B2437" t="s">
        <v>35</v>
      </c>
      <c r="C2437" t="s">
        <v>35</v>
      </c>
    </row>
    <row r="2438" spans="1:25" x14ac:dyDescent="0.2">
      <c r="B2438" s="75" t="s">
        <v>137</v>
      </c>
      <c r="C2438" s="76"/>
      <c r="D2438" s="76"/>
      <c r="E2438" s="76"/>
      <c r="F2438" s="76"/>
      <c r="G2438" s="76"/>
      <c r="H2438" s="76"/>
      <c r="I2438" s="76"/>
      <c r="J2438" s="76"/>
      <c r="K2438" s="76"/>
      <c r="L2438" s="76"/>
      <c r="M2438" s="76"/>
      <c r="N2438" s="76"/>
      <c r="O2438" s="76"/>
      <c r="P2438" s="76"/>
      <c r="Q2438" s="76"/>
      <c r="R2438" s="76"/>
      <c r="S2438" s="76"/>
      <c r="T2438" s="76"/>
      <c r="U2438" s="76"/>
      <c r="V2438" s="76"/>
      <c r="W2438" s="76"/>
      <c r="X2438" s="76"/>
      <c r="Y2438" s="76"/>
    </row>
    <row r="2439" spans="1:25" s="32" customFormat="1" ht="47.25" customHeight="1" x14ac:dyDescent="0.15">
      <c r="A2439" s="31"/>
      <c r="D2439" s="33" t="s">
        <v>378</v>
      </c>
      <c r="E2439" s="36" t="s">
        <v>545</v>
      </c>
      <c r="F2439" s="55" t="s">
        <v>546</v>
      </c>
      <c r="G2439" s="55" t="s">
        <v>521</v>
      </c>
      <c r="H2439" s="55" t="s">
        <v>547</v>
      </c>
      <c r="I2439" s="55" t="s">
        <v>548</v>
      </c>
      <c r="J2439" s="55" t="s">
        <v>480</v>
      </c>
      <c r="K2439" s="56" t="s">
        <v>387</v>
      </c>
      <c r="L2439" s="57" t="s">
        <v>388</v>
      </c>
      <c r="M2439" s="54" t="s">
        <v>381</v>
      </c>
    </row>
    <row r="2440" spans="1:25" x14ac:dyDescent="0.2">
      <c r="B2440" s="5"/>
      <c r="C2440" s="41" t="s">
        <v>38</v>
      </c>
      <c r="D2440" s="42">
        <v>2000</v>
      </c>
      <c r="E2440" s="43">
        <v>2.7</v>
      </c>
      <c r="F2440" s="43">
        <v>20.2</v>
      </c>
      <c r="G2440" s="43">
        <v>54.8</v>
      </c>
      <c r="H2440" s="43">
        <v>10.4</v>
      </c>
      <c r="I2440" s="43">
        <v>3.8</v>
      </c>
      <c r="J2440" s="43">
        <v>8.1</v>
      </c>
      <c r="K2440" s="43">
        <v>4.0999999999999996</v>
      </c>
      <c r="L2440" s="58">
        <v>0</v>
      </c>
    </row>
    <row r="2441" spans="1:25" x14ac:dyDescent="0.2">
      <c r="B2441" s="77" t="s">
        <v>37</v>
      </c>
      <c r="C2441" s="39" t="s">
        <v>39</v>
      </c>
      <c r="D2441" s="45">
        <v>111</v>
      </c>
      <c r="E2441" s="46">
        <v>3.6</v>
      </c>
      <c r="F2441" s="46">
        <v>19.8</v>
      </c>
      <c r="G2441" s="46">
        <v>55.9</v>
      </c>
      <c r="H2441" s="46">
        <v>10.8</v>
      </c>
      <c r="I2441" s="46">
        <v>5.4</v>
      </c>
      <c r="J2441" s="46">
        <v>4.5</v>
      </c>
      <c r="K2441" s="46">
        <v>2.8</v>
      </c>
      <c r="L2441" s="59">
        <v>0</v>
      </c>
    </row>
    <row r="2442" spans="1:25" x14ac:dyDescent="0.2">
      <c r="B2442" s="77"/>
      <c r="C2442" s="39" t="s">
        <v>40</v>
      </c>
      <c r="D2442" s="45">
        <v>450</v>
      </c>
      <c r="E2442" s="46">
        <v>1.8</v>
      </c>
      <c r="F2442" s="46">
        <v>20.9</v>
      </c>
      <c r="G2442" s="46">
        <v>57.6</v>
      </c>
      <c r="H2442" s="46">
        <v>11.3</v>
      </c>
      <c r="I2442" s="46">
        <v>3.1</v>
      </c>
      <c r="J2442" s="46">
        <v>5.3</v>
      </c>
      <c r="K2442" s="46">
        <v>3.6</v>
      </c>
      <c r="L2442" s="59">
        <v>0</v>
      </c>
    </row>
    <row r="2443" spans="1:25" ht="21.6" x14ac:dyDescent="0.2">
      <c r="B2443" s="77"/>
      <c r="C2443" s="39" t="s">
        <v>41</v>
      </c>
      <c r="D2443" s="45">
        <v>30</v>
      </c>
      <c r="E2443" s="46">
        <v>3.3</v>
      </c>
      <c r="F2443" s="46">
        <v>30</v>
      </c>
      <c r="G2443" s="46">
        <v>40</v>
      </c>
      <c r="H2443" s="46">
        <v>6.7</v>
      </c>
      <c r="I2443" s="46">
        <v>6.7</v>
      </c>
      <c r="J2443" s="46">
        <v>13.3</v>
      </c>
      <c r="K2443" s="46">
        <v>9.6</v>
      </c>
      <c r="L2443" s="59">
        <v>0</v>
      </c>
    </row>
    <row r="2444" spans="1:25" ht="21.6" x14ac:dyDescent="0.2">
      <c r="B2444" s="77"/>
      <c r="C2444" s="39" t="s">
        <v>42</v>
      </c>
      <c r="D2444" s="45">
        <v>336</v>
      </c>
      <c r="E2444" s="46">
        <v>3</v>
      </c>
      <c r="F2444" s="46">
        <v>18.8</v>
      </c>
      <c r="G2444" s="46">
        <v>58.3</v>
      </c>
      <c r="H2444" s="46">
        <v>7.7</v>
      </c>
      <c r="I2444" s="46">
        <v>4.2</v>
      </c>
      <c r="J2444" s="46">
        <v>8</v>
      </c>
      <c r="K2444" s="46">
        <v>4.7</v>
      </c>
      <c r="L2444" s="59">
        <v>0</v>
      </c>
    </row>
    <row r="2445" spans="1:25" ht="21.6" x14ac:dyDescent="0.2">
      <c r="B2445" s="77"/>
      <c r="C2445" s="39" t="s">
        <v>43</v>
      </c>
      <c r="D2445" s="45">
        <v>327</v>
      </c>
      <c r="E2445" s="46">
        <v>3.1</v>
      </c>
      <c r="F2445" s="46">
        <v>19.3</v>
      </c>
      <c r="G2445" s="46">
        <v>56</v>
      </c>
      <c r="H2445" s="46">
        <v>10.7</v>
      </c>
      <c r="I2445" s="46">
        <v>4</v>
      </c>
      <c r="J2445" s="46">
        <v>7</v>
      </c>
      <c r="K2445" s="46">
        <v>3.6</v>
      </c>
      <c r="L2445" s="59">
        <v>0</v>
      </c>
    </row>
    <row r="2446" spans="1:25" ht="21.6" x14ac:dyDescent="0.2">
      <c r="B2446" s="77"/>
      <c r="C2446" s="39" t="s">
        <v>44</v>
      </c>
      <c r="D2446" s="45">
        <v>181</v>
      </c>
      <c r="E2446" s="46">
        <v>3.3</v>
      </c>
      <c r="F2446" s="46">
        <v>21.5</v>
      </c>
      <c r="G2446" s="46">
        <v>51.9</v>
      </c>
      <c r="H2446" s="46">
        <v>12.2</v>
      </c>
      <c r="I2446" s="46">
        <v>6.1</v>
      </c>
      <c r="J2446" s="46">
        <v>5</v>
      </c>
      <c r="K2446" s="46">
        <v>2</v>
      </c>
      <c r="L2446" s="59">
        <v>0</v>
      </c>
    </row>
    <row r="2447" spans="1:25" ht="21.6" x14ac:dyDescent="0.2">
      <c r="B2447" s="77"/>
      <c r="C2447" s="39" t="s">
        <v>45</v>
      </c>
      <c r="D2447" s="45">
        <v>565</v>
      </c>
      <c r="E2447" s="46">
        <v>2.7</v>
      </c>
      <c r="F2447" s="46">
        <v>20.2</v>
      </c>
      <c r="G2447" s="46">
        <v>51.3</v>
      </c>
      <c r="H2447" s="46">
        <v>10.6</v>
      </c>
      <c r="I2447" s="46">
        <v>2.8</v>
      </c>
      <c r="J2447" s="46">
        <v>12.4</v>
      </c>
      <c r="K2447" s="46">
        <v>5.3</v>
      </c>
      <c r="L2447" s="59">
        <v>0</v>
      </c>
    </row>
    <row r="2448" spans="1:25" ht="21.6" x14ac:dyDescent="0.2">
      <c r="B2448" s="77"/>
      <c r="C2448" s="39" t="s">
        <v>46</v>
      </c>
      <c r="D2448" s="45">
        <v>473</v>
      </c>
      <c r="E2448" s="46">
        <v>3.4</v>
      </c>
      <c r="F2448" s="46">
        <v>16.5</v>
      </c>
      <c r="G2448" s="46">
        <v>51.8</v>
      </c>
      <c r="H2448" s="46">
        <v>14.6</v>
      </c>
      <c r="I2448" s="46">
        <v>6.1</v>
      </c>
      <c r="J2448" s="46">
        <v>7.6</v>
      </c>
      <c r="K2448" s="46">
        <v>-1.9</v>
      </c>
      <c r="L2448" s="59">
        <v>0</v>
      </c>
    </row>
    <row r="2449" spans="2:25" ht="21.6" x14ac:dyDescent="0.2">
      <c r="B2449" s="77"/>
      <c r="C2449" s="39" t="s">
        <v>47</v>
      </c>
      <c r="D2449" s="45">
        <v>441</v>
      </c>
      <c r="E2449" s="46">
        <v>2.9</v>
      </c>
      <c r="F2449" s="46">
        <v>18.399999999999999</v>
      </c>
      <c r="G2449" s="46">
        <v>59.2</v>
      </c>
      <c r="H2449" s="46">
        <v>10.199999999999999</v>
      </c>
      <c r="I2449" s="46">
        <v>4.3</v>
      </c>
      <c r="J2449" s="46">
        <v>5</v>
      </c>
      <c r="K2449" s="46">
        <v>2.9</v>
      </c>
      <c r="L2449" s="59">
        <v>0</v>
      </c>
    </row>
    <row r="2450" spans="2:25" ht="21.6" x14ac:dyDescent="0.2">
      <c r="B2450" s="77"/>
      <c r="C2450" s="39" t="s">
        <v>48</v>
      </c>
      <c r="D2450" s="45">
        <v>305</v>
      </c>
      <c r="E2450" s="46">
        <v>1.6</v>
      </c>
      <c r="F2450" s="46">
        <v>23.3</v>
      </c>
      <c r="G2450" s="46">
        <v>58.7</v>
      </c>
      <c r="H2450" s="46">
        <v>11.1</v>
      </c>
      <c r="I2450" s="46">
        <v>2</v>
      </c>
      <c r="J2450" s="46">
        <v>3.3</v>
      </c>
      <c r="K2450" s="46">
        <v>5.9</v>
      </c>
      <c r="L2450" s="59">
        <v>0</v>
      </c>
    </row>
    <row r="2451" spans="2:25" ht="21.6" x14ac:dyDescent="0.2">
      <c r="B2451" s="77"/>
      <c r="C2451" s="39" t="s">
        <v>49</v>
      </c>
      <c r="D2451" s="45">
        <v>223</v>
      </c>
      <c r="E2451" s="46">
        <v>3.1</v>
      </c>
      <c r="F2451" s="46">
        <v>26.5</v>
      </c>
      <c r="G2451" s="46">
        <v>52.5</v>
      </c>
      <c r="H2451" s="46">
        <v>8.5</v>
      </c>
      <c r="I2451" s="46">
        <v>4</v>
      </c>
      <c r="J2451" s="46">
        <v>5.4</v>
      </c>
      <c r="K2451" s="46">
        <v>8.5</v>
      </c>
      <c r="L2451" s="59">
        <v>0</v>
      </c>
    </row>
    <row r="2452" spans="2:25" ht="21.6" x14ac:dyDescent="0.2">
      <c r="B2452" s="77"/>
      <c r="C2452" s="39" t="s">
        <v>50</v>
      </c>
      <c r="D2452" s="45">
        <v>123</v>
      </c>
      <c r="E2452" s="46">
        <v>2.4</v>
      </c>
      <c r="F2452" s="46">
        <v>30.1</v>
      </c>
      <c r="G2452" s="46">
        <v>58.5</v>
      </c>
      <c r="H2452" s="46">
        <v>4.0999999999999996</v>
      </c>
      <c r="I2452" s="46">
        <v>2.4</v>
      </c>
      <c r="J2452" s="46">
        <v>2.4</v>
      </c>
      <c r="K2452" s="46">
        <v>13.3</v>
      </c>
      <c r="L2452" s="59">
        <v>0</v>
      </c>
    </row>
    <row r="2453" spans="2:25" ht="21.6" x14ac:dyDescent="0.2">
      <c r="B2453" s="77"/>
      <c r="C2453" s="39" t="s">
        <v>51</v>
      </c>
      <c r="D2453" s="45">
        <v>124</v>
      </c>
      <c r="E2453" s="46">
        <v>4.8</v>
      </c>
      <c r="F2453" s="46">
        <v>27.4</v>
      </c>
      <c r="G2453" s="46">
        <v>58.9</v>
      </c>
      <c r="H2453" s="46">
        <v>4.8</v>
      </c>
      <c r="I2453" s="46">
        <v>0.8</v>
      </c>
      <c r="J2453" s="46">
        <v>3.2</v>
      </c>
      <c r="K2453" s="46">
        <v>15.8</v>
      </c>
      <c r="L2453" s="59">
        <v>0</v>
      </c>
    </row>
    <row r="2454" spans="2:25" ht="21.6" x14ac:dyDescent="0.2">
      <c r="B2454" s="77"/>
      <c r="C2454" s="39" t="s">
        <v>52</v>
      </c>
      <c r="D2454" s="45">
        <v>312</v>
      </c>
      <c r="E2454" s="46">
        <v>2.9</v>
      </c>
      <c r="F2454" s="46">
        <v>17.3</v>
      </c>
      <c r="G2454" s="46">
        <v>55.4</v>
      </c>
      <c r="H2454" s="46">
        <v>13.1</v>
      </c>
      <c r="I2454" s="46">
        <v>4.8</v>
      </c>
      <c r="J2454" s="46">
        <v>6.4</v>
      </c>
      <c r="K2454" s="46">
        <v>0.2</v>
      </c>
      <c r="L2454" s="59">
        <v>0</v>
      </c>
    </row>
    <row r="2455" spans="2:25" x14ac:dyDescent="0.2">
      <c r="B2455" s="77"/>
      <c r="C2455" s="39" t="s">
        <v>53</v>
      </c>
      <c r="D2455" s="45">
        <v>269</v>
      </c>
      <c r="E2455" s="46">
        <v>2.6</v>
      </c>
      <c r="F2455" s="46">
        <v>20.8</v>
      </c>
      <c r="G2455" s="46">
        <v>55</v>
      </c>
      <c r="H2455" s="46">
        <v>10.4</v>
      </c>
      <c r="I2455" s="46">
        <v>1.5</v>
      </c>
      <c r="J2455" s="46">
        <v>9.6999999999999993</v>
      </c>
      <c r="K2455" s="46">
        <v>7</v>
      </c>
      <c r="L2455" s="59">
        <v>0</v>
      </c>
    </row>
    <row r="2456" spans="2:25" ht="21.6" x14ac:dyDescent="0.2">
      <c r="B2456" s="77"/>
      <c r="C2456" s="39" t="s">
        <v>54</v>
      </c>
      <c r="D2456" s="45">
        <v>511</v>
      </c>
      <c r="E2456" s="46">
        <v>2.9</v>
      </c>
      <c r="F2456" s="46">
        <v>21.3</v>
      </c>
      <c r="G2456" s="46">
        <v>55</v>
      </c>
      <c r="H2456" s="46">
        <v>11.4</v>
      </c>
      <c r="I2456" s="46">
        <v>3.9</v>
      </c>
      <c r="J2456" s="46">
        <v>5.5</v>
      </c>
      <c r="K2456" s="46">
        <v>4.2</v>
      </c>
      <c r="L2456" s="59">
        <v>0</v>
      </c>
    </row>
    <row r="2457" spans="2:25" ht="21.6" x14ac:dyDescent="0.2">
      <c r="B2457" s="77"/>
      <c r="C2457" s="39" t="s">
        <v>55</v>
      </c>
      <c r="D2457" s="45">
        <v>615</v>
      </c>
      <c r="E2457" s="46">
        <v>2.4</v>
      </c>
      <c r="F2457" s="46">
        <v>23.4</v>
      </c>
      <c r="G2457" s="46">
        <v>56.9</v>
      </c>
      <c r="H2457" s="46">
        <v>7.8</v>
      </c>
      <c r="I2457" s="46">
        <v>3.9</v>
      </c>
      <c r="J2457" s="46">
        <v>5.5</v>
      </c>
      <c r="K2457" s="46">
        <v>6.7</v>
      </c>
      <c r="L2457" s="59">
        <v>0</v>
      </c>
    </row>
    <row r="2458" spans="2:25" ht="21.6" x14ac:dyDescent="0.2">
      <c r="B2458" s="77"/>
      <c r="C2458" s="39" t="s">
        <v>56</v>
      </c>
      <c r="D2458" s="45">
        <v>800</v>
      </c>
      <c r="E2458" s="46">
        <v>3.3</v>
      </c>
      <c r="F2458" s="46">
        <v>24.1</v>
      </c>
      <c r="G2458" s="46">
        <v>53.9</v>
      </c>
      <c r="H2458" s="46">
        <v>9.6</v>
      </c>
      <c r="I2458" s="46">
        <v>2.9</v>
      </c>
      <c r="J2458" s="46">
        <v>6.3</v>
      </c>
      <c r="K2458" s="46">
        <v>8.1</v>
      </c>
      <c r="L2458" s="59">
        <v>0</v>
      </c>
    </row>
    <row r="2459" spans="2:25" x14ac:dyDescent="0.2">
      <c r="B2459" s="77"/>
      <c r="C2459" s="40" t="s">
        <v>57</v>
      </c>
      <c r="D2459" s="48">
        <v>798</v>
      </c>
      <c r="E2459" s="49">
        <v>1.9</v>
      </c>
      <c r="F2459" s="49">
        <v>20.3</v>
      </c>
      <c r="G2459" s="49">
        <v>55.4</v>
      </c>
      <c r="H2459" s="49">
        <v>12.2</v>
      </c>
      <c r="I2459" s="49">
        <v>4.5</v>
      </c>
      <c r="J2459" s="49">
        <v>5.8</v>
      </c>
      <c r="K2459" s="49">
        <v>1.5</v>
      </c>
      <c r="L2459" s="60">
        <v>0</v>
      </c>
    </row>
    <row r="2460" spans="2:25" x14ac:dyDescent="0.2">
      <c r="B2460" s="7" t="s">
        <v>71</v>
      </c>
      <c r="C2460" s="4" t="s">
        <v>138</v>
      </c>
    </row>
    <row r="2461" spans="2:25" x14ac:dyDescent="0.2">
      <c r="B2461" s="4"/>
      <c r="C2461" s="4" t="s">
        <v>73</v>
      </c>
    </row>
    <row r="2463" spans="2:25" x14ac:dyDescent="0.2">
      <c r="C2463" t="s">
        <v>35</v>
      </c>
    </row>
    <row r="2464" spans="2:25" x14ac:dyDescent="0.2">
      <c r="B2464" s="75" t="s">
        <v>304</v>
      </c>
      <c r="C2464" s="76"/>
      <c r="D2464" s="76"/>
      <c r="E2464" s="76"/>
      <c r="F2464" s="76"/>
      <c r="G2464" s="76"/>
      <c r="H2464" s="76"/>
      <c r="I2464" s="76"/>
      <c r="J2464" s="76"/>
      <c r="K2464" s="76"/>
      <c r="L2464" s="76"/>
      <c r="M2464" s="76"/>
      <c r="N2464" s="76"/>
      <c r="O2464" s="76"/>
      <c r="P2464" s="76"/>
      <c r="Q2464" s="76"/>
      <c r="R2464" s="76"/>
      <c r="S2464" s="76"/>
      <c r="T2464" s="76"/>
      <c r="U2464" s="76"/>
      <c r="V2464" s="76"/>
      <c r="W2464" s="76"/>
      <c r="X2464" s="76"/>
      <c r="Y2464" s="76"/>
    </row>
    <row r="2465" spans="1:13" s="32" customFormat="1" ht="47.25" customHeight="1" x14ac:dyDescent="0.15">
      <c r="A2465" s="31"/>
      <c r="D2465" s="33" t="s">
        <v>378</v>
      </c>
      <c r="E2465" s="36" t="s">
        <v>545</v>
      </c>
      <c r="F2465" s="55" t="s">
        <v>546</v>
      </c>
      <c r="G2465" s="55" t="s">
        <v>521</v>
      </c>
      <c r="H2465" s="55" t="s">
        <v>547</v>
      </c>
      <c r="I2465" s="55" t="s">
        <v>548</v>
      </c>
      <c r="J2465" s="55" t="s">
        <v>480</v>
      </c>
      <c r="K2465" s="56" t="s">
        <v>387</v>
      </c>
      <c r="L2465" s="57" t="s">
        <v>388</v>
      </c>
      <c r="M2465" s="54" t="s">
        <v>381</v>
      </c>
    </row>
    <row r="2466" spans="1:13" ht="21.6" x14ac:dyDescent="0.2">
      <c r="B2466" s="77" t="s">
        <v>37</v>
      </c>
      <c r="C2466" s="38" t="s">
        <v>58</v>
      </c>
      <c r="D2466" s="51">
        <v>609</v>
      </c>
      <c r="E2466" s="52">
        <v>3.1</v>
      </c>
      <c r="F2466" s="52">
        <v>25.3</v>
      </c>
      <c r="G2466" s="52">
        <v>51.6</v>
      </c>
      <c r="H2466" s="52">
        <v>9.9</v>
      </c>
      <c r="I2466" s="52">
        <v>3.3</v>
      </c>
      <c r="J2466" s="52">
        <v>6.9</v>
      </c>
      <c r="K2466" s="52">
        <v>8.1</v>
      </c>
      <c r="L2466" s="61">
        <v>0</v>
      </c>
    </row>
    <row r="2467" spans="1:13" ht="21.6" x14ac:dyDescent="0.2">
      <c r="B2467" s="77"/>
      <c r="C2467" s="39" t="s">
        <v>59</v>
      </c>
      <c r="D2467" s="45">
        <v>1391</v>
      </c>
      <c r="E2467" s="46">
        <v>2.5</v>
      </c>
      <c r="F2467" s="46">
        <v>18</v>
      </c>
      <c r="G2467" s="46">
        <v>56.2</v>
      </c>
      <c r="H2467" s="46">
        <v>10.6</v>
      </c>
      <c r="I2467" s="46">
        <v>4</v>
      </c>
      <c r="J2467" s="46">
        <v>8.6</v>
      </c>
      <c r="K2467" s="46">
        <v>2.4</v>
      </c>
      <c r="L2467" s="59">
        <v>0</v>
      </c>
    </row>
    <row r="2468" spans="1:13" x14ac:dyDescent="0.2">
      <c r="B2468" s="77"/>
      <c r="C2468" s="39" t="s">
        <v>60</v>
      </c>
      <c r="D2468" s="45">
        <v>1325</v>
      </c>
      <c r="E2468" s="46">
        <v>2.4</v>
      </c>
      <c r="F2468" s="46">
        <v>20.100000000000001</v>
      </c>
      <c r="G2468" s="46">
        <v>54.4</v>
      </c>
      <c r="H2468" s="46">
        <v>10.5</v>
      </c>
      <c r="I2468" s="46">
        <v>4.2</v>
      </c>
      <c r="J2468" s="46">
        <v>8.5</v>
      </c>
      <c r="K2468" s="46">
        <v>3.3</v>
      </c>
      <c r="L2468" s="59">
        <v>0</v>
      </c>
    </row>
    <row r="2469" spans="1:13" x14ac:dyDescent="0.2">
      <c r="B2469" s="77"/>
      <c r="C2469" s="39" t="s">
        <v>61</v>
      </c>
      <c r="D2469" s="45">
        <v>675</v>
      </c>
      <c r="E2469" s="46">
        <v>3.3</v>
      </c>
      <c r="F2469" s="46">
        <v>20.399999999999999</v>
      </c>
      <c r="G2469" s="46">
        <v>55.6</v>
      </c>
      <c r="H2469" s="46">
        <v>10.199999999999999</v>
      </c>
      <c r="I2469" s="46">
        <v>3.1</v>
      </c>
      <c r="J2469" s="46">
        <v>7.4</v>
      </c>
      <c r="K2469" s="46">
        <v>5.7</v>
      </c>
      <c r="L2469" s="59">
        <v>0</v>
      </c>
    </row>
    <row r="2470" spans="1:13" x14ac:dyDescent="0.2">
      <c r="B2470" s="77"/>
      <c r="C2470" s="39" t="s">
        <v>62</v>
      </c>
      <c r="D2470" s="45">
        <v>1086</v>
      </c>
      <c r="E2470" s="46">
        <v>2.2000000000000002</v>
      </c>
      <c r="F2470" s="46">
        <v>20.100000000000001</v>
      </c>
      <c r="G2470" s="46">
        <v>56</v>
      </c>
      <c r="H2470" s="46">
        <v>10.7</v>
      </c>
      <c r="I2470" s="46">
        <v>4</v>
      </c>
      <c r="J2470" s="46">
        <v>7.1</v>
      </c>
      <c r="K2470" s="46">
        <v>3.2</v>
      </c>
      <c r="L2470" s="59">
        <v>0</v>
      </c>
    </row>
    <row r="2471" spans="1:13" ht="21.6" x14ac:dyDescent="0.2">
      <c r="B2471" s="77"/>
      <c r="C2471" s="39" t="s">
        <v>63</v>
      </c>
      <c r="D2471" s="45">
        <v>203</v>
      </c>
      <c r="E2471" s="46">
        <v>3.9</v>
      </c>
      <c r="F2471" s="46">
        <v>20.2</v>
      </c>
      <c r="G2471" s="46">
        <v>54.2</v>
      </c>
      <c r="H2471" s="46">
        <v>5.9</v>
      </c>
      <c r="I2471" s="46">
        <v>4.9000000000000004</v>
      </c>
      <c r="J2471" s="46">
        <v>10.8</v>
      </c>
      <c r="K2471" s="46">
        <v>6.9</v>
      </c>
      <c r="L2471" s="59">
        <v>0</v>
      </c>
    </row>
    <row r="2472" spans="1:13" x14ac:dyDescent="0.2">
      <c r="B2472" s="77"/>
      <c r="C2472" s="39" t="s">
        <v>64</v>
      </c>
      <c r="D2472" s="45">
        <v>263</v>
      </c>
      <c r="E2472" s="46">
        <v>3</v>
      </c>
      <c r="F2472" s="46">
        <v>20.5</v>
      </c>
      <c r="G2472" s="46">
        <v>52.9</v>
      </c>
      <c r="H2472" s="46">
        <v>11.4</v>
      </c>
      <c r="I2472" s="46">
        <v>4.9000000000000004</v>
      </c>
      <c r="J2472" s="46">
        <v>7.2</v>
      </c>
      <c r="K2472" s="46">
        <v>2.9</v>
      </c>
      <c r="L2472" s="59">
        <v>0</v>
      </c>
    </row>
    <row r="2473" spans="1:13" x14ac:dyDescent="0.2">
      <c r="B2473" s="77"/>
      <c r="C2473" s="39" t="s">
        <v>65</v>
      </c>
      <c r="D2473" s="45">
        <v>312</v>
      </c>
      <c r="E2473" s="46">
        <v>1.6</v>
      </c>
      <c r="F2473" s="46">
        <v>23.1</v>
      </c>
      <c r="G2473" s="46">
        <v>51.6</v>
      </c>
      <c r="H2473" s="46">
        <v>12.2</v>
      </c>
      <c r="I2473" s="46">
        <v>3.2</v>
      </c>
      <c r="J2473" s="46">
        <v>8.3000000000000007</v>
      </c>
      <c r="K2473" s="46">
        <v>4.2</v>
      </c>
      <c r="L2473" s="59">
        <v>0</v>
      </c>
    </row>
    <row r="2474" spans="1:13" x14ac:dyDescent="0.2">
      <c r="B2474" s="77"/>
      <c r="C2474" s="39" t="s">
        <v>66</v>
      </c>
      <c r="D2474" s="45">
        <v>230</v>
      </c>
      <c r="E2474" s="46">
        <v>0.9</v>
      </c>
      <c r="F2474" s="46">
        <v>16.100000000000001</v>
      </c>
      <c r="G2474" s="46">
        <v>65.7</v>
      </c>
      <c r="H2474" s="46">
        <v>9.6</v>
      </c>
      <c r="I2474" s="46">
        <v>3.5</v>
      </c>
      <c r="J2474" s="46">
        <v>4.3</v>
      </c>
      <c r="K2474" s="46">
        <v>0.7</v>
      </c>
      <c r="L2474" s="59">
        <v>0</v>
      </c>
    </row>
    <row r="2475" spans="1:13" x14ac:dyDescent="0.2">
      <c r="B2475" s="77"/>
      <c r="C2475" s="39" t="s">
        <v>67</v>
      </c>
      <c r="D2475" s="45">
        <v>78</v>
      </c>
      <c r="E2475" s="46">
        <v>1.3</v>
      </c>
      <c r="F2475" s="46">
        <v>17.899999999999999</v>
      </c>
      <c r="G2475" s="46">
        <v>60.3</v>
      </c>
      <c r="H2475" s="46">
        <v>17.899999999999999</v>
      </c>
      <c r="I2475" s="46">
        <v>2.6</v>
      </c>
      <c r="J2475" s="46">
        <v>0</v>
      </c>
      <c r="K2475" s="46">
        <v>-1.3</v>
      </c>
      <c r="L2475" s="59">
        <v>0</v>
      </c>
    </row>
    <row r="2476" spans="1:13" x14ac:dyDescent="0.2">
      <c r="B2476" s="77"/>
      <c r="C2476" s="39" t="s">
        <v>68</v>
      </c>
      <c r="D2476" s="45">
        <v>897</v>
      </c>
      <c r="E2476" s="46">
        <v>1.8</v>
      </c>
      <c r="F2476" s="46">
        <v>21.4</v>
      </c>
      <c r="G2476" s="46">
        <v>56.1</v>
      </c>
      <c r="H2476" s="46">
        <v>10.1</v>
      </c>
      <c r="I2476" s="46">
        <v>4</v>
      </c>
      <c r="J2476" s="46">
        <v>6.6</v>
      </c>
      <c r="K2476" s="46">
        <v>3.6</v>
      </c>
      <c r="L2476" s="59">
        <v>0</v>
      </c>
    </row>
    <row r="2477" spans="1:13" x14ac:dyDescent="0.2">
      <c r="B2477" s="77"/>
      <c r="C2477" s="39" t="s">
        <v>69</v>
      </c>
      <c r="D2477" s="45">
        <v>189</v>
      </c>
      <c r="E2477" s="46">
        <v>4.2</v>
      </c>
      <c r="F2477" s="46">
        <v>13.8</v>
      </c>
      <c r="G2477" s="46">
        <v>55.6</v>
      </c>
      <c r="H2477" s="46">
        <v>13.2</v>
      </c>
      <c r="I2477" s="46">
        <v>3.7</v>
      </c>
      <c r="J2477" s="46">
        <v>9.5</v>
      </c>
      <c r="K2477" s="46">
        <v>0.9</v>
      </c>
      <c r="L2477" s="59">
        <v>0</v>
      </c>
    </row>
    <row r="2478" spans="1:13" x14ac:dyDescent="0.2">
      <c r="B2478" s="77"/>
      <c r="C2478" s="39" t="s">
        <v>70</v>
      </c>
      <c r="D2478" s="45">
        <v>914</v>
      </c>
      <c r="E2478" s="46">
        <v>3.3</v>
      </c>
      <c r="F2478" s="46">
        <v>20.399999999999999</v>
      </c>
      <c r="G2478" s="46">
        <v>53.4</v>
      </c>
      <c r="H2478" s="46">
        <v>10.1</v>
      </c>
      <c r="I2478" s="46">
        <v>3.6</v>
      </c>
      <c r="J2478" s="46">
        <v>9.3000000000000007</v>
      </c>
      <c r="K2478" s="46">
        <v>5.3</v>
      </c>
      <c r="L2478" s="59">
        <v>0</v>
      </c>
    </row>
    <row r="2479" spans="1:13" ht="21.6" x14ac:dyDescent="0.2">
      <c r="B2479" s="77"/>
      <c r="C2479" s="39" t="s">
        <v>63</v>
      </c>
      <c r="D2479" s="45">
        <v>193</v>
      </c>
      <c r="E2479" s="46">
        <v>4.0999999999999996</v>
      </c>
      <c r="F2479" s="46">
        <v>20.7</v>
      </c>
      <c r="G2479" s="46">
        <v>49.7</v>
      </c>
      <c r="H2479" s="46">
        <v>10.9</v>
      </c>
      <c r="I2479" s="46">
        <v>2.1</v>
      </c>
      <c r="J2479" s="46">
        <v>12.4</v>
      </c>
      <c r="K2479" s="46">
        <v>8</v>
      </c>
      <c r="L2479" s="59">
        <v>0</v>
      </c>
    </row>
    <row r="2480" spans="1:13" x14ac:dyDescent="0.2">
      <c r="B2480" s="77"/>
      <c r="C2480" s="39" t="s">
        <v>64</v>
      </c>
      <c r="D2480" s="45">
        <v>203</v>
      </c>
      <c r="E2480" s="46">
        <v>3.4</v>
      </c>
      <c r="F2480" s="46">
        <v>24.1</v>
      </c>
      <c r="G2480" s="46">
        <v>53.2</v>
      </c>
      <c r="H2480" s="46">
        <v>7.4</v>
      </c>
      <c r="I2480" s="46">
        <v>3</v>
      </c>
      <c r="J2480" s="46">
        <v>8.9</v>
      </c>
      <c r="K2480" s="46">
        <v>9.6999999999999993</v>
      </c>
      <c r="L2480" s="59">
        <v>0</v>
      </c>
    </row>
    <row r="2481" spans="1:25" x14ac:dyDescent="0.2">
      <c r="B2481" s="77"/>
      <c r="C2481" s="39" t="s">
        <v>65</v>
      </c>
      <c r="D2481" s="45">
        <v>263</v>
      </c>
      <c r="E2481" s="46">
        <v>3.8</v>
      </c>
      <c r="F2481" s="46">
        <v>21.3</v>
      </c>
      <c r="G2481" s="46">
        <v>53.2</v>
      </c>
      <c r="H2481" s="46">
        <v>8.6999999999999993</v>
      </c>
      <c r="I2481" s="46">
        <v>4.2</v>
      </c>
      <c r="J2481" s="46">
        <v>8.6999999999999993</v>
      </c>
      <c r="K2481" s="46">
        <v>6.5</v>
      </c>
      <c r="L2481" s="59">
        <v>0</v>
      </c>
    </row>
    <row r="2482" spans="1:25" x14ac:dyDescent="0.2">
      <c r="B2482" s="77"/>
      <c r="C2482" s="39" t="s">
        <v>66</v>
      </c>
      <c r="D2482" s="45">
        <v>194</v>
      </c>
      <c r="E2482" s="46">
        <v>2.1</v>
      </c>
      <c r="F2482" s="46">
        <v>15.5</v>
      </c>
      <c r="G2482" s="46">
        <v>60.8</v>
      </c>
      <c r="H2482" s="46">
        <v>11.3</v>
      </c>
      <c r="I2482" s="46">
        <v>2.6</v>
      </c>
      <c r="J2482" s="46">
        <v>7.7</v>
      </c>
      <c r="K2482" s="46">
        <v>1.7</v>
      </c>
      <c r="L2482" s="59">
        <v>0</v>
      </c>
    </row>
    <row r="2483" spans="1:25" x14ac:dyDescent="0.2">
      <c r="B2483" s="77"/>
      <c r="C2483" s="39" t="s">
        <v>67</v>
      </c>
      <c r="D2483" s="45">
        <v>61</v>
      </c>
      <c r="E2483" s="46">
        <v>1.6</v>
      </c>
      <c r="F2483" s="46">
        <v>18</v>
      </c>
      <c r="G2483" s="46">
        <v>42.6</v>
      </c>
      <c r="H2483" s="46">
        <v>18</v>
      </c>
      <c r="I2483" s="46">
        <v>11.5</v>
      </c>
      <c r="J2483" s="46">
        <v>8.1999999999999993</v>
      </c>
      <c r="K2483" s="46">
        <v>-10.7</v>
      </c>
      <c r="L2483" s="59">
        <v>0</v>
      </c>
    </row>
    <row r="2484" spans="1:25" x14ac:dyDescent="0.2">
      <c r="B2484" s="77"/>
      <c r="C2484" s="39" t="s">
        <v>68</v>
      </c>
      <c r="D2484" s="45">
        <v>416</v>
      </c>
      <c r="E2484" s="46">
        <v>3.1</v>
      </c>
      <c r="F2484" s="46">
        <v>22.6</v>
      </c>
      <c r="G2484" s="46">
        <v>53.6</v>
      </c>
      <c r="H2484" s="46">
        <v>9.1</v>
      </c>
      <c r="I2484" s="46">
        <v>3.1</v>
      </c>
      <c r="J2484" s="46">
        <v>8.4</v>
      </c>
      <c r="K2484" s="46">
        <v>7.3</v>
      </c>
      <c r="L2484" s="59">
        <v>0</v>
      </c>
    </row>
    <row r="2485" spans="1:25" x14ac:dyDescent="0.2">
      <c r="B2485" s="77"/>
      <c r="C2485" s="40" t="s">
        <v>69</v>
      </c>
      <c r="D2485" s="48">
        <v>498</v>
      </c>
      <c r="E2485" s="49">
        <v>3.4</v>
      </c>
      <c r="F2485" s="49">
        <v>18.5</v>
      </c>
      <c r="G2485" s="49">
        <v>53.2</v>
      </c>
      <c r="H2485" s="49">
        <v>10.8</v>
      </c>
      <c r="I2485" s="49">
        <v>4</v>
      </c>
      <c r="J2485" s="49">
        <v>10</v>
      </c>
      <c r="K2485" s="49">
        <v>3.6</v>
      </c>
      <c r="L2485" s="60">
        <v>0</v>
      </c>
    </row>
    <row r="2486" spans="1:25" x14ac:dyDescent="0.2">
      <c r="B2486" s="7" t="s">
        <v>71</v>
      </c>
      <c r="C2486" s="4" t="s">
        <v>138</v>
      </c>
    </row>
    <row r="2487" spans="1:25" x14ac:dyDescent="0.2">
      <c r="B2487" s="4"/>
      <c r="C2487" s="4" t="s">
        <v>73</v>
      </c>
    </row>
    <row r="2489" spans="1:25" x14ac:dyDescent="0.2">
      <c r="A2489" s="26" t="s">
        <v>25</v>
      </c>
      <c r="B2489" t="s">
        <v>35</v>
      </c>
      <c r="C2489" t="s">
        <v>35</v>
      </c>
    </row>
    <row r="2490" spans="1:25" x14ac:dyDescent="0.2">
      <c r="B2490" s="75" t="s">
        <v>139</v>
      </c>
      <c r="C2490" s="76"/>
      <c r="D2490" s="76"/>
      <c r="E2490" s="76"/>
      <c r="F2490" s="76"/>
      <c r="G2490" s="76"/>
      <c r="H2490" s="76"/>
      <c r="I2490" s="76"/>
      <c r="J2490" s="76"/>
      <c r="K2490" s="76"/>
      <c r="L2490" s="76"/>
      <c r="M2490" s="76"/>
      <c r="N2490" s="76"/>
      <c r="O2490" s="76"/>
      <c r="P2490" s="76"/>
      <c r="Q2490" s="76"/>
      <c r="R2490" s="76"/>
      <c r="S2490" s="76"/>
      <c r="T2490" s="76"/>
      <c r="U2490" s="76"/>
      <c r="V2490" s="76"/>
      <c r="W2490" s="76"/>
      <c r="X2490" s="76"/>
      <c r="Y2490" s="76"/>
    </row>
    <row r="2491" spans="1:25" s="32" customFormat="1" ht="36.450000000000003" customHeight="1" x14ac:dyDescent="0.15">
      <c r="A2491" s="31"/>
      <c r="D2491" s="33" t="s">
        <v>378</v>
      </c>
      <c r="E2491" s="36" t="s">
        <v>549</v>
      </c>
      <c r="F2491" s="55" t="s">
        <v>525</v>
      </c>
      <c r="G2491" s="55" t="s">
        <v>550</v>
      </c>
      <c r="H2491" s="37" t="s">
        <v>480</v>
      </c>
      <c r="I2491" s="35" t="s">
        <v>381</v>
      </c>
    </row>
    <row r="2492" spans="1:25" x14ac:dyDescent="0.2">
      <c r="B2492" s="5"/>
      <c r="C2492" s="41" t="s">
        <v>38</v>
      </c>
      <c r="D2492" s="42">
        <v>2000</v>
      </c>
      <c r="E2492" s="43">
        <v>22.9</v>
      </c>
      <c r="F2492" s="43">
        <v>54.8</v>
      </c>
      <c r="G2492" s="43">
        <v>14.2</v>
      </c>
      <c r="H2492" s="44">
        <v>8.1</v>
      </c>
    </row>
    <row r="2493" spans="1:25" x14ac:dyDescent="0.2">
      <c r="B2493" s="77" t="s">
        <v>37</v>
      </c>
      <c r="C2493" s="39" t="s">
        <v>39</v>
      </c>
      <c r="D2493" s="45">
        <v>111</v>
      </c>
      <c r="E2493" s="46">
        <v>23.4</v>
      </c>
      <c r="F2493" s="46">
        <v>55.9</v>
      </c>
      <c r="G2493" s="46">
        <v>16.2</v>
      </c>
      <c r="H2493" s="47">
        <v>4.5</v>
      </c>
    </row>
    <row r="2494" spans="1:25" x14ac:dyDescent="0.2">
      <c r="B2494" s="77"/>
      <c r="C2494" s="39" t="s">
        <v>40</v>
      </c>
      <c r="D2494" s="45">
        <v>450</v>
      </c>
      <c r="E2494" s="46">
        <v>22.7</v>
      </c>
      <c r="F2494" s="46">
        <v>57.6</v>
      </c>
      <c r="G2494" s="46">
        <v>14.4</v>
      </c>
      <c r="H2494" s="47">
        <v>5.3</v>
      </c>
    </row>
    <row r="2495" spans="1:25" ht="21.6" x14ac:dyDescent="0.2">
      <c r="B2495" s="77"/>
      <c r="C2495" s="39" t="s">
        <v>41</v>
      </c>
      <c r="D2495" s="45">
        <v>30</v>
      </c>
      <c r="E2495" s="46">
        <v>33.299999999999997</v>
      </c>
      <c r="F2495" s="46">
        <v>40</v>
      </c>
      <c r="G2495" s="46">
        <v>13.3</v>
      </c>
      <c r="H2495" s="47">
        <v>13.3</v>
      </c>
    </row>
    <row r="2496" spans="1:25" ht="21.6" x14ac:dyDescent="0.2">
      <c r="B2496" s="77"/>
      <c r="C2496" s="39" t="s">
        <v>42</v>
      </c>
      <c r="D2496" s="45">
        <v>336</v>
      </c>
      <c r="E2496" s="46">
        <v>21.7</v>
      </c>
      <c r="F2496" s="46">
        <v>58.3</v>
      </c>
      <c r="G2496" s="46">
        <v>11.9</v>
      </c>
      <c r="H2496" s="47">
        <v>8</v>
      </c>
    </row>
    <row r="2497" spans="2:8" ht="21.6" x14ac:dyDescent="0.2">
      <c r="B2497" s="77"/>
      <c r="C2497" s="39" t="s">
        <v>43</v>
      </c>
      <c r="D2497" s="45">
        <v>327</v>
      </c>
      <c r="E2497" s="46">
        <v>22.3</v>
      </c>
      <c r="F2497" s="46">
        <v>56</v>
      </c>
      <c r="G2497" s="46">
        <v>14.7</v>
      </c>
      <c r="H2497" s="47">
        <v>7</v>
      </c>
    </row>
    <row r="2498" spans="2:8" ht="21.6" x14ac:dyDescent="0.2">
      <c r="B2498" s="77"/>
      <c r="C2498" s="39" t="s">
        <v>44</v>
      </c>
      <c r="D2498" s="45">
        <v>181</v>
      </c>
      <c r="E2498" s="46">
        <v>24.9</v>
      </c>
      <c r="F2498" s="46">
        <v>51.9</v>
      </c>
      <c r="G2498" s="46">
        <v>18.2</v>
      </c>
      <c r="H2498" s="47">
        <v>5</v>
      </c>
    </row>
    <row r="2499" spans="2:8" ht="21.6" x14ac:dyDescent="0.2">
      <c r="B2499" s="77"/>
      <c r="C2499" s="39" t="s">
        <v>45</v>
      </c>
      <c r="D2499" s="45">
        <v>565</v>
      </c>
      <c r="E2499" s="46">
        <v>22.8</v>
      </c>
      <c r="F2499" s="46">
        <v>51.3</v>
      </c>
      <c r="G2499" s="46">
        <v>13.5</v>
      </c>
      <c r="H2499" s="47">
        <v>12.4</v>
      </c>
    </row>
    <row r="2500" spans="2:8" ht="21.6" x14ac:dyDescent="0.2">
      <c r="B2500" s="77"/>
      <c r="C2500" s="39" t="s">
        <v>46</v>
      </c>
      <c r="D2500" s="45">
        <v>473</v>
      </c>
      <c r="E2500" s="46">
        <v>19.899999999999999</v>
      </c>
      <c r="F2500" s="46">
        <v>51.8</v>
      </c>
      <c r="G2500" s="46">
        <v>20.7</v>
      </c>
      <c r="H2500" s="47">
        <v>7.6</v>
      </c>
    </row>
    <row r="2501" spans="2:8" ht="21.6" x14ac:dyDescent="0.2">
      <c r="B2501" s="77"/>
      <c r="C2501" s="39" t="s">
        <v>47</v>
      </c>
      <c r="D2501" s="45">
        <v>441</v>
      </c>
      <c r="E2501" s="46">
        <v>21.3</v>
      </c>
      <c r="F2501" s="46">
        <v>59.2</v>
      </c>
      <c r="G2501" s="46">
        <v>14.5</v>
      </c>
      <c r="H2501" s="47">
        <v>5</v>
      </c>
    </row>
    <row r="2502" spans="2:8" ht="21.6" x14ac:dyDescent="0.2">
      <c r="B2502" s="77"/>
      <c r="C2502" s="39" t="s">
        <v>48</v>
      </c>
      <c r="D2502" s="45">
        <v>305</v>
      </c>
      <c r="E2502" s="46">
        <v>24.9</v>
      </c>
      <c r="F2502" s="46">
        <v>58.7</v>
      </c>
      <c r="G2502" s="46">
        <v>13.1</v>
      </c>
      <c r="H2502" s="47">
        <v>3.3</v>
      </c>
    </row>
    <row r="2503" spans="2:8" ht="21.6" x14ac:dyDescent="0.2">
      <c r="B2503" s="77"/>
      <c r="C2503" s="39" t="s">
        <v>49</v>
      </c>
      <c r="D2503" s="45">
        <v>223</v>
      </c>
      <c r="E2503" s="46">
        <v>29.6</v>
      </c>
      <c r="F2503" s="46">
        <v>52.5</v>
      </c>
      <c r="G2503" s="46">
        <v>12.6</v>
      </c>
      <c r="H2503" s="47">
        <v>5.4</v>
      </c>
    </row>
    <row r="2504" spans="2:8" ht="21.6" x14ac:dyDescent="0.2">
      <c r="B2504" s="77"/>
      <c r="C2504" s="39" t="s">
        <v>50</v>
      </c>
      <c r="D2504" s="45">
        <v>123</v>
      </c>
      <c r="E2504" s="46">
        <v>32.5</v>
      </c>
      <c r="F2504" s="46">
        <v>58.5</v>
      </c>
      <c r="G2504" s="46">
        <v>6.5</v>
      </c>
      <c r="H2504" s="47">
        <v>2.4</v>
      </c>
    </row>
    <row r="2505" spans="2:8" ht="21.6" x14ac:dyDescent="0.2">
      <c r="B2505" s="77"/>
      <c r="C2505" s="39" t="s">
        <v>51</v>
      </c>
      <c r="D2505" s="45">
        <v>124</v>
      </c>
      <c r="E2505" s="46">
        <v>32.299999999999997</v>
      </c>
      <c r="F2505" s="46">
        <v>58.9</v>
      </c>
      <c r="G2505" s="46">
        <v>5.6</v>
      </c>
      <c r="H2505" s="47">
        <v>3.2</v>
      </c>
    </row>
    <row r="2506" spans="2:8" ht="21.6" x14ac:dyDescent="0.2">
      <c r="B2506" s="77"/>
      <c r="C2506" s="39" t="s">
        <v>52</v>
      </c>
      <c r="D2506" s="45">
        <v>312</v>
      </c>
      <c r="E2506" s="46">
        <v>20.2</v>
      </c>
      <c r="F2506" s="46">
        <v>55.4</v>
      </c>
      <c r="G2506" s="46">
        <v>17.899999999999999</v>
      </c>
      <c r="H2506" s="47">
        <v>6.4</v>
      </c>
    </row>
    <row r="2507" spans="2:8" x14ac:dyDescent="0.2">
      <c r="B2507" s="77"/>
      <c r="C2507" s="39" t="s">
        <v>53</v>
      </c>
      <c r="D2507" s="45">
        <v>269</v>
      </c>
      <c r="E2507" s="46">
        <v>23.4</v>
      </c>
      <c r="F2507" s="46">
        <v>55</v>
      </c>
      <c r="G2507" s="46">
        <v>11.9</v>
      </c>
      <c r="H2507" s="47">
        <v>9.6999999999999993</v>
      </c>
    </row>
    <row r="2508" spans="2:8" ht="21.6" x14ac:dyDescent="0.2">
      <c r="B2508" s="77"/>
      <c r="C2508" s="39" t="s">
        <v>54</v>
      </c>
      <c r="D2508" s="45">
        <v>511</v>
      </c>
      <c r="E2508" s="46">
        <v>24.3</v>
      </c>
      <c r="F2508" s="46">
        <v>55</v>
      </c>
      <c r="G2508" s="46">
        <v>15.3</v>
      </c>
      <c r="H2508" s="47">
        <v>5.5</v>
      </c>
    </row>
    <row r="2509" spans="2:8" ht="21.6" x14ac:dyDescent="0.2">
      <c r="B2509" s="77"/>
      <c r="C2509" s="39" t="s">
        <v>55</v>
      </c>
      <c r="D2509" s="45">
        <v>615</v>
      </c>
      <c r="E2509" s="46">
        <v>25.9</v>
      </c>
      <c r="F2509" s="46">
        <v>56.9</v>
      </c>
      <c r="G2509" s="46">
        <v>11.7</v>
      </c>
      <c r="H2509" s="47">
        <v>5.5</v>
      </c>
    </row>
    <row r="2510" spans="2:8" ht="21.6" x14ac:dyDescent="0.2">
      <c r="B2510" s="77"/>
      <c r="C2510" s="39" t="s">
        <v>56</v>
      </c>
      <c r="D2510" s="45">
        <v>800</v>
      </c>
      <c r="E2510" s="46">
        <v>27.4</v>
      </c>
      <c r="F2510" s="46">
        <v>53.9</v>
      </c>
      <c r="G2510" s="46">
        <v>12.5</v>
      </c>
      <c r="H2510" s="47">
        <v>6.3</v>
      </c>
    </row>
    <row r="2511" spans="2:8" x14ac:dyDescent="0.2">
      <c r="B2511" s="77"/>
      <c r="C2511" s="40" t="s">
        <v>57</v>
      </c>
      <c r="D2511" s="48">
        <v>798</v>
      </c>
      <c r="E2511" s="49">
        <v>22.2</v>
      </c>
      <c r="F2511" s="49">
        <v>55.4</v>
      </c>
      <c r="G2511" s="49">
        <v>16.7</v>
      </c>
      <c r="H2511" s="50">
        <v>5.8</v>
      </c>
    </row>
    <row r="2513" spans="1:25" x14ac:dyDescent="0.2">
      <c r="C2513" t="s">
        <v>35</v>
      </c>
    </row>
    <row r="2514" spans="1:25" x14ac:dyDescent="0.2">
      <c r="B2514" s="75" t="s">
        <v>305</v>
      </c>
      <c r="C2514" s="76"/>
      <c r="D2514" s="76"/>
      <c r="E2514" s="76"/>
      <c r="F2514" s="76"/>
      <c r="G2514" s="76"/>
      <c r="H2514" s="76"/>
      <c r="I2514" s="76"/>
      <c r="J2514" s="76"/>
      <c r="K2514" s="76"/>
      <c r="L2514" s="76"/>
      <c r="M2514" s="76"/>
      <c r="N2514" s="76"/>
      <c r="O2514" s="76"/>
      <c r="P2514" s="76"/>
      <c r="Q2514" s="76"/>
      <c r="R2514" s="76"/>
      <c r="S2514" s="76"/>
      <c r="T2514" s="76"/>
      <c r="U2514" s="76"/>
      <c r="V2514" s="76"/>
      <c r="W2514" s="76"/>
      <c r="X2514" s="76"/>
      <c r="Y2514" s="76"/>
    </row>
    <row r="2515" spans="1:25" s="32" customFormat="1" ht="36.450000000000003" customHeight="1" x14ac:dyDescent="0.15">
      <c r="A2515" s="31"/>
      <c r="D2515" s="33" t="s">
        <v>378</v>
      </c>
      <c r="E2515" s="36" t="s">
        <v>549</v>
      </c>
      <c r="F2515" s="55" t="s">
        <v>525</v>
      </c>
      <c r="G2515" s="55" t="s">
        <v>550</v>
      </c>
      <c r="H2515" s="37" t="s">
        <v>480</v>
      </c>
      <c r="I2515" s="35" t="s">
        <v>381</v>
      </c>
    </row>
    <row r="2516" spans="1:25" ht="21.6" x14ac:dyDescent="0.2">
      <c r="B2516" s="77" t="s">
        <v>37</v>
      </c>
      <c r="C2516" s="38" t="s">
        <v>58</v>
      </c>
      <c r="D2516" s="51">
        <v>609</v>
      </c>
      <c r="E2516" s="52">
        <v>28.4</v>
      </c>
      <c r="F2516" s="52">
        <v>51.6</v>
      </c>
      <c r="G2516" s="52">
        <v>13.1</v>
      </c>
      <c r="H2516" s="53">
        <v>6.9</v>
      </c>
    </row>
    <row r="2517" spans="1:25" ht="21.6" x14ac:dyDescent="0.2">
      <c r="B2517" s="77"/>
      <c r="C2517" s="39" t="s">
        <v>59</v>
      </c>
      <c r="D2517" s="45">
        <v>1391</v>
      </c>
      <c r="E2517" s="46">
        <v>20.5</v>
      </c>
      <c r="F2517" s="46">
        <v>56.2</v>
      </c>
      <c r="G2517" s="46">
        <v>14.7</v>
      </c>
      <c r="H2517" s="47">
        <v>8.6</v>
      </c>
    </row>
    <row r="2518" spans="1:25" x14ac:dyDescent="0.2">
      <c r="B2518" s="77"/>
      <c r="C2518" s="39" t="s">
        <v>60</v>
      </c>
      <c r="D2518" s="45">
        <v>1325</v>
      </c>
      <c r="E2518" s="46">
        <v>22.5</v>
      </c>
      <c r="F2518" s="46">
        <v>54.4</v>
      </c>
      <c r="G2518" s="46">
        <v>14.6</v>
      </c>
      <c r="H2518" s="47">
        <v>8.5</v>
      </c>
    </row>
    <row r="2519" spans="1:25" x14ac:dyDescent="0.2">
      <c r="B2519" s="77"/>
      <c r="C2519" s="39" t="s">
        <v>61</v>
      </c>
      <c r="D2519" s="45">
        <v>675</v>
      </c>
      <c r="E2519" s="46">
        <v>23.7</v>
      </c>
      <c r="F2519" s="46">
        <v>55.6</v>
      </c>
      <c r="G2519" s="46">
        <v>13.3</v>
      </c>
      <c r="H2519" s="47">
        <v>7.4</v>
      </c>
    </row>
    <row r="2520" spans="1:25" x14ac:dyDescent="0.2">
      <c r="B2520" s="77"/>
      <c r="C2520" s="39" t="s">
        <v>62</v>
      </c>
      <c r="D2520" s="45">
        <v>1086</v>
      </c>
      <c r="E2520" s="46">
        <v>22.3</v>
      </c>
      <c r="F2520" s="46">
        <v>56</v>
      </c>
      <c r="G2520" s="46">
        <v>14.6</v>
      </c>
      <c r="H2520" s="47">
        <v>7.1</v>
      </c>
    </row>
    <row r="2521" spans="1:25" ht="21.6" x14ac:dyDescent="0.2">
      <c r="B2521" s="77"/>
      <c r="C2521" s="39" t="s">
        <v>63</v>
      </c>
      <c r="D2521" s="45">
        <v>203</v>
      </c>
      <c r="E2521" s="46">
        <v>24.1</v>
      </c>
      <c r="F2521" s="46">
        <v>54.2</v>
      </c>
      <c r="G2521" s="46">
        <v>10.8</v>
      </c>
      <c r="H2521" s="47">
        <v>10.8</v>
      </c>
    </row>
    <row r="2522" spans="1:25" x14ac:dyDescent="0.2">
      <c r="B2522" s="77"/>
      <c r="C2522" s="39" t="s">
        <v>64</v>
      </c>
      <c r="D2522" s="45">
        <v>263</v>
      </c>
      <c r="E2522" s="46">
        <v>23.6</v>
      </c>
      <c r="F2522" s="46">
        <v>52.9</v>
      </c>
      <c r="G2522" s="46">
        <v>16.3</v>
      </c>
      <c r="H2522" s="47">
        <v>7.2</v>
      </c>
    </row>
    <row r="2523" spans="1:25" x14ac:dyDescent="0.2">
      <c r="B2523" s="77"/>
      <c r="C2523" s="39" t="s">
        <v>65</v>
      </c>
      <c r="D2523" s="45">
        <v>312</v>
      </c>
      <c r="E2523" s="46">
        <v>24.7</v>
      </c>
      <c r="F2523" s="46">
        <v>51.6</v>
      </c>
      <c r="G2523" s="46">
        <v>15.4</v>
      </c>
      <c r="H2523" s="47">
        <v>8.3000000000000007</v>
      </c>
    </row>
    <row r="2524" spans="1:25" x14ac:dyDescent="0.2">
      <c r="B2524" s="77"/>
      <c r="C2524" s="39" t="s">
        <v>66</v>
      </c>
      <c r="D2524" s="45">
        <v>230</v>
      </c>
      <c r="E2524" s="46">
        <v>17</v>
      </c>
      <c r="F2524" s="46">
        <v>65.7</v>
      </c>
      <c r="G2524" s="46">
        <v>13</v>
      </c>
      <c r="H2524" s="47">
        <v>4.3</v>
      </c>
    </row>
    <row r="2525" spans="1:25" x14ac:dyDescent="0.2">
      <c r="B2525" s="77"/>
      <c r="C2525" s="39" t="s">
        <v>67</v>
      </c>
      <c r="D2525" s="45">
        <v>78</v>
      </c>
      <c r="E2525" s="46">
        <v>19.2</v>
      </c>
      <c r="F2525" s="46">
        <v>60.3</v>
      </c>
      <c r="G2525" s="46">
        <v>20.5</v>
      </c>
      <c r="H2525" s="47">
        <v>0</v>
      </c>
    </row>
    <row r="2526" spans="1:25" x14ac:dyDescent="0.2">
      <c r="B2526" s="77"/>
      <c r="C2526" s="39" t="s">
        <v>68</v>
      </c>
      <c r="D2526" s="45">
        <v>897</v>
      </c>
      <c r="E2526" s="46">
        <v>23.2</v>
      </c>
      <c r="F2526" s="46">
        <v>56.1</v>
      </c>
      <c r="G2526" s="46">
        <v>14.2</v>
      </c>
      <c r="H2526" s="47">
        <v>6.6</v>
      </c>
    </row>
    <row r="2527" spans="1:25" x14ac:dyDescent="0.2">
      <c r="B2527" s="77"/>
      <c r="C2527" s="39" t="s">
        <v>69</v>
      </c>
      <c r="D2527" s="45">
        <v>189</v>
      </c>
      <c r="E2527" s="46">
        <v>18</v>
      </c>
      <c r="F2527" s="46">
        <v>55.6</v>
      </c>
      <c r="G2527" s="46">
        <v>16.899999999999999</v>
      </c>
      <c r="H2527" s="47">
        <v>9.5</v>
      </c>
    </row>
    <row r="2528" spans="1:25" x14ac:dyDescent="0.2">
      <c r="B2528" s="77"/>
      <c r="C2528" s="39" t="s">
        <v>70</v>
      </c>
      <c r="D2528" s="45">
        <v>914</v>
      </c>
      <c r="E2528" s="46">
        <v>23.6</v>
      </c>
      <c r="F2528" s="46">
        <v>53.4</v>
      </c>
      <c r="G2528" s="46">
        <v>13.7</v>
      </c>
      <c r="H2528" s="47">
        <v>9.3000000000000007</v>
      </c>
    </row>
    <row r="2529" spans="1:25" ht="21.6" x14ac:dyDescent="0.2">
      <c r="B2529" s="77"/>
      <c r="C2529" s="39" t="s">
        <v>63</v>
      </c>
      <c r="D2529" s="45">
        <v>193</v>
      </c>
      <c r="E2529" s="46">
        <v>24.9</v>
      </c>
      <c r="F2529" s="46">
        <v>49.7</v>
      </c>
      <c r="G2529" s="46">
        <v>13</v>
      </c>
      <c r="H2529" s="47">
        <v>12.4</v>
      </c>
    </row>
    <row r="2530" spans="1:25" x14ac:dyDescent="0.2">
      <c r="B2530" s="77"/>
      <c r="C2530" s="39" t="s">
        <v>64</v>
      </c>
      <c r="D2530" s="45">
        <v>203</v>
      </c>
      <c r="E2530" s="46">
        <v>27.6</v>
      </c>
      <c r="F2530" s="46">
        <v>53.2</v>
      </c>
      <c r="G2530" s="46">
        <v>10.3</v>
      </c>
      <c r="H2530" s="47">
        <v>8.9</v>
      </c>
    </row>
    <row r="2531" spans="1:25" x14ac:dyDescent="0.2">
      <c r="B2531" s="77"/>
      <c r="C2531" s="39" t="s">
        <v>65</v>
      </c>
      <c r="D2531" s="45">
        <v>263</v>
      </c>
      <c r="E2531" s="46">
        <v>25.1</v>
      </c>
      <c r="F2531" s="46">
        <v>53.2</v>
      </c>
      <c r="G2531" s="46">
        <v>12.9</v>
      </c>
      <c r="H2531" s="47">
        <v>8.6999999999999993</v>
      </c>
    </row>
    <row r="2532" spans="1:25" x14ac:dyDescent="0.2">
      <c r="B2532" s="77"/>
      <c r="C2532" s="39" t="s">
        <v>66</v>
      </c>
      <c r="D2532" s="45">
        <v>194</v>
      </c>
      <c r="E2532" s="46">
        <v>17.5</v>
      </c>
      <c r="F2532" s="46">
        <v>60.8</v>
      </c>
      <c r="G2532" s="46">
        <v>13.9</v>
      </c>
      <c r="H2532" s="47">
        <v>7.7</v>
      </c>
    </row>
    <row r="2533" spans="1:25" x14ac:dyDescent="0.2">
      <c r="B2533" s="77"/>
      <c r="C2533" s="39" t="s">
        <v>67</v>
      </c>
      <c r="D2533" s="45">
        <v>61</v>
      </c>
      <c r="E2533" s="46">
        <v>19.7</v>
      </c>
      <c r="F2533" s="46">
        <v>42.6</v>
      </c>
      <c r="G2533" s="46">
        <v>29.5</v>
      </c>
      <c r="H2533" s="47">
        <v>8.1999999999999993</v>
      </c>
    </row>
    <row r="2534" spans="1:25" x14ac:dyDescent="0.2">
      <c r="B2534" s="77"/>
      <c r="C2534" s="39" t="s">
        <v>68</v>
      </c>
      <c r="D2534" s="45">
        <v>416</v>
      </c>
      <c r="E2534" s="46">
        <v>25.7</v>
      </c>
      <c r="F2534" s="46">
        <v>53.6</v>
      </c>
      <c r="G2534" s="46">
        <v>12.3</v>
      </c>
      <c r="H2534" s="47">
        <v>8.4</v>
      </c>
    </row>
    <row r="2535" spans="1:25" x14ac:dyDescent="0.2">
      <c r="B2535" s="77"/>
      <c r="C2535" s="40" t="s">
        <v>69</v>
      </c>
      <c r="D2535" s="48">
        <v>498</v>
      </c>
      <c r="E2535" s="49">
        <v>21.9</v>
      </c>
      <c r="F2535" s="49">
        <v>53.2</v>
      </c>
      <c r="G2535" s="49">
        <v>14.9</v>
      </c>
      <c r="H2535" s="50">
        <v>10</v>
      </c>
    </row>
    <row r="2537" spans="1:25" x14ac:dyDescent="0.2">
      <c r="A2537" s="26" t="s">
        <v>25</v>
      </c>
      <c r="B2537" t="s">
        <v>35</v>
      </c>
      <c r="C2537" t="s">
        <v>35</v>
      </c>
    </row>
    <row r="2538" spans="1:25" x14ac:dyDescent="0.2">
      <c r="B2538" s="75" t="s">
        <v>140</v>
      </c>
      <c r="C2538" s="76"/>
      <c r="D2538" s="76"/>
      <c r="E2538" s="76"/>
      <c r="F2538" s="76"/>
      <c r="G2538" s="76"/>
      <c r="H2538" s="76"/>
      <c r="I2538" s="76"/>
      <c r="J2538" s="76"/>
      <c r="K2538" s="76"/>
      <c r="L2538" s="76"/>
      <c r="M2538" s="76"/>
      <c r="N2538" s="76"/>
      <c r="O2538" s="76"/>
      <c r="P2538" s="76"/>
      <c r="Q2538" s="76"/>
      <c r="R2538" s="76"/>
      <c r="S2538" s="76"/>
      <c r="T2538" s="76"/>
      <c r="U2538" s="76"/>
      <c r="V2538" s="76"/>
      <c r="W2538" s="76"/>
      <c r="X2538" s="76"/>
      <c r="Y2538" s="76"/>
    </row>
    <row r="2539" spans="1:25" s="32" customFormat="1" ht="47.25" customHeight="1" x14ac:dyDescent="0.15">
      <c r="A2539" s="31"/>
      <c r="D2539" s="33" t="s">
        <v>378</v>
      </c>
      <c r="E2539" s="36" t="s">
        <v>551</v>
      </c>
      <c r="F2539" s="55" t="s">
        <v>552</v>
      </c>
      <c r="G2539" s="55" t="s">
        <v>521</v>
      </c>
      <c r="H2539" s="55" t="s">
        <v>553</v>
      </c>
      <c r="I2539" s="55" t="s">
        <v>554</v>
      </c>
      <c r="J2539" s="55" t="s">
        <v>480</v>
      </c>
      <c r="K2539" s="56" t="s">
        <v>387</v>
      </c>
      <c r="L2539" s="57" t="s">
        <v>388</v>
      </c>
      <c r="M2539" s="54" t="s">
        <v>381</v>
      </c>
    </row>
    <row r="2540" spans="1:25" x14ac:dyDescent="0.2">
      <c r="B2540" s="5"/>
      <c r="C2540" s="41" t="s">
        <v>38</v>
      </c>
      <c r="D2540" s="42">
        <v>2000</v>
      </c>
      <c r="E2540" s="43">
        <v>12.1</v>
      </c>
      <c r="F2540" s="43">
        <v>49.6</v>
      </c>
      <c r="G2540" s="43">
        <v>28.1</v>
      </c>
      <c r="H2540" s="43">
        <v>3.5</v>
      </c>
      <c r="I2540" s="43">
        <v>1.3</v>
      </c>
      <c r="J2540" s="43">
        <v>5.5</v>
      </c>
      <c r="K2540" s="43">
        <v>35.799999999999997</v>
      </c>
      <c r="L2540" s="58">
        <v>50</v>
      </c>
    </row>
    <row r="2541" spans="1:25" x14ac:dyDescent="0.2">
      <c r="B2541" s="77" t="s">
        <v>37</v>
      </c>
      <c r="C2541" s="39" t="s">
        <v>39</v>
      </c>
      <c r="D2541" s="45">
        <v>111</v>
      </c>
      <c r="E2541" s="46">
        <v>13.5</v>
      </c>
      <c r="F2541" s="46">
        <v>50.5</v>
      </c>
      <c r="G2541" s="46">
        <v>26.1</v>
      </c>
      <c r="H2541" s="46">
        <v>2.7</v>
      </c>
      <c r="I2541" s="46">
        <v>1.8</v>
      </c>
      <c r="J2541" s="46">
        <v>5.4</v>
      </c>
      <c r="K2541" s="46">
        <v>37.6</v>
      </c>
      <c r="L2541" s="59">
        <v>50</v>
      </c>
    </row>
    <row r="2542" spans="1:25" x14ac:dyDescent="0.2">
      <c r="B2542" s="77"/>
      <c r="C2542" s="39" t="s">
        <v>40</v>
      </c>
      <c r="D2542" s="45">
        <v>450</v>
      </c>
      <c r="E2542" s="46">
        <v>12.2</v>
      </c>
      <c r="F2542" s="46">
        <v>47.1</v>
      </c>
      <c r="G2542" s="46">
        <v>32</v>
      </c>
      <c r="H2542" s="46">
        <v>3.6</v>
      </c>
      <c r="I2542" s="46">
        <v>1.1000000000000001</v>
      </c>
      <c r="J2542" s="46">
        <v>4</v>
      </c>
      <c r="K2542" s="46">
        <v>34.299999999999997</v>
      </c>
      <c r="L2542" s="59">
        <v>50</v>
      </c>
    </row>
    <row r="2543" spans="1:25" ht="21.6" x14ac:dyDescent="0.2">
      <c r="B2543" s="77"/>
      <c r="C2543" s="39" t="s">
        <v>41</v>
      </c>
      <c r="D2543" s="45">
        <v>30</v>
      </c>
      <c r="E2543" s="46">
        <v>23.3</v>
      </c>
      <c r="F2543" s="46">
        <v>40</v>
      </c>
      <c r="G2543" s="46">
        <v>23.3</v>
      </c>
      <c r="H2543" s="46">
        <v>6.7</v>
      </c>
      <c r="I2543" s="46">
        <v>0</v>
      </c>
      <c r="J2543" s="46">
        <v>6.7</v>
      </c>
      <c r="K2543" s="46">
        <v>42.9</v>
      </c>
      <c r="L2543" s="59">
        <v>50</v>
      </c>
    </row>
    <row r="2544" spans="1:25" ht="21.6" x14ac:dyDescent="0.2">
      <c r="B2544" s="77"/>
      <c r="C2544" s="39" t="s">
        <v>42</v>
      </c>
      <c r="D2544" s="45">
        <v>336</v>
      </c>
      <c r="E2544" s="46">
        <v>10.4</v>
      </c>
      <c r="F2544" s="46">
        <v>50.3</v>
      </c>
      <c r="G2544" s="46">
        <v>31</v>
      </c>
      <c r="H2544" s="46">
        <v>3.6</v>
      </c>
      <c r="I2544" s="46">
        <v>1.2</v>
      </c>
      <c r="J2544" s="46">
        <v>3.6</v>
      </c>
      <c r="K2544" s="46">
        <v>33.799999999999997</v>
      </c>
      <c r="L2544" s="59">
        <v>50</v>
      </c>
    </row>
    <row r="2545" spans="2:12" ht="21.6" x14ac:dyDescent="0.2">
      <c r="B2545" s="77"/>
      <c r="C2545" s="39" t="s">
        <v>43</v>
      </c>
      <c r="D2545" s="45">
        <v>327</v>
      </c>
      <c r="E2545" s="46">
        <v>13.1</v>
      </c>
      <c r="F2545" s="46">
        <v>49.5</v>
      </c>
      <c r="G2545" s="46">
        <v>25.4</v>
      </c>
      <c r="H2545" s="46">
        <v>4.3</v>
      </c>
      <c r="I2545" s="46">
        <v>1.2</v>
      </c>
      <c r="J2545" s="46">
        <v>6.4</v>
      </c>
      <c r="K2545" s="46">
        <v>36.9</v>
      </c>
      <c r="L2545" s="59">
        <v>50</v>
      </c>
    </row>
    <row r="2546" spans="2:12" ht="21.6" x14ac:dyDescent="0.2">
      <c r="B2546" s="77"/>
      <c r="C2546" s="39" t="s">
        <v>44</v>
      </c>
      <c r="D2546" s="45">
        <v>181</v>
      </c>
      <c r="E2546" s="46">
        <v>7.2</v>
      </c>
      <c r="F2546" s="46">
        <v>52.5</v>
      </c>
      <c r="G2546" s="46">
        <v>27.1</v>
      </c>
      <c r="H2546" s="46">
        <v>5</v>
      </c>
      <c r="I2546" s="46">
        <v>2.8</v>
      </c>
      <c r="J2546" s="46">
        <v>5.5</v>
      </c>
      <c r="K2546" s="46">
        <v>29.8</v>
      </c>
      <c r="L2546" s="59">
        <v>50</v>
      </c>
    </row>
    <row r="2547" spans="2:12" ht="21.6" x14ac:dyDescent="0.2">
      <c r="B2547" s="77"/>
      <c r="C2547" s="39" t="s">
        <v>45</v>
      </c>
      <c r="D2547" s="45">
        <v>565</v>
      </c>
      <c r="E2547" s="46">
        <v>12.9</v>
      </c>
      <c r="F2547" s="46">
        <v>50.6</v>
      </c>
      <c r="G2547" s="46">
        <v>25.8</v>
      </c>
      <c r="H2547" s="46">
        <v>2.2999999999999998</v>
      </c>
      <c r="I2547" s="46">
        <v>1.1000000000000001</v>
      </c>
      <c r="J2547" s="46">
        <v>7.3</v>
      </c>
      <c r="K2547" s="46">
        <v>38.799999999999997</v>
      </c>
      <c r="L2547" s="59">
        <v>50</v>
      </c>
    </row>
    <row r="2548" spans="2:12" ht="21.6" x14ac:dyDescent="0.2">
      <c r="B2548" s="77"/>
      <c r="C2548" s="39" t="s">
        <v>46</v>
      </c>
      <c r="D2548" s="45">
        <v>473</v>
      </c>
      <c r="E2548" s="46">
        <v>16.5</v>
      </c>
      <c r="F2548" s="46">
        <v>48.4</v>
      </c>
      <c r="G2548" s="46">
        <v>24.3</v>
      </c>
      <c r="H2548" s="46">
        <v>2.2999999999999998</v>
      </c>
      <c r="I2548" s="46">
        <v>1.9</v>
      </c>
      <c r="J2548" s="46">
        <v>6.6</v>
      </c>
      <c r="K2548" s="46">
        <v>40.299999999999997</v>
      </c>
      <c r="L2548" s="59">
        <v>50</v>
      </c>
    </row>
    <row r="2549" spans="2:12" ht="21.6" x14ac:dyDescent="0.2">
      <c r="B2549" s="77"/>
      <c r="C2549" s="39" t="s">
        <v>47</v>
      </c>
      <c r="D2549" s="45">
        <v>441</v>
      </c>
      <c r="E2549" s="46">
        <v>12.9</v>
      </c>
      <c r="F2549" s="46">
        <v>53.5</v>
      </c>
      <c r="G2549" s="46">
        <v>27</v>
      </c>
      <c r="H2549" s="46">
        <v>2.9</v>
      </c>
      <c r="I2549" s="46">
        <v>0.9</v>
      </c>
      <c r="J2549" s="46">
        <v>2.7</v>
      </c>
      <c r="K2549" s="46">
        <v>38.299999999999997</v>
      </c>
      <c r="L2549" s="59">
        <v>50</v>
      </c>
    </row>
    <row r="2550" spans="2:12" ht="21.6" x14ac:dyDescent="0.2">
      <c r="B2550" s="77"/>
      <c r="C2550" s="39" t="s">
        <v>48</v>
      </c>
      <c r="D2550" s="45">
        <v>305</v>
      </c>
      <c r="E2550" s="46">
        <v>10.8</v>
      </c>
      <c r="F2550" s="46">
        <v>47.5</v>
      </c>
      <c r="G2550" s="46">
        <v>33.1</v>
      </c>
      <c r="H2550" s="46">
        <v>4.3</v>
      </c>
      <c r="I2550" s="46">
        <v>1</v>
      </c>
      <c r="J2550" s="46">
        <v>3.3</v>
      </c>
      <c r="K2550" s="46">
        <v>32.5</v>
      </c>
      <c r="L2550" s="59">
        <v>50</v>
      </c>
    </row>
    <row r="2551" spans="2:12" ht="21.6" x14ac:dyDescent="0.2">
      <c r="B2551" s="77"/>
      <c r="C2551" s="39" t="s">
        <v>49</v>
      </c>
      <c r="D2551" s="45">
        <v>223</v>
      </c>
      <c r="E2551" s="46">
        <v>9.4</v>
      </c>
      <c r="F2551" s="46">
        <v>53.8</v>
      </c>
      <c r="G2551" s="46">
        <v>29.1</v>
      </c>
      <c r="H2551" s="46">
        <v>4.9000000000000004</v>
      </c>
      <c r="I2551" s="46">
        <v>1.3</v>
      </c>
      <c r="J2551" s="46">
        <v>1.3</v>
      </c>
      <c r="K2551" s="46">
        <v>33</v>
      </c>
      <c r="L2551" s="59">
        <v>50</v>
      </c>
    </row>
    <row r="2552" spans="2:12" ht="21.6" x14ac:dyDescent="0.2">
      <c r="B2552" s="77"/>
      <c r="C2552" s="39" t="s">
        <v>50</v>
      </c>
      <c r="D2552" s="45">
        <v>123</v>
      </c>
      <c r="E2552" s="46">
        <v>4.9000000000000004</v>
      </c>
      <c r="F2552" s="46">
        <v>53.7</v>
      </c>
      <c r="G2552" s="46">
        <v>35.799999999999997</v>
      </c>
      <c r="H2552" s="46">
        <v>4.0999999999999996</v>
      </c>
      <c r="I2552" s="46">
        <v>0.8</v>
      </c>
      <c r="J2552" s="46">
        <v>0.8</v>
      </c>
      <c r="K2552" s="46">
        <v>29.1</v>
      </c>
      <c r="L2552" s="59">
        <v>50</v>
      </c>
    </row>
    <row r="2553" spans="2:12" ht="21.6" x14ac:dyDescent="0.2">
      <c r="B2553" s="77"/>
      <c r="C2553" s="39" t="s">
        <v>51</v>
      </c>
      <c r="D2553" s="45">
        <v>124</v>
      </c>
      <c r="E2553" s="46">
        <v>5.6</v>
      </c>
      <c r="F2553" s="46">
        <v>49.2</v>
      </c>
      <c r="G2553" s="46">
        <v>37.9</v>
      </c>
      <c r="H2553" s="46">
        <v>4.8</v>
      </c>
      <c r="I2553" s="46">
        <v>0</v>
      </c>
      <c r="J2553" s="46">
        <v>2.4</v>
      </c>
      <c r="K2553" s="46">
        <v>28.5</v>
      </c>
      <c r="L2553" s="59">
        <v>50</v>
      </c>
    </row>
    <row r="2554" spans="2:12" ht="21.6" x14ac:dyDescent="0.2">
      <c r="B2554" s="77"/>
      <c r="C2554" s="39" t="s">
        <v>52</v>
      </c>
      <c r="D2554" s="45">
        <v>312</v>
      </c>
      <c r="E2554" s="46">
        <v>13.5</v>
      </c>
      <c r="F2554" s="46">
        <v>52.6</v>
      </c>
      <c r="G2554" s="46">
        <v>24.4</v>
      </c>
      <c r="H2554" s="46">
        <v>3.2</v>
      </c>
      <c r="I2554" s="46">
        <v>1</v>
      </c>
      <c r="J2554" s="46">
        <v>5.4</v>
      </c>
      <c r="K2554" s="46">
        <v>39.299999999999997</v>
      </c>
      <c r="L2554" s="59">
        <v>50</v>
      </c>
    </row>
    <row r="2555" spans="2:12" x14ac:dyDescent="0.2">
      <c r="B2555" s="77"/>
      <c r="C2555" s="39" t="s">
        <v>53</v>
      </c>
      <c r="D2555" s="45">
        <v>269</v>
      </c>
      <c r="E2555" s="46">
        <v>14.9</v>
      </c>
      <c r="F2555" s="46">
        <v>49.8</v>
      </c>
      <c r="G2555" s="46">
        <v>24.2</v>
      </c>
      <c r="H2555" s="46">
        <v>4.5</v>
      </c>
      <c r="I2555" s="46">
        <v>0.4</v>
      </c>
      <c r="J2555" s="46">
        <v>6.3</v>
      </c>
      <c r="K2555" s="46">
        <v>39.700000000000003</v>
      </c>
      <c r="L2555" s="59">
        <v>50</v>
      </c>
    </row>
    <row r="2556" spans="2:12" ht="21.6" x14ac:dyDescent="0.2">
      <c r="B2556" s="77"/>
      <c r="C2556" s="39" t="s">
        <v>54</v>
      </c>
      <c r="D2556" s="45">
        <v>511</v>
      </c>
      <c r="E2556" s="46">
        <v>12.7</v>
      </c>
      <c r="F2556" s="46">
        <v>52.1</v>
      </c>
      <c r="G2556" s="46">
        <v>28.4</v>
      </c>
      <c r="H2556" s="46">
        <v>2.9</v>
      </c>
      <c r="I2556" s="46">
        <v>1.4</v>
      </c>
      <c r="J2556" s="46">
        <v>2.5</v>
      </c>
      <c r="K2556" s="46">
        <v>36.799999999999997</v>
      </c>
      <c r="L2556" s="59">
        <v>50</v>
      </c>
    </row>
    <row r="2557" spans="2:12" ht="21.6" x14ac:dyDescent="0.2">
      <c r="B2557" s="77"/>
      <c r="C2557" s="39" t="s">
        <v>55</v>
      </c>
      <c r="D2557" s="45">
        <v>615</v>
      </c>
      <c r="E2557" s="46">
        <v>10.199999999999999</v>
      </c>
      <c r="F2557" s="46">
        <v>48.8</v>
      </c>
      <c r="G2557" s="46">
        <v>32.200000000000003</v>
      </c>
      <c r="H2557" s="46">
        <v>3.6</v>
      </c>
      <c r="I2557" s="46">
        <v>1.5</v>
      </c>
      <c r="J2557" s="46">
        <v>3.7</v>
      </c>
      <c r="K2557" s="46">
        <v>32.6</v>
      </c>
      <c r="L2557" s="59">
        <v>50</v>
      </c>
    </row>
    <row r="2558" spans="2:12" ht="21.6" x14ac:dyDescent="0.2">
      <c r="B2558" s="77"/>
      <c r="C2558" s="39" t="s">
        <v>56</v>
      </c>
      <c r="D2558" s="45">
        <v>800</v>
      </c>
      <c r="E2558" s="46">
        <v>11.1</v>
      </c>
      <c r="F2558" s="46">
        <v>48.6</v>
      </c>
      <c r="G2558" s="46">
        <v>30.3</v>
      </c>
      <c r="H2558" s="46">
        <v>4.0999999999999996</v>
      </c>
      <c r="I2558" s="46">
        <v>1.4</v>
      </c>
      <c r="J2558" s="46">
        <v>4.5</v>
      </c>
      <c r="K2558" s="46">
        <v>33.5</v>
      </c>
      <c r="L2558" s="59">
        <v>50</v>
      </c>
    </row>
    <row r="2559" spans="2:12" x14ac:dyDescent="0.2">
      <c r="B2559" s="77"/>
      <c r="C2559" s="40" t="s">
        <v>57</v>
      </c>
      <c r="D2559" s="48">
        <v>798</v>
      </c>
      <c r="E2559" s="49">
        <v>13.8</v>
      </c>
      <c r="F2559" s="49">
        <v>52.3</v>
      </c>
      <c r="G2559" s="49">
        <v>27.1</v>
      </c>
      <c r="H2559" s="49">
        <v>3</v>
      </c>
      <c r="I2559" s="49">
        <v>0.6</v>
      </c>
      <c r="J2559" s="49">
        <v>3.3</v>
      </c>
      <c r="K2559" s="49">
        <v>39.1</v>
      </c>
      <c r="L2559" s="60">
        <v>50</v>
      </c>
    </row>
    <row r="2560" spans="2:12" x14ac:dyDescent="0.2">
      <c r="B2560" s="7" t="s">
        <v>71</v>
      </c>
      <c r="C2560" s="4" t="s">
        <v>141</v>
      </c>
    </row>
    <row r="2561" spans="1:25" x14ac:dyDescent="0.2">
      <c r="B2561" s="4"/>
      <c r="C2561" s="4" t="s">
        <v>73</v>
      </c>
    </row>
    <row r="2563" spans="1:25" x14ac:dyDescent="0.2">
      <c r="C2563" t="s">
        <v>35</v>
      </c>
    </row>
    <row r="2564" spans="1:25" x14ac:dyDescent="0.2">
      <c r="B2564" s="75" t="s">
        <v>306</v>
      </c>
      <c r="C2564" s="76"/>
      <c r="D2564" s="76"/>
      <c r="E2564" s="76"/>
      <c r="F2564" s="76"/>
      <c r="G2564" s="76"/>
      <c r="H2564" s="76"/>
      <c r="I2564" s="76"/>
      <c r="J2564" s="76"/>
      <c r="K2564" s="76"/>
      <c r="L2564" s="76"/>
      <c r="M2564" s="76"/>
      <c r="N2564" s="76"/>
      <c r="O2564" s="76"/>
      <c r="P2564" s="76"/>
      <c r="Q2564" s="76"/>
      <c r="R2564" s="76"/>
      <c r="S2564" s="76"/>
      <c r="T2564" s="76"/>
      <c r="U2564" s="76"/>
      <c r="V2564" s="76"/>
      <c r="W2564" s="76"/>
      <c r="X2564" s="76"/>
      <c r="Y2564" s="76"/>
    </row>
    <row r="2565" spans="1:25" s="32" customFormat="1" ht="47.25" customHeight="1" x14ac:dyDescent="0.15">
      <c r="A2565" s="31"/>
      <c r="D2565" s="33" t="s">
        <v>378</v>
      </c>
      <c r="E2565" s="36" t="s">
        <v>551</v>
      </c>
      <c r="F2565" s="55" t="s">
        <v>552</v>
      </c>
      <c r="G2565" s="55" t="s">
        <v>521</v>
      </c>
      <c r="H2565" s="55" t="s">
        <v>553</v>
      </c>
      <c r="I2565" s="55" t="s">
        <v>554</v>
      </c>
      <c r="J2565" s="55" t="s">
        <v>480</v>
      </c>
      <c r="K2565" s="56" t="s">
        <v>387</v>
      </c>
      <c r="L2565" s="57" t="s">
        <v>388</v>
      </c>
      <c r="M2565" s="54" t="s">
        <v>381</v>
      </c>
    </row>
    <row r="2566" spans="1:25" ht="21.6" x14ac:dyDescent="0.2">
      <c r="B2566" s="77" t="s">
        <v>37</v>
      </c>
      <c r="C2566" s="38" t="s">
        <v>58</v>
      </c>
      <c r="D2566" s="51">
        <v>609</v>
      </c>
      <c r="E2566" s="52">
        <v>11.3</v>
      </c>
      <c r="F2566" s="52">
        <v>46.8</v>
      </c>
      <c r="G2566" s="52">
        <v>30</v>
      </c>
      <c r="H2566" s="52">
        <v>4.5999999999999996</v>
      </c>
      <c r="I2566" s="52">
        <v>2</v>
      </c>
      <c r="J2566" s="52">
        <v>5.3</v>
      </c>
      <c r="K2566" s="52">
        <v>32.1</v>
      </c>
      <c r="L2566" s="61">
        <v>50</v>
      </c>
    </row>
    <row r="2567" spans="1:25" ht="21.6" x14ac:dyDescent="0.2">
      <c r="B2567" s="77"/>
      <c r="C2567" s="39" t="s">
        <v>59</v>
      </c>
      <c r="D2567" s="45">
        <v>1391</v>
      </c>
      <c r="E2567" s="46">
        <v>12.4</v>
      </c>
      <c r="F2567" s="46">
        <v>50.8</v>
      </c>
      <c r="G2567" s="46">
        <v>27.2</v>
      </c>
      <c r="H2567" s="46">
        <v>2.9</v>
      </c>
      <c r="I2567" s="46">
        <v>1</v>
      </c>
      <c r="J2567" s="46">
        <v>5.6</v>
      </c>
      <c r="K2567" s="46">
        <v>37.4</v>
      </c>
      <c r="L2567" s="59">
        <v>50</v>
      </c>
    </row>
    <row r="2568" spans="1:25" x14ac:dyDescent="0.2">
      <c r="B2568" s="77"/>
      <c r="C2568" s="39" t="s">
        <v>60</v>
      </c>
      <c r="D2568" s="45">
        <v>1325</v>
      </c>
      <c r="E2568" s="46">
        <v>12.9</v>
      </c>
      <c r="F2568" s="46">
        <v>48.9</v>
      </c>
      <c r="G2568" s="46">
        <v>28.2</v>
      </c>
      <c r="H2568" s="46">
        <v>3.7</v>
      </c>
      <c r="I2568" s="46">
        <v>1.1000000000000001</v>
      </c>
      <c r="J2568" s="46">
        <v>5.3</v>
      </c>
      <c r="K2568" s="46">
        <v>36.4</v>
      </c>
      <c r="L2568" s="59">
        <v>50</v>
      </c>
    </row>
    <row r="2569" spans="1:25" x14ac:dyDescent="0.2">
      <c r="B2569" s="77"/>
      <c r="C2569" s="39" t="s">
        <v>61</v>
      </c>
      <c r="D2569" s="45">
        <v>675</v>
      </c>
      <c r="E2569" s="46">
        <v>10.4</v>
      </c>
      <c r="F2569" s="46">
        <v>51</v>
      </c>
      <c r="G2569" s="46">
        <v>28</v>
      </c>
      <c r="H2569" s="46">
        <v>3</v>
      </c>
      <c r="I2569" s="46">
        <v>1.8</v>
      </c>
      <c r="J2569" s="46">
        <v>5.9</v>
      </c>
      <c r="K2569" s="46">
        <v>34.6</v>
      </c>
      <c r="L2569" s="59">
        <v>50</v>
      </c>
    </row>
    <row r="2570" spans="1:25" x14ac:dyDescent="0.2">
      <c r="B2570" s="77"/>
      <c r="C2570" s="39" t="s">
        <v>62</v>
      </c>
      <c r="D2570" s="45">
        <v>1086</v>
      </c>
      <c r="E2570" s="46">
        <v>11</v>
      </c>
      <c r="F2570" s="46">
        <v>44.7</v>
      </c>
      <c r="G2570" s="46">
        <v>34.1</v>
      </c>
      <c r="H2570" s="46">
        <v>4.2</v>
      </c>
      <c r="I2570" s="46">
        <v>1.4</v>
      </c>
      <c r="J2570" s="46">
        <v>4.5999999999999996</v>
      </c>
      <c r="K2570" s="46">
        <v>31.3</v>
      </c>
      <c r="L2570" s="59">
        <v>50</v>
      </c>
    </row>
    <row r="2571" spans="1:25" ht="21.6" x14ac:dyDescent="0.2">
      <c r="B2571" s="77"/>
      <c r="C2571" s="39" t="s">
        <v>63</v>
      </c>
      <c r="D2571" s="45">
        <v>203</v>
      </c>
      <c r="E2571" s="46">
        <v>8.9</v>
      </c>
      <c r="F2571" s="46">
        <v>38.4</v>
      </c>
      <c r="G2571" s="46">
        <v>36.5</v>
      </c>
      <c r="H2571" s="46">
        <v>4.9000000000000004</v>
      </c>
      <c r="I2571" s="46">
        <v>2.5</v>
      </c>
      <c r="J2571" s="46">
        <v>8.9</v>
      </c>
      <c r="K2571" s="46">
        <v>25.4</v>
      </c>
      <c r="L2571" s="59">
        <v>50</v>
      </c>
    </row>
    <row r="2572" spans="1:25" x14ac:dyDescent="0.2">
      <c r="B2572" s="77"/>
      <c r="C2572" s="39" t="s">
        <v>64</v>
      </c>
      <c r="D2572" s="45">
        <v>263</v>
      </c>
      <c r="E2572" s="46">
        <v>11</v>
      </c>
      <c r="F2572" s="46">
        <v>42.6</v>
      </c>
      <c r="G2572" s="46">
        <v>34.6</v>
      </c>
      <c r="H2572" s="46">
        <v>4.9000000000000004</v>
      </c>
      <c r="I2572" s="46">
        <v>1.5</v>
      </c>
      <c r="J2572" s="46">
        <v>5.3</v>
      </c>
      <c r="K2572" s="46">
        <v>29.9</v>
      </c>
      <c r="L2572" s="59">
        <v>50</v>
      </c>
    </row>
    <row r="2573" spans="1:25" x14ac:dyDescent="0.2">
      <c r="B2573" s="77"/>
      <c r="C2573" s="39" t="s">
        <v>65</v>
      </c>
      <c r="D2573" s="45">
        <v>312</v>
      </c>
      <c r="E2573" s="46">
        <v>10.6</v>
      </c>
      <c r="F2573" s="46">
        <v>46.2</v>
      </c>
      <c r="G2573" s="46">
        <v>33.700000000000003</v>
      </c>
      <c r="H2573" s="46">
        <v>3.8</v>
      </c>
      <c r="I2573" s="46">
        <v>1.6</v>
      </c>
      <c r="J2573" s="46">
        <v>4.2</v>
      </c>
      <c r="K2573" s="46">
        <v>31.4</v>
      </c>
      <c r="L2573" s="59">
        <v>50</v>
      </c>
    </row>
    <row r="2574" spans="1:25" x14ac:dyDescent="0.2">
      <c r="B2574" s="77"/>
      <c r="C2574" s="39" t="s">
        <v>66</v>
      </c>
      <c r="D2574" s="45">
        <v>230</v>
      </c>
      <c r="E2574" s="46">
        <v>12.6</v>
      </c>
      <c r="F2574" s="46">
        <v>47</v>
      </c>
      <c r="G2574" s="46">
        <v>33.5</v>
      </c>
      <c r="H2574" s="46">
        <v>4.3</v>
      </c>
      <c r="I2574" s="46">
        <v>0.4</v>
      </c>
      <c r="J2574" s="46">
        <v>2.2000000000000002</v>
      </c>
      <c r="K2574" s="46">
        <v>34.200000000000003</v>
      </c>
      <c r="L2574" s="59">
        <v>50</v>
      </c>
    </row>
    <row r="2575" spans="1:25" x14ac:dyDescent="0.2">
      <c r="B2575" s="77"/>
      <c r="C2575" s="39" t="s">
        <v>67</v>
      </c>
      <c r="D2575" s="45">
        <v>78</v>
      </c>
      <c r="E2575" s="46">
        <v>14.1</v>
      </c>
      <c r="F2575" s="46">
        <v>55.1</v>
      </c>
      <c r="G2575" s="46">
        <v>29.5</v>
      </c>
      <c r="H2575" s="46">
        <v>1.3</v>
      </c>
      <c r="I2575" s="46">
        <v>0</v>
      </c>
      <c r="J2575" s="46">
        <v>0</v>
      </c>
      <c r="K2575" s="46">
        <v>41</v>
      </c>
      <c r="L2575" s="59">
        <v>50</v>
      </c>
    </row>
    <row r="2576" spans="1:25" x14ac:dyDescent="0.2">
      <c r="B2576" s="77"/>
      <c r="C2576" s="39" t="s">
        <v>68</v>
      </c>
      <c r="D2576" s="45">
        <v>897</v>
      </c>
      <c r="E2576" s="46">
        <v>10.7</v>
      </c>
      <c r="F2576" s="46">
        <v>45.7</v>
      </c>
      <c r="G2576" s="46">
        <v>35</v>
      </c>
      <c r="H2576" s="46">
        <v>3.9</v>
      </c>
      <c r="I2576" s="46">
        <v>1.3</v>
      </c>
      <c r="J2576" s="46">
        <v>3.3</v>
      </c>
      <c r="K2576" s="46">
        <v>31.3</v>
      </c>
      <c r="L2576" s="59">
        <v>50</v>
      </c>
    </row>
    <row r="2577" spans="1:25" x14ac:dyDescent="0.2">
      <c r="B2577" s="77"/>
      <c r="C2577" s="39" t="s">
        <v>69</v>
      </c>
      <c r="D2577" s="45">
        <v>189</v>
      </c>
      <c r="E2577" s="46">
        <v>12.7</v>
      </c>
      <c r="F2577" s="46">
        <v>39.700000000000003</v>
      </c>
      <c r="G2577" s="46">
        <v>29.6</v>
      </c>
      <c r="H2577" s="46">
        <v>5.8</v>
      </c>
      <c r="I2577" s="46">
        <v>1.6</v>
      </c>
      <c r="J2577" s="46">
        <v>10.6</v>
      </c>
      <c r="K2577" s="46">
        <v>31.4</v>
      </c>
      <c r="L2577" s="59">
        <v>50</v>
      </c>
    </row>
    <row r="2578" spans="1:25" x14ac:dyDescent="0.2">
      <c r="B2578" s="77"/>
      <c r="C2578" s="39" t="s">
        <v>70</v>
      </c>
      <c r="D2578" s="45">
        <v>914</v>
      </c>
      <c r="E2578" s="46">
        <v>13.2</v>
      </c>
      <c r="F2578" s="46">
        <v>55.5</v>
      </c>
      <c r="G2578" s="46">
        <v>21</v>
      </c>
      <c r="H2578" s="46">
        <v>2.5</v>
      </c>
      <c r="I2578" s="46">
        <v>1.2</v>
      </c>
      <c r="J2578" s="46">
        <v>6.6</v>
      </c>
      <c r="K2578" s="46">
        <v>41.2</v>
      </c>
      <c r="L2578" s="59">
        <v>50</v>
      </c>
    </row>
    <row r="2579" spans="1:25" ht="21.6" x14ac:dyDescent="0.2">
      <c r="B2579" s="77"/>
      <c r="C2579" s="39" t="s">
        <v>63</v>
      </c>
      <c r="D2579" s="45">
        <v>193</v>
      </c>
      <c r="E2579" s="46">
        <v>9.8000000000000007</v>
      </c>
      <c r="F2579" s="46">
        <v>47.7</v>
      </c>
      <c r="G2579" s="46">
        <v>25.4</v>
      </c>
      <c r="H2579" s="46">
        <v>3.1</v>
      </c>
      <c r="I2579" s="46">
        <v>2.1</v>
      </c>
      <c r="J2579" s="46">
        <v>11.9</v>
      </c>
      <c r="K2579" s="46">
        <v>34.1</v>
      </c>
      <c r="L2579" s="59">
        <v>50</v>
      </c>
    </row>
    <row r="2580" spans="1:25" x14ac:dyDescent="0.2">
      <c r="B2580" s="77"/>
      <c r="C2580" s="39" t="s">
        <v>64</v>
      </c>
      <c r="D2580" s="45">
        <v>203</v>
      </c>
      <c r="E2580" s="46">
        <v>10.8</v>
      </c>
      <c r="F2580" s="46">
        <v>55.7</v>
      </c>
      <c r="G2580" s="46">
        <v>22.7</v>
      </c>
      <c r="H2580" s="46">
        <v>2.5</v>
      </c>
      <c r="I2580" s="46">
        <v>1</v>
      </c>
      <c r="J2580" s="46">
        <v>7.4</v>
      </c>
      <c r="K2580" s="46">
        <v>39.4</v>
      </c>
      <c r="L2580" s="59">
        <v>50</v>
      </c>
    </row>
    <row r="2581" spans="1:25" x14ac:dyDescent="0.2">
      <c r="B2581" s="77"/>
      <c r="C2581" s="39" t="s">
        <v>65</v>
      </c>
      <c r="D2581" s="45">
        <v>263</v>
      </c>
      <c r="E2581" s="46">
        <v>15.6</v>
      </c>
      <c r="F2581" s="46">
        <v>54</v>
      </c>
      <c r="G2581" s="46">
        <v>21.3</v>
      </c>
      <c r="H2581" s="46">
        <v>3.4</v>
      </c>
      <c r="I2581" s="46">
        <v>0.8</v>
      </c>
      <c r="J2581" s="46">
        <v>4.9000000000000004</v>
      </c>
      <c r="K2581" s="46">
        <v>42.2</v>
      </c>
      <c r="L2581" s="59">
        <v>50</v>
      </c>
    </row>
    <row r="2582" spans="1:25" x14ac:dyDescent="0.2">
      <c r="B2582" s="77"/>
      <c r="C2582" s="39" t="s">
        <v>66</v>
      </c>
      <c r="D2582" s="45">
        <v>194</v>
      </c>
      <c r="E2582" s="46">
        <v>14.9</v>
      </c>
      <c r="F2582" s="46">
        <v>62.4</v>
      </c>
      <c r="G2582" s="46">
        <v>16.5</v>
      </c>
      <c r="H2582" s="46">
        <v>1</v>
      </c>
      <c r="I2582" s="46">
        <v>1</v>
      </c>
      <c r="J2582" s="46">
        <v>4.0999999999999996</v>
      </c>
      <c r="K2582" s="46">
        <v>46.5</v>
      </c>
      <c r="L2582" s="59">
        <v>50</v>
      </c>
    </row>
    <row r="2583" spans="1:25" x14ac:dyDescent="0.2">
      <c r="B2583" s="77"/>
      <c r="C2583" s="39" t="s">
        <v>67</v>
      </c>
      <c r="D2583" s="45">
        <v>61</v>
      </c>
      <c r="E2583" s="46">
        <v>16.399999999999999</v>
      </c>
      <c r="F2583" s="46">
        <v>63.9</v>
      </c>
      <c r="G2583" s="46">
        <v>14.8</v>
      </c>
      <c r="H2583" s="46">
        <v>1.6</v>
      </c>
      <c r="I2583" s="46">
        <v>1.6</v>
      </c>
      <c r="J2583" s="46">
        <v>1.6</v>
      </c>
      <c r="K2583" s="46">
        <v>46.7</v>
      </c>
      <c r="L2583" s="59">
        <v>50</v>
      </c>
    </row>
    <row r="2584" spans="1:25" x14ac:dyDescent="0.2">
      <c r="B2584" s="77"/>
      <c r="C2584" s="39" t="s">
        <v>68</v>
      </c>
      <c r="D2584" s="45">
        <v>416</v>
      </c>
      <c r="E2584" s="46">
        <v>10.8</v>
      </c>
      <c r="F2584" s="46">
        <v>54.1</v>
      </c>
      <c r="G2584" s="46">
        <v>24</v>
      </c>
      <c r="H2584" s="46">
        <v>3.6</v>
      </c>
      <c r="I2584" s="46">
        <v>1.2</v>
      </c>
      <c r="J2584" s="46">
        <v>6.3</v>
      </c>
      <c r="K2584" s="46">
        <v>37.200000000000003</v>
      </c>
      <c r="L2584" s="59">
        <v>50</v>
      </c>
    </row>
    <row r="2585" spans="1:25" x14ac:dyDescent="0.2">
      <c r="B2585" s="77"/>
      <c r="C2585" s="40" t="s">
        <v>69</v>
      </c>
      <c r="D2585" s="48">
        <v>498</v>
      </c>
      <c r="E2585" s="49">
        <v>15.3</v>
      </c>
      <c r="F2585" s="49">
        <v>56.6</v>
      </c>
      <c r="G2585" s="49">
        <v>18.5</v>
      </c>
      <c r="H2585" s="49">
        <v>1.6</v>
      </c>
      <c r="I2585" s="49">
        <v>1.2</v>
      </c>
      <c r="J2585" s="49">
        <v>6.8</v>
      </c>
      <c r="K2585" s="49">
        <v>44.6</v>
      </c>
      <c r="L2585" s="60">
        <v>50</v>
      </c>
    </row>
    <row r="2586" spans="1:25" x14ac:dyDescent="0.2">
      <c r="B2586" s="7" t="s">
        <v>71</v>
      </c>
      <c r="C2586" s="4" t="s">
        <v>141</v>
      </c>
    </row>
    <row r="2587" spans="1:25" x14ac:dyDescent="0.2">
      <c r="B2587" s="4"/>
      <c r="C2587" s="4" t="s">
        <v>73</v>
      </c>
    </row>
    <row r="2589" spans="1:25" x14ac:dyDescent="0.2">
      <c r="A2589" s="26" t="s">
        <v>25</v>
      </c>
      <c r="B2589" t="s">
        <v>35</v>
      </c>
      <c r="C2589" t="s">
        <v>35</v>
      </c>
    </row>
    <row r="2590" spans="1:25" x14ac:dyDescent="0.2">
      <c r="B2590" s="75" t="s">
        <v>142</v>
      </c>
      <c r="C2590" s="76"/>
      <c r="D2590" s="76"/>
      <c r="E2590" s="76"/>
      <c r="F2590" s="76"/>
      <c r="G2590" s="76"/>
      <c r="H2590" s="76"/>
      <c r="I2590" s="76"/>
      <c r="J2590" s="76"/>
      <c r="K2590" s="76"/>
      <c r="L2590" s="76"/>
      <c r="M2590" s="76"/>
      <c r="N2590" s="76"/>
      <c r="O2590" s="76"/>
      <c r="P2590" s="76"/>
      <c r="Q2590" s="76"/>
      <c r="R2590" s="76"/>
      <c r="S2590" s="76"/>
      <c r="T2590" s="76"/>
      <c r="U2590" s="76"/>
      <c r="V2590" s="76"/>
      <c r="W2590" s="76"/>
      <c r="X2590" s="76"/>
      <c r="Y2590" s="76"/>
    </row>
    <row r="2591" spans="1:25" s="32" customFormat="1" ht="36.450000000000003" customHeight="1" x14ac:dyDescent="0.15">
      <c r="A2591" s="31"/>
      <c r="D2591" s="33" t="s">
        <v>378</v>
      </c>
      <c r="E2591" s="36" t="s">
        <v>555</v>
      </c>
      <c r="F2591" s="55" t="s">
        <v>525</v>
      </c>
      <c r="G2591" s="55" t="s">
        <v>556</v>
      </c>
      <c r="H2591" s="37" t="s">
        <v>480</v>
      </c>
      <c r="I2591" s="35" t="s">
        <v>381</v>
      </c>
    </row>
    <row r="2592" spans="1:25" x14ac:dyDescent="0.2">
      <c r="B2592" s="5"/>
      <c r="C2592" s="41" t="s">
        <v>38</v>
      </c>
      <c r="D2592" s="42">
        <v>2000</v>
      </c>
      <c r="E2592" s="43">
        <v>61.7</v>
      </c>
      <c r="F2592" s="43">
        <v>28.1</v>
      </c>
      <c r="G2592" s="43">
        <v>4.8</v>
      </c>
      <c r="H2592" s="44">
        <v>5.5</v>
      </c>
    </row>
    <row r="2593" spans="2:8" x14ac:dyDescent="0.2">
      <c r="B2593" s="77" t="s">
        <v>37</v>
      </c>
      <c r="C2593" s="39" t="s">
        <v>39</v>
      </c>
      <c r="D2593" s="45">
        <v>111</v>
      </c>
      <c r="E2593" s="46">
        <v>64</v>
      </c>
      <c r="F2593" s="46">
        <v>26.1</v>
      </c>
      <c r="G2593" s="46">
        <v>4.5</v>
      </c>
      <c r="H2593" s="47">
        <v>5.4</v>
      </c>
    </row>
    <row r="2594" spans="2:8" x14ac:dyDescent="0.2">
      <c r="B2594" s="77"/>
      <c r="C2594" s="39" t="s">
        <v>40</v>
      </c>
      <c r="D2594" s="45">
        <v>450</v>
      </c>
      <c r="E2594" s="46">
        <v>59.3</v>
      </c>
      <c r="F2594" s="46">
        <v>32</v>
      </c>
      <c r="G2594" s="46">
        <v>4.7</v>
      </c>
      <c r="H2594" s="47">
        <v>4</v>
      </c>
    </row>
    <row r="2595" spans="2:8" ht="21.6" x14ac:dyDescent="0.2">
      <c r="B2595" s="77"/>
      <c r="C2595" s="39" t="s">
        <v>41</v>
      </c>
      <c r="D2595" s="45">
        <v>30</v>
      </c>
      <c r="E2595" s="46">
        <v>63.3</v>
      </c>
      <c r="F2595" s="46">
        <v>23.3</v>
      </c>
      <c r="G2595" s="46">
        <v>6.7</v>
      </c>
      <c r="H2595" s="47">
        <v>6.7</v>
      </c>
    </row>
    <row r="2596" spans="2:8" ht="21.6" x14ac:dyDescent="0.2">
      <c r="B2596" s="77"/>
      <c r="C2596" s="39" t="s">
        <v>42</v>
      </c>
      <c r="D2596" s="45">
        <v>336</v>
      </c>
      <c r="E2596" s="46">
        <v>60.7</v>
      </c>
      <c r="F2596" s="46">
        <v>31</v>
      </c>
      <c r="G2596" s="46">
        <v>4.8</v>
      </c>
      <c r="H2596" s="47">
        <v>3.6</v>
      </c>
    </row>
    <row r="2597" spans="2:8" ht="21.6" x14ac:dyDescent="0.2">
      <c r="B2597" s="77"/>
      <c r="C2597" s="39" t="s">
        <v>43</v>
      </c>
      <c r="D2597" s="45">
        <v>327</v>
      </c>
      <c r="E2597" s="46">
        <v>62.7</v>
      </c>
      <c r="F2597" s="46">
        <v>25.4</v>
      </c>
      <c r="G2597" s="46">
        <v>5.5</v>
      </c>
      <c r="H2597" s="47">
        <v>6.4</v>
      </c>
    </row>
    <row r="2598" spans="2:8" ht="21.6" x14ac:dyDescent="0.2">
      <c r="B2598" s="77"/>
      <c r="C2598" s="39" t="s">
        <v>44</v>
      </c>
      <c r="D2598" s="45">
        <v>181</v>
      </c>
      <c r="E2598" s="46">
        <v>59.7</v>
      </c>
      <c r="F2598" s="46">
        <v>27.1</v>
      </c>
      <c r="G2598" s="46">
        <v>7.7</v>
      </c>
      <c r="H2598" s="47">
        <v>5.5</v>
      </c>
    </row>
    <row r="2599" spans="2:8" ht="21.6" x14ac:dyDescent="0.2">
      <c r="B2599" s="77"/>
      <c r="C2599" s="39" t="s">
        <v>45</v>
      </c>
      <c r="D2599" s="45">
        <v>565</v>
      </c>
      <c r="E2599" s="46">
        <v>63.5</v>
      </c>
      <c r="F2599" s="46">
        <v>25.8</v>
      </c>
      <c r="G2599" s="46">
        <v>3.4</v>
      </c>
      <c r="H2599" s="47">
        <v>7.3</v>
      </c>
    </row>
    <row r="2600" spans="2:8" ht="21.6" x14ac:dyDescent="0.2">
      <c r="B2600" s="77"/>
      <c r="C2600" s="39" t="s">
        <v>46</v>
      </c>
      <c r="D2600" s="45">
        <v>473</v>
      </c>
      <c r="E2600" s="46">
        <v>64.900000000000006</v>
      </c>
      <c r="F2600" s="46">
        <v>24.3</v>
      </c>
      <c r="G2600" s="46">
        <v>4.2</v>
      </c>
      <c r="H2600" s="47">
        <v>6.6</v>
      </c>
    </row>
    <row r="2601" spans="2:8" ht="21.6" x14ac:dyDescent="0.2">
      <c r="B2601" s="77"/>
      <c r="C2601" s="39" t="s">
        <v>47</v>
      </c>
      <c r="D2601" s="45">
        <v>441</v>
      </c>
      <c r="E2601" s="46">
        <v>66.400000000000006</v>
      </c>
      <c r="F2601" s="46">
        <v>27</v>
      </c>
      <c r="G2601" s="46">
        <v>3.9</v>
      </c>
      <c r="H2601" s="47">
        <v>2.7</v>
      </c>
    </row>
    <row r="2602" spans="2:8" ht="21.6" x14ac:dyDescent="0.2">
      <c r="B2602" s="77"/>
      <c r="C2602" s="39" t="s">
        <v>48</v>
      </c>
      <c r="D2602" s="45">
        <v>305</v>
      </c>
      <c r="E2602" s="46">
        <v>58.4</v>
      </c>
      <c r="F2602" s="46">
        <v>33.1</v>
      </c>
      <c r="G2602" s="46">
        <v>5.2</v>
      </c>
      <c r="H2602" s="47">
        <v>3.3</v>
      </c>
    </row>
    <row r="2603" spans="2:8" ht="21.6" x14ac:dyDescent="0.2">
      <c r="B2603" s="77"/>
      <c r="C2603" s="39" t="s">
        <v>49</v>
      </c>
      <c r="D2603" s="45">
        <v>223</v>
      </c>
      <c r="E2603" s="46">
        <v>63.2</v>
      </c>
      <c r="F2603" s="46">
        <v>29.1</v>
      </c>
      <c r="G2603" s="46">
        <v>6.3</v>
      </c>
      <c r="H2603" s="47">
        <v>1.3</v>
      </c>
    </row>
    <row r="2604" spans="2:8" ht="21.6" x14ac:dyDescent="0.2">
      <c r="B2604" s="77"/>
      <c r="C2604" s="39" t="s">
        <v>50</v>
      </c>
      <c r="D2604" s="45">
        <v>123</v>
      </c>
      <c r="E2604" s="46">
        <v>58.5</v>
      </c>
      <c r="F2604" s="46">
        <v>35.799999999999997</v>
      </c>
      <c r="G2604" s="46">
        <v>4.9000000000000004</v>
      </c>
      <c r="H2604" s="47">
        <v>0.8</v>
      </c>
    </row>
    <row r="2605" spans="2:8" ht="21.6" x14ac:dyDescent="0.2">
      <c r="B2605" s="77"/>
      <c r="C2605" s="39" t="s">
        <v>51</v>
      </c>
      <c r="D2605" s="45">
        <v>124</v>
      </c>
      <c r="E2605" s="46">
        <v>54.8</v>
      </c>
      <c r="F2605" s="46">
        <v>37.9</v>
      </c>
      <c r="G2605" s="46">
        <v>4.8</v>
      </c>
      <c r="H2605" s="47">
        <v>2.4</v>
      </c>
    </row>
    <row r="2606" spans="2:8" ht="21.6" x14ac:dyDescent="0.2">
      <c r="B2606" s="77"/>
      <c r="C2606" s="39" t="s">
        <v>52</v>
      </c>
      <c r="D2606" s="45">
        <v>312</v>
      </c>
      <c r="E2606" s="46">
        <v>66</v>
      </c>
      <c r="F2606" s="46">
        <v>24.4</v>
      </c>
      <c r="G2606" s="46">
        <v>4.2</v>
      </c>
      <c r="H2606" s="47">
        <v>5.4</v>
      </c>
    </row>
    <row r="2607" spans="2:8" x14ac:dyDescent="0.2">
      <c r="B2607" s="77"/>
      <c r="C2607" s="39" t="s">
        <v>53</v>
      </c>
      <c r="D2607" s="45">
        <v>269</v>
      </c>
      <c r="E2607" s="46">
        <v>64.7</v>
      </c>
      <c r="F2607" s="46">
        <v>24.2</v>
      </c>
      <c r="G2607" s="46">
        <v>4.8</v>
      </c>
      <c r="H2607" s="47">
        <v>6.3</v>
      </c>
    </row>
    <row r="2608" spans="2:8" ht="21.6" x14ac:dyDescent="0.2">
      <c r="B2608" s="77"/>
      <c r="C2608" s="39" t="s">
        <v>54</v>
      </c>
      <c r="D2608" s="45">
        <v>511</v>
      </c>
      <c r="E2608" s="46">
        <v>64.8</v>
      </c>
      <c r="F2608" s="46">
        <v>28.4</v>
      </c>
      <c r="G2608" s="46">
        <v>4.3</v>
      </c>
      <c r="H2608" s="47">
        <v>2.5</v>
      </c>
    </row>
    <row r="2609" spans="1:25" ht="21.6" x14ac:dyDescent="0.2">
      <c r="B2609" s="77"/>
      <c r="C2609" s="39" t="s">
        <v>55</v>
      </c>
      <c r="D2609" s="45">
        <v>615</v>
      </c>
      <c r="E2609" s="46">
        <v>59</v>
      </c>
      <c r="F2609" s="46">
        <v>32.200000000000003</v>
      </c>
      <c r="G2609" s="46">
        <v>5</v>
      </c>
      <c r="H2609" s="47">
        <v>3.7</v>
      </c>
    </row>
    <row r="2610" spans="1:25" ht="21.6" x14ac:dyDescent="0.2">
      <c r="B2610" s="77"/>
      <c r="C2610" s="39" t="s">
        <v>56</v>
      </c>
      <c r="D2610" s="45">
        <v>800</v>
      </c>
      <c r="E2610" s="46">
        <v>59.8</v>
      </c>
      <c r="F2610" s="46">
        <v>30.3</v>
      </c>
      <c r="G2610" s="46">
        <v>5.5</v>
      </c>
      <c r="H2610" s="47">
        <v>4.5</v>
      </c>
    </row>
    <row r="2611" spans="1:25" x14ac:dyDescent="0.2">
      <c r="B2611" s="77"/>
      <c r="C2611" s="40" t="s">
        <v>57</v>
      </c>
      <c r="D2611" s="48">
        <v>798</v>
      </c>
      <c r="E2611" s="49">
        <v>66</v>
      </c>
      <c r="F2611" s="49">
        <v>27.1</v>
      </c>
      <c r="G2611" s="49">
        <v>3.6</v>
      </c>
      <c r="H2611" s="50">
        <v>3.3</v>
      </c>
    </row>
    <row r="2613" spans="1:25" x14ac:dyDescent="0.2">
      <c r="C2613" t="s">
        <v>35</v>
      </c>
    </row>
    <row r="2614" spans="1:25" x14ac:dyDescent="0.2">
      <c r="B2614" s="75" t="s">
        <v>307</v>
      </c>
      <c r="C2614" s="76"/>
      <c r="D2614" s="76"/>
      <c r="E2614" s="76"/>
      <c r="F2614" s="76"/>
      <c r="G2614" s="76"/>
      <c r="H2614" s="76"/>
      <c r="I2614" s="76"/>
      <c r="J2614" s="76"/>
      <c r="K2614" s="76"/>
      <c r="L2614" s="76"/>
      <c r="M2614" s="76"/>
      <c r="N2614" s="76"/>
      <c r="O2614" s="76"/>
      <c r="P2614" s="76"/>
      <c r="Q2614" s="76"/>
      <c r="R2614" s="76"/>
      <c r="S2614" s="76"/>
      <c r="T2614" s="76"/>
      <c r="U2614" s="76"/>
      <c r="V2614" s="76"/>
      <c r="W2614" s="76"/>
      <c r="X2614" s="76"/>
      <c r="Y2614" s="76"/>
    </row>
    <row r="2615" spans="1:25" s="32" customFormat="1" ht="36.450000000000003" customHeight="1" x14ac:dyDescent="0.15">
      <c r="A2615" s="31"/>
      <c r="D2615" s="33" t="s">
        <v>378</v>
      </c>
      <c r="E2615" s="36" t="s">
        <v>555</v>
      </c>
      <c r="F2615" s="55" t="s">
        <v>525</v>
      </c>
      <c r="G2615" s="55" t="s">
        <v>556</v>
      </c>
      <c r="H2615" s="37" t="s">
        <v>480</v>
      </c>
      <c r="I2615" s="35" t="s">
        <v>381</v>
      </c>
    </row>
    <row r="2616" spans="1:25" ht="21.6" x14ac:dyDescent="0.2">
      <c r="B2616" s="77" t="s">
        <v>37</v>
      </c>
      <c r="C2616" s="38" t="s">
        <v>58</v>
      </c>
      <c r="D2616" s="51">
        <v>609</v>
      </c>
      <c r="E2616" s="52">
        <v>58.1</v>
      </c>
      <c r="F2616" s="52">
        <v>30</v>
      </c>
      <c r="G2616" s="52">
        <v>6.6</v>
      </c>
      <c r="H2616" s="53">
        <v>5.3</v>
      </c>
    </row>
    <row r="2617" spans="1:25" ht="21.6" x14ac:dyDescent="0.2">
      <c r="B2617" s="77"/>
      <c r="C2617" s="39" t="s">
        <v>59</v>
      </c>
      <c r="D2617" s="45">
        <v>1391</v>
      </c>
      <c r="E2617" s="46">
        <v>63.2</v>
      </c>
      <c r="F2617" s="46">
        <v>27.2</v>
      </c>
      <c r="G2617" s="46">
        <v>4</v>
      </c>
      <c r="H2617" s="47">
        <v>5.6</v>
      </c>
    </row>
    <row r="2618" spans="1:25" x14ac:dyDescent="0.2">
      <c r="B2618" s="77"/>
      <c r="C2618" s="39" t="s">
        <v>60</v>
      </c>
      <c r="D2618" s="45">
        <v>1325</v>
      </c>
      <c r="E2618" s="46">
        <v>61.8</v>
      </c>
      <c r="F2618" s="46">
        <v>28.2</v>
      </c>
      <c r="G2618" s="46">
        <v>4.8</v>
      </c>
      <c r="H2618" s="47">
        <v>5.3</v>
      </c>
    </row>
    <row r="2619" spans="1:25" x14ac:dyDescent="0.2">
      <c r="B2619" s="77"/>
      <c r="C2619" s="39" t="s">
        <v>61</v>
      </c>
      <c r="D2619" s="45">
        <v>675</v>
      </c>
      <c r="E2619" s="46">
        <v>61.3</v>
      </c>
      <c r="F2619" s="46">
        <v>28</v>
      </c>
      <c r="G2619" s="46">
        <v>4.7</v>
      </c>
      <c r="H2619" s="47">
        <v>5.9</v>
      </c>
    </row>
    <row r="2620" spans="1:25" x14ac:dyDescent="0.2">
      <c r="B2620" s="77"/>
      <c r="C2620" s="39" t="s">
        <v>62</v>
      </c>
      <c r="D2620" s="45">
        <v>1086</v>
      </c>
      <c r="E2620" s="46">
        <v>55.7</v>
      </c>
      <c r="F2620" s="46">
        <v>34.1</v>
      </c>
      <c r="G2620" s="46">
        <v>5.6</v>
      </c>
      <c r="H2620" s="47">
        <v>4.5999999999999996</v>
      </c>
    </row>
    <row r="2621" spans="1:25" ht="21.6" x14ac:dyDescent="0.2">
      <c r="B2621" s="77"/>
      <c r="C2621" s="39" t="s">
        <v>63</v>
      </c>
      <c r="D2621" s="45">
        <v>203</v>
      </c>
      <c r="E2621" s="46">
        <v>47.3</v>
      </c>
      <c r="F2621" s="46">
        <v>36.5</v>
      </c>
      <c r="G2621" s="46">
        <v>7.4</v>
      </c>
      <c r="H2621" s="47">
        <v>8.9</v>
      </c>
    </row>
    <row r="2622" spans="1:25" x14ac:dyDescent="0.2">
      <c r="B2622" s="77"/>
      <c r="C2622" s="39" t="s">
        <v>64</v>
      </c>
      <c r="D2622" s="45">
        <v>263</v>
      </c>
      <c r="E2622" s="46">
        <v>53.6</v>
      </c>
      <c r="F2622" s="46">
        <v>34.6</v>
      </c>
      <c r="G2622" s="46">
        <v>6.5</v>
      </c>
      <c r="H2622" s="47">
        <v>5.3</v>
      </c>
    </row>
    <row r="2623" spans="1:25" x14ac:dyDescent="0.2">
      <c r="B2623" s="77"/>
      <c r="C2623" s="39" t="s">
        <v>65</v>
      </c>
      <c r="D2623" s="45">
        <v>312</v>
      </c>
      <c r="E2623" s="46">
        <v>56.7</v>
      </c>
      <c r="F2623" s="46">
        <v>33.700000000000003</v>
      </c>
      <c r="G2623" s="46">
        <v>5.4</v>
      </c>
      <c r="H2623" s="47">
        <v>4.2</v>
      </c>
    </row>
    <row r="2624" spans="1:25" x14ac:dyDescent="0.2">
      <c r="B2624" s="77"/>
      <c r="C2624" s="39" t="s">
        <v>66</v>
      </c>
      <c r="D2624" s="45">
        <v>230</v>
      </c>
      <c r="E2624" s="46">
        <v>59.6</v>
      </c>
      <c r="F2624" s="46">
        <v>33.5</v>
      </c>
      <c r="G2624" s="46">
        <v>4.8</v>
      </c>
      <c r="H2624" s="47">
        <v>2.2000000000000002</v>
      </c>
    </row>
    <row r="2625" spans="1:25" x14ac:dyDescent="0.2">
      <c r="B2625" s="77"/>
      <c r="C2625" s="39" t="s">
        <v>67</v>
      </c>
      <c r="D2625" s="45">
        <v>78</v>
      </c>
      <c r="E2625" s="46">
        <v>69.2</v>
      </c>
      <c r="F2625" s="46">
        <v>29.5</v>
      </c>
      <c r="G2625" s="46">
        <v>1.3</v>
      </c>
      <c r="H2625" s="47">
        <v>0</v>
      </c>
    </row>
    <row r="2626" spans="1:25" x14ac:dyDescent="0.2">
      <c r="B2626" s="77"/>
      <c r="C2626" s="39" t="s">
        <v>68</v>
      </c>
      <c r="D2626" s="45">
        <v>897</v>
      </c>
      <c r="E2626" s="46">
        <v>56.4</v>
      </c>
      <c r="F2626" s="46">
        <v>35</v>
      </c>
      <c r="G2626" s="46">
        <v>5.2</v>
      </c>
      <c r="H2626" s="47">
        <v>3.3</v>
      </c>
    </row>
    <row r="2627" spans="1:25" x14ac:dyDescent="0.2">
      <c r="B2627" s="77"/>
      <c r="C2627" s="39" t="s">
        <v>69</v>
      </c>
      <c r="D2627" s="45">
        <v>189</v>
      </c>
      <c r="E2627" s="46">
        <v>52.4</v>
      </c>
      <c r="F2627" s="46">
        <v>29.6</v>
      </c>
      <c r="G2627" s="46">
        <v>7.4</v>
      </c>
      <c r="H2627" s="47">
        <v>10.6</v>
      </c>
    </row>
    <row r="2628" spans="1:25" x14ac:dyDescent="0.2">
      <c r="B2628" s="77"/>
      <c r="C2628" s="39" t="s">
        <v>70</v>
      </c>
      <c r="D2628" s="45">
        <v>914</v>
      </c>
      <c r="E2628" s="46">
        <v>68.7</v>
      </c>
      <c r="F2628" s="46">
        <v>21</v>
      </c>
      <c r="G2628" s="46">
        <v>3.7</v>
      </c>
      <c r="H2628" s="47">
        <v>6.6</v>
      </c>
    </row>
    <row r="2629" spans="1:25" ht="21.6" x14ac:dyDescent="0.2">
      <c r="B2629" s="77"/>
      <c r="C2629" s="39" t="s">
        <v>63</v>
      </c>
      <c r="D2629" s="45">
        <v>193</v>
      </c>
      <c r="E2629" s="46">
        <v>57.5</v>
      </c>
      <c r="F2629" s="46">
        <v>25.4</v>
      </c>
      <c r="G2629" s="46">
        <v>5.2</v>
      </c>
      <c r="H2629" s="47">
        <v>11.9</v>
      </c>
    </row>
    <row r="2630" spans="1:25" x14ac:dyDescent="0.2">
      <c r="B2630" s="77"/>
      <c r="C2630" s="39" t="s">
        <v>64</v>
      </c>
      <c r="D2630" s="45">
        <v>203</v>
      </c>
      <c r="E2630" s="46">
        <v>66.5</v>
      </c>
      <c r="F2630" s="46">
        <v>22.7</v>
      </c>
      <c r="G2630" s="46">
        <v>3.4</v>
      </c>
      <c r="H2630" s="47">
        <v>7.4</v>
      </c>
    </row>
    <row r="2631" spans="1:25" x14ac:dyDescent="0.2">
      <c r="B2631" s="77"/>
      <c r="C2631" s="39" t="s">
        <v>65</v>
      </c>
      <c r="D2631" s="45">
        <v>263</v>
      </c>
      <c r="E2631" s="46">
        <v>69.599999999999994</v>
      </c>
      <c r="F2631" s="46">
        <v>21.3</v>
      </c>
      <c r="G2631" s="46">
        <v>4.2</v>
      </c>
      <c r="H2631" s="47">
        <v>4.9000000000000004</v>
      </c>
    </row>
    <row r="2632" spans="1:25" x14ac:dyDescent="0.2">
      <c r="B2632" s="77"/>
      <c r="C2632" s="39" t="s">
        <v>66</v>
      </c>
      <c r="D2632" s="45">
        <v>194</v>
      </c>
      <c r="E2632" s="46">
        <v>77.3</v>
      </c>
      <c r="F2632" s="46">
        <v>16.5</v>
      </c>
      <c r="G2632" s="46">
        <v>2.1</v>
      </c>
      <c r="H2632" s="47">
        <v>4.0999999999999996</v>
      </c>
    </row>
    <row r="2633" spans="1:25" x14ac:dyDescent="0.2">
      <c r="B2633" s="77"/>
      <c r="C2633" s="39" t="s">
        <v>67</v>
      </c>
      <c r="D2633" s="45">
        <v>61</v>
      </c>
      <c r="E2633" s="46">
        <v>80.3</v>
      </c>
      <c r="F2633" s="46">
        <v>14.8</v>
      </c>
      <c r="G2633" s="46">
        <v>3.3</v>
      </c>
      <c r="H2633" s="47">
        <v>1.6</v>
      </c>
    </row>
    <row r="2634" spans="1:25" x14ac:dyDescent="0.2">
      <c r="B2634" s="77"/>
      <c r="C2634" s="39" t="s">
        <v>68</v>
      </c>
      <c r="D2634" s="45">
        <v>416</v>
      </c>
      <c r="E2634" s="46">
        <v>64.900000000000006</v>
      </c>
      <c r="F2634" s="46">
        <v>24</v>
      </c>
      <c r="G2634" s="46">
        <v>4.8</v>
      </c>
      <c r="H2634" s="47">
        <v>6.3</v>
      </c>
    </row>
    <row r="2635" spans="1:25" x14ac:dyDescent="0.2">
      <c r="B2635" s="77"/>
      <c r="C2635" s="40" t="s">
        <v>69</v>
      </c>
      <c r="D2635" s="48">
        <v>498</v>
      </c>
      <c r="E2635" s="49">
        <v>71.900000000000006</v>
      </c>
      <c r="F2635" s="49">
        <v>18.5</v>
      </c>
      <c r="G2635" s="49">
        <v>2.8</v>
      </c>
      <c r="H2635" s="50">
        <v>6.8</v>
      </c>
    </row>
    <row r="2637" spans="1:25" x14ac:dyDescent="0.2">
      <c r="A2637" s="26" t="s">
        <v>25</v>
      </c>
      <c r="B2637" t="s">
        <v>35</v>
      </c>
      <c r="C2637" t="s">
        <v>35</v>
      </c>
    </row>
    <row r="2638" spans="1:25" x14ac:dyDescent="0.2">
      <c r="B2638" s="75" t="s">
        <v>143</v>
      </c>
      <c r="C2638" s="76"/>
      <c r="D2638" s="76"/>
      <c r="E2638" s="76"/>
      <c r="F2638" s="76"/>
      <c r="G2638" s="76"/>
      <c r="H2638" s="76"/>
      <c r="I2638" s="76"/>
      <c r="J2638" s="76"/>
      <c r="K2638" s="76"/>
      <c r="L2638" s="76"/>
      <c r="M2638" s="76"/>
      <c r="N2638" s="76"/>
      <c r="O2638" s="76"/>
      <c r="P2638" s="76"/>
      <c r="Q2638" s="76"/>
      <c r="R2638" s="76"/>
      <c r="S2638" s="76"/>
      <c r="T2638" s="76"/>
      <c r="U2638" s="76"/>
      <c r="V2638" s="76"/>
      <c r="W2638" s="76"/>
      <c r="X2638" s="76"/>
      <c r="Y2638" s="76"/>
    </row>
    <row r="2639" spans="1:25" s="32" customFormat="1" ht="47.25" customHeight="1" x14ac:dyDescent="0.15">
      <c r="A2639" s="31"/>
      <c r="D2639" s="33" t="s">
        <v>378</v>
      </c>
      <c r="E2639" s="36" t="s">
        <v>557</v>
      </c>
      <c r="F2639" s="55" t="s">
        <v>558</v>
      </c>
      <c r="G2639" s="55" t="s">
        <v>521</v>
      </c>
      <c r="H2639" s="55" t="s">
        <v>559</v>
      </c>
      <c r="I2639" s="55" t="s">
        <v>560</v>
      </c>
      <c r="J2639" s="55" t="s">
        <v>480</v>
      </c>
      <c r="K2639" s="56" t="s">
        <v>387</v>
      </c>
      <c r="L2639" s="57" t="s">
        <v>388</v>
      </c>
      <c r="M2639" s="54" t="s">
        <v>381</v>
      </c>
    </row>
    <row r="2640" spans="1:25" x14ac:dyDescent="0.2">
      <c r="B2640" s="5"/>
      <c r="C2640" s="41" t="s">
        <v>38</v>
      </c>
      <c r="D2640" s="42">
        <v>2000</v>
      </c>
      <c r="E2640" s="43">
        <v>12.4</v>
      </c>
      <c r="F2640" s="43">
        <v>50</v>
      </c>
      <c r="G2640" s="43">
        <v>26.3</v>
      </c>
      <c r="H2640" s="43">
        <v>3</v>
      </c>
      <c r="I2640" s="43">
        <v>0.8</v>
      </c>
      <c r="J2640" s="43">
        <v>7.7</v>
      </c>
      <c r="K2640" s="43">
        <v>38.1</v>
      </c>
      <c r="L2640" s="58">
        <v>50</v>
      </c>
    </row>
    <row r="2641" spans="2:12" x14ac:dyDescent="0.2">
      <c r="B2641" s="77" t="s">
        <v>37</v>
      </c>
      <c r="C2641" s="39" t="s">
        <v>39</v>
      </c>
      <c r="D2641" s="45">
        <v>111</v>
      </c>
      <c r="E2641" s="46">
        <v>12.6</v>
      </c>
      <c r="F2641" s="46">
        <v>53.2</v>
      </c>
      <c r="G2641" s="46">
        <v>22.5</v>
      </c>
      <c r="H2641" s="46">
        <v>5.4</v>
      </c>
      <c r="I2641" s="46">
        <v>0.9</v>
      </c>
      <c r="J2641" s="46">
        <v>5.4</v>
      </c>
      <c r="K2641" s="46">
        <v>37.6</v>
      </c>
      <c r="L2641" s="59">
        <v>50</v>
      </c>
    </row>
    <row r="2642" spans="2:12" x14ac:dyDescent="0.2">
      <c r="B2642" s="77"/>
      <c r="C2642" s="39" t="s">
        <v>40</v>
      </c>
      <c r="D2642" s="45">
        <v>450</v>
      </c>
      <c r="E2642" s="46">
        <v>11.3</v>
      </c>
      <c r="F2642" s="46">
        <v>50.4</v>
      </c>
      <c r="G2642" s="46">
        <v>30.2</v>
      </c>
      <c r="H2642" s="46">
        <v>2.4</v>
      </c>
      <c r="I2642" s="46">
        <v>0.7</v>
      </c>
      <c r="J2642" s="46">
        <v>4.9000000000000004</v>
      </c>
      <c r="K2642" s="46">
        <v>36.4</v>
      </c>
      <c r="L2642" s="59">
        <v>50</v>
      </c>
    </row>
    <row r="2643" spans="2:12" ht="21.6" x14ac:dyDescent="0.2">
      <c r="B2643" s="77"/>
      <c r="C2643" s="39" t="s">
        <v>41</v>
      </c>
      <c r="D2643" s="45">
        <v>30</v>
      </c>
      <c r="E2643" s="46">
        <v>13.3</v>
      </c>
      <c r="F2643" s="46">
        <v>56.7</v>
      </c>
      <c r="G2643" s="46">
        <v>20</v>
      </c>
      <c r="H2643" s="46">
        <v>3.3</v>
      </c>
      <c r="I2643" s="46">
        <v>0</v>
      </c>
      <c r="J2643" s="46">
        <v>6.7</v>
      </c>
      <c r="K2643" s="46">
        <v>42.9</v>
      </c>
      <c r="L2643" s="59">
        <v>50</v>
      </c>
    </row>
    <row r="2644" spans="2:12" ht="21.6" x14ac:dyDescent="0.2">
      <c r="B2644" s="77"/>
      <c r="C2644" s="39" t="s">
        <v>42</v>
      </c>
      <c r="D2644" s="45">
        <v>336</v>
      </c>
      <c r="E2644" s="46">
        <v>8.9</v>
      </c>
      <c r="F2644" s="46">
        <v>49.4</v>
      </c>
      <c r="G2644" s="46">
        <v>31.5</v>
      </c>
      <c r="H2644" s="46">
        <v>4.2</v>
      </c>
      <c r="I2644" s="46">
        <v>0.6</v>
      </c>
      <c r="J2644" s="46">
        <v>5.4</v>
      </c>
      <c r="K2644" s="46">
        <v>32.700000000000003</v>
      </c>
      <c r="L2644" s="59">
        <v>50</v>
      </c>
    </row>
    <row r="2645" spans="2:12" ht="21.6" x14ac:dyDescent="0.2">
      <c r="B2645" s="77"/>
      <c r="C2645" s="39" t="s">
        <v>43</v>
      </c>
      <c r="D2645" s="45">
        <v>327</v>
      </c>
      <c r="E2645" s="46">
        <v>13.5</v>
      </c>
      <c r="F2645" s="46">
        <v>49.8</v>
      </c>
      <c r="G2645" s="46">
        <v>24.8</v>
      </c>
      <c r="H2645" s="46">
        <v>2.1</v>
      </c>
      <c r="I2645" s="46">
        <v>0.9</v>
      </c>
      <c r="J2645" s="46">
        <v>8.9</v>
      </c>
      <c r="K2645" s="46">
        <v>39.9</v>
      </c>
      <c r="L2645" s="59">
        <v>50</v>
      </c>
    </row>
    <row r="2646" spans="2:12" ht="21.6" x14ac:dyDescent="0.2">
      <c r="B2646" s="77"/>
      <c r="C2646" s="39" t="s">
        <v>44</v>
      </c>
      <c r="D2646" s="45">
        <v>181</v>
      </c>
      <c r="E2646" s="46">
        <v>11.6</v>
      </c>
      <c r="F2646" s="46">
        <v>52.5</v>
      </c>
      <c r="G2646" s="46">
        <v>22.7</v>
      </c>
      <c r="H2646" s="46">
        <v>2.8</v>
      </c>
      <c r="I2646" s="46">
        <v>1.7</v>
      </c>
      <c r="J2646" s="46">
        <v>8.8000000000000007</v>
      </c>
      <c r="K2646" s="46">
        <v>38.200000000000003</v>
      </c>
      <c r="L2646" s="59">
        <v>50</v>
      </c>
    </row>
    <row r="2647" spans="2:12" ht="21.6" x14ac:dyDescent="0.2">
      <c r="B2647" s="77"/>
      <c r="C2647" s="39" t="s">
        <v>45</v>
      </c>
      <c r="D2647" s="45">
        <v>565</v>
      </c>
      <c r="E2647" s="46">
        <v>14.9</v>
      </c>
      <c r="F2647" s="46">
        <v>48.1</v>
      </c>
      <c r="G2647" s="46">
        <v>23</v>
      </c>
      <c r="H2647" s="46">
        <v>2.7</v>
      </c>
      <c r="I2647" s="46">
        <v>0.5</v>
      </c>
      <c r="J2647" s="46">
        <v>10.8</v>
      </c>
      <c r="K2647" s="46">
        <v>41.6</v>
      </c>
      <c r="L2647" s="59">
        <v>50</v>
      </c>
    </row>
    <row r="2648" spans="2:12" ht="21.6" x14ac:dyDescent="0.2">
      <c r="B2648" s="77"/>
      <c r="C2648" s="39" t="s">
        <v>46</v>
      </c>
      <c r="D2648" s="45">
        <v>473</v>
      </c>
      <c r="E2648" s="46">
        <v>15.9</v>
      </c>
      <c r="F2648" s="46">
        <v>48</v>
      </c>
      <c r="G2648" s="46">
        <v>22.8</v>
      </c>
      <c r="H2648" s="46">
        <v>3</v>
      </c>
      <c r="I2648" s="46">
        <v>1.1000000000000001</v>
      </c>
      <c r="J2648" s="46">
        <v>9.3000000000000007</v>
      </c>
      <c r="K2648" s="46">
        <v>41.1</v>
      </c>
      <c r="L2648" s="59">
        <v>50</v>
      </c>
    </row>
    <row r="2649" spans="2:12" ht="21.6" x14ac:dyDescent="0.2">
      <c r="B2649" s="77"/>
      <c r="C2649" s="39" t="s">
        <v>47</v>
      </c>
      <c r="D2649" s="45">
        <v>441</v>
      </c>
      <c r="E2649" s="46">
        <v>12.9</v>
      </c>
      <c r="F2649" s="46">
        <v>53.1</v>
      </c>
      <c r="G2649" s="46">
        <v>24.5</v>
      </c>
      <c r="H2649" s="46">
        <v>3.9</v>
      </c>
      <c r="I2649" s="46">
        <v>0.5</v>
      </c>
      <c r="J2649" s="46">
        <v>5.2</v>
      </c>
      <c r="K2649" s="46">
        <v>39.1</v>
      </c>
      <c r="L2649" s="59">
        <v>50</v>
      </c>
    </row>
    <row r="2650" spans="2:12" ht="21.6" x14ac:dyDescent="0.2">
      <c r="B2650" s="77"/>
      <c r="C2650" s="39" t="s">
        <v>48</v>
      </c>
      <c r="D2650" s="45">
        <v>305</v>
      </c>
      <c r="E2650" s="46">
        <v>11.8</v>
      </c>
      <c r="F2650" s="46">
        <v>49.8</v>
      </c>
      <c r="G2650" s="46">
        <v>30.2</v>
      </c>
      <c r="H2650" s="46">
        <v>2.2999999999999998</v>
      </c>
      <c r="I2650" s="46">
        <v>0.7</v>
      </c>
      <c r="J2650" s="46">
        <v>5.2</v>
      </c>
      <c r="K2650" s="46">
        <v>36.9</v>
      </c>
      <c r="L2650" s="59">
        <v>50</v>
      </c>
    </row>
    <row r="2651" spans="2:12" ht="21.6" x14ac:dyDescent="0.2">
      <c r="B2651" s="77"/>
      <c r="C2651" s="39" t="s">
        <v>49</v>
      </c>
      <c r="D2651" s="45">
        <v>223</v>
      </c>
      <c r="E2651" s="46">
        <v>10.3</v>
      </c>
      <c r="F2651" s="46">
        <v>58.3</v>
      </c>
      <c r="G2651" s="46">
        <v>27.4</v>
      </c>
      <c r="H2651" s="46">
        <v>1.3</v>
      </c>
      <c r="I2651" s="46">
        <v>0.9</v>
      </c>
      <c r="J2651" s="46">
        <v>1.8</v>
      </c>
      <c r="K2651" s="46">
        <v>38.6</v>
      </c>
      <c r="L2651" s="59">
        <v>50</v>
      </c>
    </row>
    <row r="2652" spans="2:12" ht="21.6" x14ac:dyDescent="0.2">
      <c r="B2652" s="77"/>
      <c r="C2652" s="39" t="s">
        <v>50</v>
      </c>
      <c r="D2652" s="45">
        <v>123</v>
      </c>
      <c r="E2652" s="46">
        <v>6.5</v>
      </c>
      <c r="F2652" s="46">
        <v>56.9</v>
      </c>
      <c r="G2652" s="46">
        <v>31.7</v>
      </c>
      <c r="H2652" s="46">
        <v>2.4</v>
      </c>
      <c r="I2652" s="46">
        <v>0</v>
      </c>
      <c r="J2652" s="46">
        <v>2.4</v>
      </c>
      <c r="K2652" s="46">
        <v>34.6</v>
      </c>
      <c r="L2652" s="59">
        <v>50</v>
      </c>
    </row>
    <row r="2653" spans="2:12" ht="21.6" x14ac:dyDescent="0.2">
      <c r="B2653" s="77"/>
      <c r="C2653" s="39" t="s">
        <v>51</v>
      </c>
      <c r="D2653" s="45">
        <v>124</v>
      </c>
      <c r="E2653" s="46">
        <v>7.3</v>
      </c>
      <c r="F2653" s="46">
        <v>52.4</v>
      </c>
      <c r="G2653" s="46">
        <v>34.700000000000003</v>
      </c>
      <c r="H2653" s="46">
        <v>2.4</v>
      </c>
      <c r="I2653" s="46">
        <v>0</v>
      </c>
      <c r="J2653" s="46">
        <v>3.2</v>
      </c>
      <c r="K2653" s="46">
        <v>33.299999999999997</v>
      </c>
      <c r="L2653" s="59">
        <v>50</v>
      </c>
    </row>
    <row r="2654" spans="2:12" ht="21.6" x14ac:dyDescent="0.2">
      <c r="B2654" s="77"/>
      <c r="C2654" s="39" t="s">
        <v>52</v>
      </c>
      <c r="D2654" s="45">
        <v>312</v>
      </c>
      <c r="E2654" s="46">
        <v>14.4</v>
      </c>
      <c r="F2654" s="46">
        <v>52.2</v>
      </c>
      <c r="G2654" s="46">
        <v>21.2</v>
      </c>
      <c r="H2654" s="46">
        <v>2.2000000000000002</v>
      </c>
      <c r="I2654" s="46">
        <v>1</v>
      </c>
      <c r="J2654" s="46">
        <v>9</v>
      </c>
      <c r="K2654" s="46">
        <v>42.3</v>
      </c>
      <c r="L2654" s="59">
        <v>50</v>
      </c>
    </row>
    <row r="2655" spans="2:12" x14ac:dyDescent="0.2">
      <c r="B2655" s="77"/>
      <c r="C2655" s="39" t="s">
        <v>53</v>
      </c>
      <c r="D2655" s="45">
        <v>269</v>
      </c>
      <c r="E2655" s="46">
        <v>15.2</v>
      </c>
      <c r="F2655" s="46">
        <v>51.7</v>
      </c>
      <c r="G2655" s="46">
        <v>22.7</v>
      </c>
      <c r="H2655" s="46">
        <v>3</v>
      </c>
      <c r="I2655" s="46">
        <v>0</v>
      </c>
      <c r="J2655" s="46">
        <v>7.4</v>
      </c>
      <c r="K2655" s="46">
        <v>42.8</v>
      </c>
      <c r="L2655" s="59">
        <v>50</v>
      </c>
    </row>
    <row r="2656" spans="2:12" ht="21.6" x14ac:dyDescent="0.2">
      <c r="B2656" s="77"/>
      <c r="C2656" s="39" t="s">
        <v>54</v>
      </c>
      <c r="D2656" s="45">
        <v>511</v>
      </c>
      <c r="E2656" s="46">
        <v>12.3</v>
      </c>
      <c r="F2656" s="46">
        <v>52.6</v>
      </c>
      <c r="G2656" s="46">
        <v>26.8</v>
      </c>
      <c r="H2656" s="46">
        <v>3.1</v>
      </c>
      <c r="I2656" s="46">
        <v>1</v>
      </c>
      <c r="J2656" s="46">
        <v>4.0999999999999996</v>
      </c>
      <c r="K2656" s="46">
        <v>37.700000000000003</v>
      </c>
      <c r="L2656" s="59">
        <v>50</v>
      </c>
    </row>
    <row r="2657" spans="1:25" ht="21.6" x14ac:dyDescent="0.2">
      <c r="B2657" s="77"/>
      <c r="C2657" s="39" t="s">
        <v>55</v>
      </c>
      <c r="D2657" s="45">
        <v>615</v>
      </c>
      <c r="E2657" s="46">
        <v>10.6</v>
      </c>
      <c r="F2657" s="46">
        <v>51.4</v>
      </c>
      <c r="G2657" s="46">
        <v>30.2</v>
      </c>
      <c r="H2657" s="46">
        <v>2.6</v>
      </c>
      <c r="I2657" s="46">
        <v>0.7</v>
      </c>
      <c r="J2657" s="46">
        <v>4.5999999999999996</v>
      </c>
      <c r="K2657" s="46">
        <v>35.9</v>
      </c>
      <c r="L2657" s="59">
        <v>50</v>
      </c>
    </row>
    <row r="2658" spans="1:25" ht="21.6" x14ac:dyDescent="0.2">
      <c r="B2658" s="77"/>
      <c r="C2658" s="39" t="s">
        <v>56</v>
      </c>
      <c r="D2658" s="45">
        <v>800</v>
      </c>
      <c r="E2658" s="46">
        <v>12.6</v>
      </c>
      <c r="F2658" s="46">
        <v>48.8</v>
      </c>
      <c r="G2658" s="46">
        <v>28.6</v>
      </c>
      <c r="H2658" s="46">
        <v>3.8</v>
      </c>
      <c r="I2658" s="46">
        <v>0.5</v>
      </c>
      <c r="J2658" s="46">
        <v>5.8</v>
      </c>
      <c r="K2658" s="46">
        <v>36.700000000000003</v>
      </c>
      <c r="L2658" s="59">
        <v>50</v>
      </c>
    </row>
    <row r="2659" spans="1:25" x14ac:dyDescent="0.2">
      <c r="B2659" s="77"/>
      <c r="C2659" s="40" t="s">
        <v>57</v>
      </c>
      <c r="D2659" s="48">
        <v>798</v>
      </c>
      <c r="E2659" s="49">
        <v>13.2</v>
      </c>
      <c r="F2659" s="49">
        <v>54.6</v>
      </c>
      <c r="G2659" s="49">
        <v>23.9</v>
      </c>
      <c r="H2659" s="49">
        <v>2</v>
      </c>
      <c r="I2659" s="49">
        <v>0.8</v>
      </c>
      <c r="J2659" s="49">
        <v>5.5</v>
      </c>
      <c r="K2659" s="49">
        <v>41</v>
      </c>
      <c r="L2659" s="60">
        <v>50</v>
      </c>
    </row>
    <row r="2660" spans="1:25" x14ac:dyDescent="0.2">
      <c r="B2660" s="7" t="s">
        <v>71</v>
      </c>
      <c r="C2660" s="4" t="s">
        <v>144</v>
      </c>
    </row>
    <row r="2661" spans="1:25" x14ac:dyDescent="0.2">
      <c r="B2661" s="4"/>
      <c r="C2661" s="4" t="s">
        <v>73</v>
      </c>
    </row>
    <row r="2663" spans="1:25" x14ac:dyDescent="0.2">
      <c r="C2663" t="s">
        <v>35</v>
      </c>
    </row>
    <row r="2664" spans="1:25" x14ac:dyDescent="0.2">
      <c r="B2664" s="75" t="s">
        <v>308</v>
      </c>
      <c r="C2664" s="76"/>
      <c r="D2664" s="76"/>
      <c r="E2664" s="76"/>
      <c r="F2664" s="76"/>
      <c r="G2664" s="76"/>
      <c r="H2664" s="76"/>
      <c r="I2664" s="76"/>
      <c r="J2664" s="76"/>
      <c r="K2664" s="76"/>
      <c r="L2664" s="76"/>
      <c r="M2664" s="76"/>
      <c r="N2664" s="76"/>
      <c r="O2664" s="76"/>
      <c r="P2664" s="76"/>
      <c r="Q2664" s="76"/>
      <c r="R2664" s="76"/>
      <c r="S2664" s="76"/>
      <c r="T2664" s="76"/>
      <c r="U2664" s="76"/>
      <c r="V2664" s="76"/>
      <c r="W2664" s="76"/>
      <c r="X2664" s="76"/>
      <c r="Y2664" s="76"/>
    </row>
    <row r="2665" spans="1:25" s="32" customFormat="1" ht="47.25" customHeight="1" x14ac:dyDescent="0.15">
      <c r="A2665" s="31"/>
      <c r="D2665" s="33" t="s">
        <v>378</v>
      </c>
      <c r="E2665" s="36" t="s">
        <v>557</v>
      </c>
      <c r="F2665" s="55" t="s">
        <v>558</v>
      </c>
      <c r="G2665" s="55" t="s">
        <v>521</v>
      </c>
      <c r="H2665" s="55" t="s">
        <v>559</v>
      </c>
      <c r="I2665" s="55" t="s">
        <v>560</v>
      </c>
      <c r="J2665" s="55" t="s">
        <v>480</v>
      </c>
      <c r="K2665" s="56" t="s">
        <v>387</v>
      </c>
      <c r="L2665" s="57" t="s">
        <v>388</v>
      </c>
      <c r="M2665" s="54" t="s">
        <v>381</v>
      </c>
    </row>
    <row r="2666" spans="1:25" ht="21.6" x14ac:dyDescent="0.2">
      <c r="B2666" s="77" t="s">
        <v>37</v>
      </c>
      <c r="C2666" s="38" t="s">
        <v>58</v>
      </c>
      <c r="D2666" s="51">
        <v>609</v>
      </c>
      <c r="E2666" s="52">
        <v>13</v>
      </c>
      <c r="F2666" s="52">
        <v>46.3</v>
      </c>
      <c r="G2666" s="52">
        <v>29.1</v>
      </c>
      <c r="H2666" s="52">
        <v>4.4000000000000004</v>
      </c>
      <c r="I2666" s="52">
        <v>1</v>
      </c>
      <c r="J2666" s="52">
        <v>6.2</v>
      </c>
      <c r="K2666" s="52">
        <v>35.1</v>
      </c>
      <c r="L2666" s="61">
        <v>50</v>
      </c>
    </row>
    <row r="2667" spans="1:25" ht="21.6" x14ac:dyDescent="0.2">
      <c r="B2667" s="77"/>
      <c r="C2667" s="39" t="s">
        <v>59</v>
      </c>
      <c r="D2667" s="45">
        <v>1391</v>
      </c>
      <c r="E2667" s="46">
        <v>12.1</v>
      </c>
      <c r="F2667" s="46">
        <v>51.5</v>
      </c>
      <c r="G2667" s="46">
        <v>25</v>
      </c>
      <c r="H2667" s="46">
        <v>2.2999999999999998</v>
      </c>
      <c r="I2667" s="46">
        <v>0.6</v>
      </c>
      <c r="J2667" s="46">
        <v>8.3000000000000007</v>
      </c>
      <c r="K2667" s="46">
        <v>39.4</v>
      </c>
      <c r="L2667" s="59">
        <v>50</v>
      </c>
    </row>
    <row r="2668" spans="1:25" x14ac:dyDescent="0.2">
      <c r="B2668" s="77"/>
      <c r="C2668" s="39" t="s">
        <v>60</v>
      </c>
      <c r="D2668" s="45">
        <v>1325</v>
      </c>
      <c r="E2668" s="46">
        <v>12.3</v>
      </c>
      <c r="F2668" s="46">
        <v>48.8</v>
      </c>
      <c r="G2668" s="46">
        <v>27.4</v>
      </c>
      <c r="H2668" s="46">
        <v>3.3</v>
      </c>
      <c r="I2668" s="46">
        <v>0.5</v>
      </c>
      <c r="J2668" s="46">
        <v>7.7</v>
      </c>
      <c r="K2668" s="46">
        <v>37.4</v>
      </c>
      <c r="L2668" s="59">
        <v>50</v>
      </c>
    </row>
    <row r="2669" spans="1:25" x14ac:dyDescent="0.2">
      <c r="B2669" s="77"/>
      <c r="C2669" s="39" t="s">
        <v>61</v>
      </c>
      <c r="D2669" s="45">
        <v>675</v>
      </c>
      <c r="E2669" s="46">
        <v>12.6</v>
      </c>
      <c r="F2669" s="46">
        <v>52.3</v>
      </c>
      <c r="G2669" s="46">
        <v>24</v>
      </c>
      <c r="H2669" s="46">
        <v>2.2000000000000002</v>
      </c>
      <c r="I2669" s="46">
        <v>1.2</v>
      </c>
      <c r="J2669" s="46">
        <v>7.7</v>
      </c>
      <c r="K2669" s="46">
        <v>39.5</v>
      </c>
      <c r="L2669" s="59">
        <v>50</v>
      </c>
    </row>
    <row r="2670" spans="1:25" x14ac:dyDescent="0.2">
      <c r="B2670" s="77"/>
      <c r="C2670" s="39" t="s">
        <v>62</v>
      </c>
      <c r="D2670" s="45">
        <v>1086</v>
      </c>
      <c r="E2670" s="46">
        <v>11.1</v>
      </c>
      <c r="F2670" s="46">
        <v>47.5</v>
      </c>
      <c r="G2670" s="46">
        <v>30.8</v>
      </c>
      <c r="H2670" s="46">
        <v>3.3</v>
      </c>
      <c r="I2670" s="46">
        <v>0.7</v>
      </c>
      <c r="J2670" s="46">
        <v>6.5</v>
      </c>
      <c r="K2670" s="46">
        <v>34.799999999999997</v>
      </c>
      <c r="L2670" s="59">
        <v>50</v>
      </c>
    </row>
    <row r="2671" spans="1:25" ht="21.6" x14ac:dyDescent="0.2">
      <c r="B2671" s="77"/>
      <c r="C2671" s="39" t="s">
        <v>63</v>
      </c>
      <c r="D2671" s="45">
        <v>203</v>
      </c>
      <c r="E2671" s="46">
        <v>10.3</v>
      </c>
      <c r="F2671" s="46">
        <v>34.5</v>
      </c>
      <c r="G2671" s="46">
        <v>35.5</v>
      </c>
      <c r="H2671" s="46">
        <v>6.9</v>
      </c>
      <c r="I2671" s="46">
        <v>0.5</v>
      </c>
      <c r="J2671" s="46">
        <v>12.3</v>
      </c>
      <c r="K2671" s="46">
        <v>27</v>
      </c>
      <c r="L2671" s="59">
        <v>50</v>
      </c>
    </row>
    <row r="2672" spans="1:25" x14ac:dyDescent="0.2">
      <c r="B2672" s="77"/>
      <c r="C2672" s="39" t="s">
        <v>64</v>
      </c>
      <c r="D2672" s="45">
        <v>263</v>
      </c>
      <c r="E2672" s="46">
        <v>11</v>
      </c>
      <c r="F2672" s="46">
        <v>45.6</v>
      </c>
      <c r="G2672" s="46">
        <v>32.700000000000003</v>
      </c>
      <c r="H2672" s="46">
        <v>3</v>
      </c>
      <c r="I2672" s="46">
        <v>1.1000000000000001</v>
      </c>
      <c r="J2672" s="46">
        <v>6.5</v>
      </c>
      <c r="K2672" s="46">
        <v>33.299999999999997</v>
      </c>
      <c r="L2672" s="59">
        <v>50</v>
      </c>
    </row>
    <row r="2673" spans="2:12" x14ac:dyDescent="0.2">
      <c r="B2673" s="77"/>
      <c r="C2673" s="39" t="s">
        <v>65</v>
      </c>
      <c r="D2673" s="45">
        <v>312</v>
      </c>
      <c r="E2673" s="46">
        <v>10.3</v>
      </c>
      <c r="F2673" s="46">
        <v>47.1</v>
      </c>
      <c r="G2673" s="46">
        <v>32.4</v>
      </c>
      <c r="H2673" s="46">
        <v>3.2</v>
      </c>
      <c r="I2673" s="46">
        <v>1</v>
      </c>
      <c r="J2673" s="46">
        <v>6.1</v>
      </c>
      <c r="K2673" s="46">
        <v>33.299999999999997</v>
      </c>
      <c r="L2673" s="59">
        <v>50</v>
      </c>
    </row>
    <row r="2674" spans="2:12" x14ac:dyDescent="0.2">
      <c r="B2674" s="77"/>
      <c r="C2674" s="39" t="s">
        <v>66</v>
      </c>
      <c r="D2674" s="45">
        <v>230</v>
      </c>
      <c r="E2674" s="46">
        <v>13.5</v>
      </c>
      <c r="F2674" s="46">
        <v>55.2</v>
      </c>
      <c r="G2674" s="46">
        <v>25.2</v>
      </c>
      <c r="H2674" s="46">
        <v>1.7</v>
      </c>
      <c r="I2674" s="46">
        <v>0.4</v>
      </c>
      <c r="J2674" s="46">
        <v>3.9</v>
      </c>
      <c r="K2674" s="46">
        <v>41.4</v>
      </c>
      <c r="L2674" s="59">
        <v>50</v>
      </c>
    </row>
    <row r="2675" spans="2:12" x14ac:dyDescent="0.2">
      <c r="B2675" s="77"/>
      <c r="C2675" s="39" t="s">
        <v>67</v>
      </c>
      <c r="D2675" s="45">
        <v>78</v>
      </c>
      <c r="E2675" s="46">
        <v>10.3</v>
      </c>
      <c r="F2675" s="46">
        <v>66.7</v>
      </c>
      <c r="G2675" s="46">
        <v>21.8</v>
      </c>
      <c r="H2675" s="46">
        <v>0</v>
      </c>
      <c r="I2675" s="46">
        <v>0</v>
      </c>
      <c r="J2675" s="46">
        <v>1.3</v>
      </c>
      <c r="K2675" s="46">
        <v>44.2</v>
      </c>
      <c r="L2675" s="59">
        <v>50</v>
      </c>
    </row>
    <row r="2676" spans="2:12" x14ac:dyDescent="0.2">
      <c r="B2676" s="77"/>
      <c r="C2676" s="39" t="s">
        <v>68</v>
      </c>
      <c r="D2676" s="45">
        <v>897</v>
      </c>
      <c r="E2676" s="46">
        <v>10.8</v>
      </c>
      <c r="F2676" s="46">
        <v>48</v>
      </c>
      <c r="G2676" s="46">
        <v>32.200000000000003</v>
      </c>
      <c r="H2676" s="46">
        <v>3.2</v>
      </c>
      <c r="I2676" s="46">
        <v>0.6</v>
      </c>
      <c r="J2676" s="46">
        <v>5.0999999999999996</v>
      </c>
      <c r="K2676" s="46">
        <v>34.4</v>
      </c>
      <c r="L2676" s="59">
        <v>50</v>
      </c>
    </row>
    <row r="2677" spans="2:12" x14ac:dyDescent="0.2">
      <c r="B2677" s="77"/>
      <c r="C2677" s="39" t="s">
        <v>69</v>
      </c>
      <c r="D2677" s="45">
        <v>189</v>
      </c>
      <c r="E2677" s="46">
        <v>12.7</v>
      </c>
      <c r="F2677" s="46">
        <v>45</v>
      </c>
      <c r="G2677" s="46">
        <v>23.8</v>
      </c>
      <c r="H2677" s="46">
        <v>3.7</v>
      </c>
      <c r="I2677" s="46">
        <v>1.6</v>
      </c>
      <c r="J2677" s="46">
        <v>13.2</v>
      </c>
      <c r="K2677" s="46">
        <v>36.6</v>
      </c>
      <c r="L2677" s="59">
        <v>50</v>
      </c>
    </row>
    <row r="2678" spans="2:12" x14ac:dyDescent="0.2">
      <c r="B2678" s="77"/>
      <c r="C2678" s="39" t="s">
        <v>70</v>
      </c>
      <c r="D2678" s="45">
        <v>914</v>
      </c>
      <c r="E2678" s="46">
        <v>13.9</v>
      </c>
      <c r="F2678" s="46">
        <v>52.8</v>
      </c>
      <c r="G2678" s="46">
        <v>20.9</v>
      </c>
      <c r="H2678" s="46">
        <v>2.5</v>
      </c>
      <c r="I2678" s="46">
        <v>0.8</v>
      </c>
      <c r="J2678" s="46">
        <v>9.1</v>
      </c>
      <c r="K2678" s="46">
        <v>42.1</v>
      </c>
      <c r="L2678" s="59">
        <v>50</v>
      </c>
    </row>
    <row r="2679" spans="2:12" ht="21.6" x14ac:dyDescent="0.2">
      <c r="B2679" s="77"/>
      <c r="C2679" s="39" t="s">
        <v>63</v>
      </c>
      <c r="D2679" s="45">
        <v>193</v>
      </c>
      <c r="E2679" s="46">
        <v>10.4</v>
      </c>
      <c r="F2679" s="46">
        <v>41.5</v>
      </c>
      <c r="G2679" s="46">
        <v>28.5</v>
      </c>
      <c r="H2679" s="46">
        <v>4.0999999999999996</v>
      </c>
      <c r="I2679" s="46">
        <v>0.5</v>
      </c>
      <c r="J2679" s="46">
        <v>15</v>
      </c>
      <c r="K2679" s="46">
        <v>33.5</v>
      </c>
      <c r="L2679" s="59">
        <v>50</v>
      </c>
    </row>
    <row r="2680" spans="2:12" x14ac:dyDescent="0.2">
      <c r="B2680" s="77"/>
      <c r="C2680" s="39" t="s">
        <v>64</v>
      </c>
      <c r="D2680" s="45">
        <v>203</v>
      </c>
      <c r="E2680" s="46">
        <v>14.3</v>
      </c>
      <c r="F2680" s="46">
        <v>51.7</v>
      </c>
      <c r="G2680" s="46">
        <v>23.6</v>
      </c>
      <c r="H2680" s="46">
        <v>1.5</v>
      </c>
      <c r="I2680" s="46">
        <v>1</v>
      </c>
      <c r="J2680" s="46">
        <v>7.9</v>
      </c>
      <c r="K2680" s="46">
        <v>41.7</v>
      </c>
      <c r="L2680" s="59">
        <v>50</v>
      </c>
    </row>
    <row r="2681" spans="2:12" x14ac:dyDescent="0.2">
      <c r="B2681" s="77"/>
      <c r="C2681" s="39" t="s">
        <v>65</v>
      </c>
      <c r="D2681" s="45">
        <v>263</v>
      </c>
      <c r="E2681" s="46">
        <v>16.3</v>
      </c>
      <c r="F2681" s="46">
        <v>51.3</v>
      </c>
      <c r="G2681" s="46">
        <v>20.2</v>
      </c>
      <c r="H2681" s="46">
        <v>2.7</v>
      </c>
      <c r="I2681" s="46">
        <v>1.1000000000000001</v>
      </c>
      <c r="J2681" s="46">
        <v>8.4</v>
      </c>
      <c r="K2681" s="46">
        <v>43.2</v>
      </c>
      <c r="L2681" s="59">
        <v>50</v>
      </c>
    </row>
    <row r="2682" spans="2:12" x14ac:dyDescent="0.2">
      <c r="B2682" s="77"/>
      <c r="C2682" s="39" t="s">
        <v>66</v>
      </c>
      <c r="D2682" s="45">
        <v>194</v>
      </c>
      <c r="E2682" s="46">
        <v>13.9</v>
      </c>
      <c r="F2682" s="46">
        <v>63.4</v>
      </c>
      <c r="G2682" s="46">
        <v>14.9</v>
      </c>
      <c r="H2682" s="46">
        <v>2.1</v>
      </c>
      <c r="I2682" s="46">
        <v>0</v>
      </c>
      <c r="J2682" s="46">
        <v>5.7</v>
      </c>
      <c r="K2682" s="46">
        <v>47.3</v>
      </c>
      <c r="L2682" s="59">
        <v>50</v>
      </c>
    </row>
    <row r="2683" spans="2:12" x14ac:dyDescent="0.2">
      <c r="B2683" s="77"/>
      <c r="C2683" s="39" t="s">
        <v>67</v>
      </c>
      <c r="D2683" s="45">
        <v>61</v>
      </c>
      <c r="E2683" s="46">
        <v>13.1</v>
      </c>
      <c r="F2683" s="46">
        <v>65.599999999999994</v>
      </c>
      <c r="G2683" s="46">
        <v>9.8000000000000007</v>
      </c>
      <c r="H2683" s="46">
        <v>1.6</v>
      </c>
      <c r="I2683" s="46">
        <v>1.6</v>
      </c>
      <c r="J2683" s="46">
        <v>8.1999999999999993</v>
      </c>
      <c r="K2683" s="46">
        <v>47.3</v>
      </c>
      <c r="L2683" s="59">
        <v>50</v>
      </c>
    </row>
    <row r="2684" spans="2:12" x14ac:dyDescent="0.2">
      <c r="B2684" s="77"/>
      <c r="C2684" s="39" t="s">
        <v>68</v>
      </c>
      <c r="D2684" s="45">
        <v>416</v>
      </c>
      <c r="E2684" s="46">
        <v>12.5</v>
      </c>
      <c r="F2684" s="46">
        <v>51.2</v>
      </c>
      <c r="G2684" s="46">
        <v>25.7</v>
      </c>
      <c r="H2684" s="46">
        <v>2.6</v>
      </c>
      <c r="I2684" s="46">
        <v>0</v>
      </c>
      <c r="J2684" s="46">
        <v>7.9</v>
      </c>
      <c r="K2684" s="46">
        <v>39.9</v>
      </c>
      <c r="L2684" s="59">
        <v>50</v>
      </c>
    </row>
    <row r="2685" spans="2:12" x14ac:dyDescent="0.2">
      <c r="B2685" s="77"/>
      <c r="C2685" s="40" t="s">
        <v>69</v>
      </c>
      <c r="D2685" s="48">
        <v>498</v>
      </c>
      <c r="E2685" s="49">
        <v>15.1</v>
      </c>
      <c r="F2685" s="49">
        <v>54.2</v>
      </c>
      <c r="G2685" s="49">
        <v>16.899999999999999</v>
      </c>
      <c r="H2685" s="49">
        <v>2.4</v>
      </c>
      <c r="I2685" s="49">
        <v>1.4</v>
      </c>
      <c r="J2685" s="49">
        <v>10</v>
      </c>
      <c r="K2685" s="49">
        <v>44</v>
      </c>
      <c r="L2685" s="60">
        <v>50</v>
      </c>
    </row>
    <row r="2686" spans="2:12" x14ac:dyDescent="0.2">
      <c r="B2686" s="7" t="s">
        <v>71</v>
      </c>
      <c r="C2686" s="4" t="s">
        <v>144</v>
      </c>
    </row>
    <row r="2687" spans="2:12" x14ac:dyDescent="0.2">
      <c r="B2687" s="4"/>
      <c r="C2687" s="4" t="s">
        <v>73</v>
      </c>
    </row>
    <row r="2689" spans="1:25" x14ac:dyDescent="0.2">
      <c r="A2689" s="26" t="s">
        <v>25</v>
      </c>
      <c r="B2689" t="s">
        <v>35</v>
      </c>
      <c r="C2689" t="s">
        <v>35</v>
      </c>
    </row>
    <row r="2690" spans="1:25" x14ac:dyDescent="0.2">
      <c r="B2690" s="75" t="s">
        <v>145</v>
      </c>
      <c r="C2690" s="76"/>
      <c r="D2690" s="76"/>
      <c r="E2690" s="76"/>
      <c r="F2690" s="76"/>
      <c r="G2690" s="76"/>
      <c r="H2690" s="76"/>
      <c r="I2690" s="76"/>
      <c r="J2690" s="76"/>
      <c r="K2690" s="76"/>
      <c r="L2690" s="76"/>
      <c r="M2690" s="76"/>
      <c r="N2690" s="76"/>
      <c r="O2690" s="76"/>
      <c r="P2690" s="76"/>
      <c r="Q2690" s="76"/>
      <c r="R2690" s="76"/>
      <c r="S2690" s="76"/>
      <c r="T2690" s="76"/>
      <c r="U2690" s="76"/>
      <c r="V2690" s="76"/>
      <c r="W2690" s="76"/>
      <c r="X2690" s="76"/>
      <c r="Y2690" s="76"/>
    </row>
    <row r="2691" spans="1:25" s="32" customFormat="1" ht="36.450000000000003" customHeight="1" x14ac:dyDescent="0.15">
      <c r="A2691" s="31"/>
      <c r="D2691" s="33" t="s">
        <v>378</v>
      </c>
      <c r="E2691" s="36" t="s">
        <v>561</v>
      </c>
      <c r="F2691" s="55" t="s">
        <v>525</v>
      </c>
      <c r="G2691" s="55" t="s">
        <v>562</v>
      </c>
      <c r="H2691" s="37" t="s">
        <v>480</v>
      </c>
      <c r="I2691" s="35" t="s">
        <v>381</v>
      </c>
    </row>
    <row r="2692" spans="1:25" x14ac:dyDescent="0.2">
      <c r="B2692" s="5"/>
      <c r="C2692" s="41" t="s">
        <v>38</v>
      </c>
      <c r="D2692" s="42">
        <v>2000</v>
      </c>
      <c r="E2692" s="43">
        <v>62.4</v>
      </c>
      <c r="F2692" s="43">
        <v>26.3</v>
      </c>
      <c r="G2692" s="43">
        <v>3.7</v>
      </c>
      <c r="H2692" s="44">
        <v>7.7</v>
      </c>
    </row>
    <row r="2693" spans="1:25" x14ac:dyDescent="0.2">
      <c r="B2693" s="77" t="s">
        <v>37</v>
      </c>
      <c r="C2693" s="39" t="s">
        <v>39</v>
      </c>
      <c r="D2693" s="45">
        <v>111</v>
      </c>
      <c r="E2693" s="46">
        <v>65.8</v>
      </c>
      <c r="F2693" s="46">
        <v>22.5</v>
      </c>
      <c r="G2693" s="46">
        <v>6.3</v>
      </c>
      <c r="H2693" s="47">
        <v>5.4</v>
      </c>
    </row>
    <row r="2694" spans="1:25" x14ac:dyDescent="0.2">
      <c r="B2694" s="77"/>
      <c r="C2694" s="39" t="s">
        <v>40</v>
      </c>
      <c r="D2694" s="45">
        <v>450</v>
      </c>
      <c r="E2694" s="46">
        <v>61.8</v>
      </c>
      <c r="F2694" s="46">
        <v>30.2</v>
      </c>
      <c r="G2694" s="46">
        <v>3.1</v>
      </c>
      <c r="H2694" s="47">
        <v>4.9000000000000004</v>
      </c>
    </row>
    <row r="2695" spans="1:25" ht="21.6" x14ac:dyDescent="0.2">
      <c r="B2695" s="77"/>
      <c r="C2695" s="39" t="s">
        <v>41</v>
      </c>
      <c r="D2695" s="45">
        <v>30</v>
      </c>
      <c r="E2695" s="46">
        <v>70</v>
      </c>
      <c r="F2695" s="46">
        <v>20</v>
      </c>
      <c r="G2695" s="46">
        <v>3.3</v>
      </c>
      <c r="H2695" s="47">
        <v>6.7</v>
      </c>
    </row>
    <row r="2696" spans="1:25" ht="21.6" x14ac:dyDescent="0.2">
      <c r="B2696" s="77"/>
      <c r="C2696" s="39" t="s">
        <v>42</v>
      </c>
      <c r="D2696" s="45">
        <v>336</v>
      </c>
      <c r="E2696" s="46">
        <v>58.3</v>
      </c>
      <c r="F2696" s="46">
        <v>31.5</v>
      </c>
      <c r="G2696" s="46">
        <v>4.8</v>
      </c>
      <c r="H2696" s="47">
        <v>5.4</v>
      </c>
    </row>
    <row r="2697" spans="1:25" ht="21.6" x14ac:dyDescent="0.2">
      <c r="B2697" s="77"/>
      <c r="C2697" s="39" t="s">
        <v>43</v>
      </c>
      <c r="D2697" s="45">
        <v>327</v>
      </c>
      <c r="E2697" s="46">
        <v>63.3</v>
      </c>
      <c r="F2697" s="46">
        <v>24.8</v>
      </c>
      <c r="G2697" s="46">
        <v>3.1</v>
      </c>
      <c r="H2697" s="47">
        <v>8.9</v>
      </c>
    </row>
    <row r="2698" spans="1:25" ht="21.6" x14ac:dyDescent="0.2">
      <c r="B2698" s="77"/>
      <c r="C2698" s="39" t="s">
        <v>44</v>
      </c>
      <c r="D2698" s="45">
        <v>181</v>
      </c>
      <c r="E2698" s="46">
        <v>64.099999999999994</v>
      </c>
      <c r="F2698" s="46">
        <v>22.7</v>
      </c>
      <c r="G2698" s="46">
        <v>4.4000000000000004</v>
      </c>
      <c r="H2698" s="47">
        <v>8.8000000000000007</v>
      </c>
    </row>
    <row r="2699" spans="1:25" ht="21.6" x14ac:dyDescent="0.2">
      <c r="B2699" s="77"/>
      <c r="C2699" s="39" t="s">
        <v>45</v>
      </c>
      <c r="D2699" s="45">
        <v>565</v>
      </c>
      <c r="E2699" s="46">
        <v>63</v>
      </c>
      <c r="F2699" s="46">
        <v>23</v>
      </c>
      <c r="G2699" s="46">
        <v>3.2</v>
      </c>
      <c r="H2699" s="47">
        <v>10.8</v>
      </c>
    </row>
    <row r="2700" spans="1:25" ht="21.6" x14ac:dyDescent="0.2">
      <c r="B2700" s="77"/>
      <c r="C2700" s="39" t="s">
        <v>46</v>
      </c>
      <c r="D2700" s="45">
        <v>473</v>
      </c>
      <c r="E2700" s="46">
        <v>63.8</v>
      </c>
      <c r="F2700" s="46">
        <v>22.8</v>
      </c>
      <c r="G2700" s="46">
        <v>4</v>
      </c>
      <c r="H2700" s="47">
        <v>9.3000000000000007</v>
      </c>
    </row>
    <row r="2701" spans="1:25" ht="21.6" x14ac:dyDescent="0.2">
      <c r="B2701" s="77"/>
      <c r="C2701" s="39" t="s">
        <v>47</v>
      </c>
      <c r="D2701" s="45">
        <v>441</v>
      </c>
      <c r="E2701" s="46">
        <v>66</v>
      </c>
      <c r="F2701" s="46">
        <v>24.5</v>
      </c>
      <c r="G2701" s="46">
        <v>4.3</v>
      </c>
      <c r="H2701" s="47">
        <v>5.2</v>
      </c>
    </row>
    <row r="2702" spans="1:25" ht="21.6" x14ac:dyDescent="0.2">
      <c r="B2702" s="77"/>
      <c r="C2702" s="39" t="s">
        <v>48</v>
      </c>
      <c r="D2702" s="45">
        <v>305</v>
      </c>
      <c r="E2702" s="46">
        <v>61.6</v>
      </c>
      <c r="F2702" s="46">
        <v>30.2</v>
      </c>
      <c r="G2702" s="46">
        <v>3</v>
      </c>
      <c r="H2702" s="47">
        <v>5.2</v>
      </c>
    </row>
    <row r="2703" spans="1:25" ht="21.6" x14ac:dyDescent="0.2">
      <c r="B2703" s="77"/>
      <c r="C2703" s="39" t="s">
        <v>49</v>
      </c>
      <c r="D2703" s="45">
        <v>223</v>
      </c>
      <c r="E2703" s="46">
        <v>68.599999999999994</v>
      </c>
      <c r="F2703" s="46">
        <v>27.4</v>
      </c>
      <c r="G2703" s="46">
        <v>2.2000000000000002</v>
      </c>
      <c r="H2703" s="47">
        <v>1.8</v>
      </c>
    </row>
    <row r="2704" spans="1:25" ht="21.6" x14ac:dyDescent="0.2">
      <c r="B2704" s="77"/>
      <c r="C2704" s="39" t="s">
        <v>50</v>
      </c>
      <c r="D2704" s="45">
        <v>123</v>
      </c>
      <c r="E2704" s="46">
        <v>63.4</v>
      </c>
      <c r="F2704" s="46">
        <v>31.7</v>
      </c>
      <c r="G2704" s="46">
        <v>2.4</v>
      </c>
      <c r="H2704" s="47">
        <v>2.4</v>
      </c>
    </row>
    <row r="2705" spans="1:25" ht="21.6" x14ac:dyDescent="0.2">
      <c r="B2705" s="77"/>
      <c r="C2705" s="39" t="s">
        <v>51</v>
      </c>
      <c r="D2705" s="45">
        <v>124</v>
      </c>
      <c r="E2705" s="46">
        <v>59.7</v>
      </c>
      <c r="F2705" s="46">
        <v>34.700000000000003</v>
      </c>
      <c r="G2705" s="46">
        <v>2.4</v>
      </c>
      <c r="H2705" s="47">
        <v>3.2</v>
      </c>
    </row>
    <row r="2706" spans="1:25" ht="21.6" x14ac:dyDescent="0.2">
      <c r="B2706" s="77"/>
      <c r="C2706" s="39" t="s">
        <v>52</v>
      </c>
      <c r="D2706" s="45">
        <v>312</v>
      </c>
      <c r="E2706" s="46">
        <v>66.7</v>
      </c>
      <c r="F2706" s="46">
        <v>21.2</v>
      </c>
      <c r="G2706" s="46">
        <v>3.2</v>
      </c>
      <c r="H2706" s="47">
        <v>9</v>
      </c>
    </row>
    <row r="2707" spans="1:25" x14ac:dyDescent="0.2">
      <c r="B2707" s="77"/>
      <c r="C2707" s="39" t="s">
        <v>53</v>
      </c>
      <c r="D2707" s="45">
        <v>269</v>
      </c>
      <c r="E2707" s="46">
        <v>66.900000000000006</v>
      </c>
      <c r="F2707" s="46">
        <v>22.7</v>
      </c>
      <c r="G2707" s="46">
        <v>3</v>
      </c>
      <c r="H2707" s="47">
        <v>7.4</v>
      </c>
    </row>
    <row r="2708" spans="1:25" ht="21.6" x14ac:dyDescent="0.2">
      <c r="B2708" s="77"/>
      <c r="C2708" s="39" t="s">
        <v>54</v>
      </c>
      <c r="D2708" s="45">
        <v>511</v>
      </c>
      <c r="E2708" s="46">
        <v>65</v>
      </c>
      <c r="F2708" s="46">
        <v>26.8</v>
      </c>
      <c r="G2708" s="46">
        <v>4.0999999999999996</v>
      </c>
      <c r="H2708" s="47">
        <v>4.0999999999999996</v>
      </c>
    </row>
    <row r="2709" spans="1:25" ht="21.6" x14ac:dyDescent="0.2">
      <c r="B2709" s="77"/>
      <c r="C2709" s="39" t="s">
        <v>55</v>
      </c>
      <c r="D2709" s="45">
        <v>615</v>
      </c>
      <c r="E2709" s="46">
        <v>62</v>
      </c>
      <c r="F2709" s="46">
        <v>30.2</v>
      </c>
      <c r="G2709" s="46">
        <v>3.3</v>
      </c>
      <c r="H2709" s="47">
        <v>4.5999999999999996</v>
      </c>
    </row>
    <row r="2710" spans="1:25" ht="21.6" x14ac:dyDescent="0.2">
      <c r="B2710" s="77"/>
      <c r="C2710" s="39" t="s">
        <v>56</v>
      </c>
      <c r="D2710" s="45">
        <v>800</v>
      </c>
      <c r="E2710" s="46">
        <v>61.4</v>
      </c>
      <c r="F2710" s="46">
        <v>28.6</v>
      </c>
      <c r="G2710" s="46">
        <v>4.3</v>
      </c>
      <c r="H2710" s="47">
        <v>5.8</v>
      </c>
    </row>
    <row r="2711" spans="1:25" x14ac:dyDescent="0.2">
      <c r="B2711" s="77"/>
      <c r="C2711" s="40" t="s">
        <v>57</v>
      </c>
      <c r="D2711" s="48">
        <v>798</v>
      </c>
      <c r="E2711" s="49">
        <v>67.8</v>
      </c>
      <c r="F2711" s="49">
        <v>23.9</v>
      </c>
      <c r="G2711" s="49">
        <v>2.8</v>
      </c>
      <c r="H2711" s="50">
        <v>5.5</v>
      </c>
    </row>
    <row r="2713" spans="1:25" x14ac:dyDescent="0.2">
      <c r="C2713" t="s">
        <v>35</v>
      </c>
    </row>
    <row r="2714" spans="1:25" x14ac:dyDescent="0.2">
      <c r="B2714" s="75" t="s">
        <v>309</v>
      </c>
      <c r="C2714" s="76"/>
      <c r="D2714" s="76"/>
      <c r="E2714" s="76"/>
      <c r="F2714" s="76"/>
      <c r="G2714" s="76"/>
      <c r="H2714" s="76"/>
      <c r="I2714" s="76"/>
      <c r="J2714" s="76"/>
      <c r="K2714" s="76"/>
      <c r="L2714" s="76"/>
      <c r="M2714" s="76"/>
      <c r="N2714" s="76"/>
      <c r="O2714" s="76"/>
      <c r="P2714" s="76"/>
      <c r="Q2714" s="76"/>
      <c r="R2714" s="76"/>
      <c r="S2714" s="76"/>
      <c r="T2714" s="76"/>
      <c r="U2714" s="76"/>
      <c r="V2714" s="76"/>
      <c r="W2714" s="76"/>
      <c r="X2714" s="76"/>
      <c r="Y2714" s="76"/>
    </row>
    <row r="2715" spans="1:25" s="32" customFormat="1" ht="36.450000000000003" customHeight="1" x14ac:dyDescent="0.15">
      <c r="A2715" s="31"/>
      <c r="D2715" s="33" t="s">
        <v>378</v>
      </c>
      <c r="E2715" s="36" t="s">
        <v>561</v>
      </c>
      <c r="F2715" s="55" t="s">
        <v>525</v>
      </c>
      <c r="G2715" s="55" t="s">
        <v>562</v>
      </c>
      <c r="H2715" s="37" t="s">
        <v>480</v>
      </c>
      <c r="I2715" s="35" t="s">
        <v>381</v>
      </c>
    </row>
    <row r="2716" spans="1:25" ht="21.6" x14ac:dyDescent="0.2">
      <c r="B2716" s="77" t="s">
        <v>37</v>
      </c>
      <c r="C2716" s="38" t="s">
        <v>58</v>
      </c>
      <c r="D2716" s="51">
        <v>609</v>
      </c>
      <c r="E2716" s="52">
        <v>59.3</v>
      </c>
      <c r="F2716" s="52">
        <v>29.1</v>
      </c>
      <c r="G2716" s="52">
        <v>5.4</v>
      </c>
      <c r="H2716" s="53">
        <v>6.2</v>
      </c>
    </row>
    <row r="2717" spans="1:25" ht="21.6" x14ac:dyDescent="0.2">
      <c r="B2717" s="77"/>
      <c r="C2717" s="39" t="s">
        <v>59</v>
      </c>
      <c r="D2717" s="45">
        <v>1391</v>
      </c>
      <c r="E2717" s="46">
        <v>63.7</v>
      </c>
      <c r="F2717" s="46">
        <v>25</v>
      </c>
      <c r="G2717" s="46">
        <v>2.9</v>
      </c>
      <c r="H2717" s="47">
        <v>8.3000000000000007</v>
      </c>
    </row>
    <row r="2718" spans="1:25" x14ac:dyDescent="0.2">
      <c r="B2718" s="77"/>
      <c r="C2718" s="39" t="s">
        <v>60</v>
      </c>
      <c r="D2718" s="45">
        <v>1325</v>
      </c>
      <c r="E2718" s="46">
        <v>61.1</v>
      </c>
      <c r="F2718" s="46">
        <v>27.4</v>
      </c>
      <c r="G2718" s="46">
        <v>3.8</v>
      </c>
      <c r="H2718" s="47">
        <v>7.7</v>
      </c>
    </row>
    <row r="2719" spans="1:25" x14ac:dyDescent="0.2">
      <c r="B2719" s="77"/>
      <c r="C2719" s="39" t="s">
        <v>61</v>
      </c>
      <c r="D2719" s="45">
        <v>675</v>
      </c>
      <c r="E2719" s="46">
        <v>64.900000000000006</v>
      </c>
      <c r="F2719" s="46">
        <v>24</v>
      </c>
      <c r="G2719" s="46">
        <v>3.4</v>
      </c>
      <c r="H2719" s="47">
        <v>7.7</v>
      </c>
    </row>
    <row r="2720" spans="1:25" x14ac:dyDescent="0.2">
      <c r="B2720" s="77"/>
      <c r="C2720" s="39" t="s">
        <v>62</v>
      </c>
      <c r="D2720" s="45">
        <v>1086</v>
      </c>
      <c r="E2720" s="46">
        <v>58.7</v>
      </c>
      <c r="F2720" s="46">
        <v>30.8</v>
      </c>
      <c r="G2720" s="46">
        <v>4.0999999999999996</v>
      </c>
      <c r="H2720" s="47">
        <v>6.5</v>
      </c>
    </row>
    <row r="2721" spans="2:8" ht="21.6" x14ac:dyDescent="0.2">
      <c r="B2721" s="77"/>
      <c r="C2721" s="39" t="s">
        <v>63</v>
      </c>
      <c r="D2721" s="45">
        <v>203</v>
      </c>
      <c r="E2721" s="46">
        <v>44.8</v>
      </c>
      <c r="F2721" s="46">
        <v>35.5</v>
      </c>
      <c r="G2721" s="46">
        <v>7.4</v>
      </c>
      <c r="H2721" s="47">
        <v>12.3</v>
      </c>
    </row>
    <row r="2722" spans="2:8" x14ac:dyDescent="0.2">
      <c r="B2722" s="77"/>
      <c r="C2722" s="39" t="s">
        <v>64</v>
      </c>
      <c r="D2722" s="45">
        <v>263</v>
      </c>
      <c r="E2722" s="46">
        <v>56.7</v>
      </c>
      <c r="F2722" s="46">
        <v>32.700000000000003</v>
      </c>
      <c r="G2722" s="46">
        <v>4.2</v>
      </c>
      <c r="H2722" s="47">
        <v>6.5</v>
      </c>
    </row>
    <row r="2723" spans="2:8" x14ac:dyDescent="0.2">
      <c r="B2723" s="77"/>
      <c r="C2723" s="39" t="s">
        <v>65</v>
      </c>
      <c r="D2723" s="45">
        <v>312</v>
      </c>
      <c r="E2723" s="46">
        <v>57.4</v>
      </c>
      <c r="F2723" s="46">
        <v>32.4</v>
      </c>
      <c r="G2723" s="46">
        <v>4.2</v>
      </c>
      <c r="H2723" s="47">
        <v>6.1</v>
      </c>
    </row>
    <row r="2724" spans="2:8" x14ac:dyDescent="0.2">
      <c r="B2724" s="77"/>
      <c r="C2724" s="39" t="s">
        <v>66</v>
      </c>
      <c r="D2724" s="45">
        <v>230</v>
      </c>
      <c r="E2724" s="46">
        <v>68.7</v>
      </c>
      <c r="F2724" s="46">
        <v>25.2</v>
      </c>
      <c r="G2724" s="46">
        <v>2.2000000000000002</v>
      </c>
      <c r="H2724" s="47">
        <v>3.9</v>
      </c>
    </row>
    <row r="2725" spans="2:8" x14ac:dyDescent="0.2">
      <c r="B2725" s="77"/>
      <c r="C2725" s="39" t="s">
        <v>67</v>
      </c>
      <c r="D2725" s="45">
        <v>78</v>
      </c>
      <c r="E2725" s="46">
        <v>76.900000000000006</v>
      </c>
      <c r="F2725" s="46">
        <v>21.8</v>
      </c>
      <c r="G2725" s="46">
        <v>0</v>
      </c>
      <c r="H2725" s="47">
        <v>1.3</v>
      </c>
    </row>
    <row r="2726" spans="2:8" x14ac:dyDescent="0.2">
      <c r="B2726" s="77"/>
      <c r="C2726" s="39" t="s">
        <v>68</v>
      </c>
      <c r="D2726" s="45">
        <v>897</v>
      </c>
      <c r="E2726" s="46">
        <v>58.9</v>
      </c>
      <c r="F2726" s="46">
        <v>32.200000000000003</v>
      </c>
      <c r="G2726" s="46">
        <v>3.8</v>
      </c>
      <c r="H2726" s="47">
        <v>5.0999999999999996</v>
      </c>
    </row>
    <row r="2727" spans="2:8" x14ac:dyDescent="0.2">
      <c r="B2727" s="77"/>
      <c r="C2727" s="39" t="s">
        <v>69</v>
      </c>
      <c r="D2727" s="45">
        <v>189</v>
      </c>
      <c r="E2727" s="46">
        <v>57.7</v>
      </c>
      <c r="F2727" s="46">
        <v>23.8</v>
      </c>
      <c r="G2727" s="46">
        <v>5.3</v>
      </c>
      <c r="H2727" s="47">
        <v>13.2</v>
      </c>
    </row>
    <row r="2728" spans="2:8" x14ac:dyDescent="0.2">
      <c r="B2728" s="77"/>
      <c r="C2728" s="39" t="s">
        <v>70</v>
      </c>
      <c r="D2728" s="45">
        <v>914</v>
      </c>
      <c r="E2728" s="46">
        <v>66.7</v>
      </c>
      <c r="F2728" s="46">
        <v>20.9</v>
      </c>
      <c r="G2728" s="46">
        <v>3.3</v>
      </c>
      <c r="H2728" s="47">
        <v>9.1</v>
      </c>
    </row>
    <row r="2729" spans="2:8" ht="21.6" x14ac:dyDescent="0.2">
      <c r="B2729" s="77"/>
      <c r="C2729" s="39" t="s">
        <v>63</v>
      </c>
      <c r="D2729" s="45">
        <v>193</v>
      </c>
      <c r="E2729" s="46">
        <v>51.8</v>
      </c>
      <c r="F2729" s="46">
        <v>28.5</v>
      </c>
      <c r="G2729" s="46">
        <v>4.7</v>
      </c>
      <c r="H2729" s="47">
        <v>15</v>
      </c>
    </row>
    <row r="2730" spans="2:8" x14ac:dyDescent="0.2">
      <c r="B2730" s="77"/>
      <c r="C2730" s="39" t="s">
        <v>64</v>
      </c>
      <c r="D2730" s="45">
        <v>203</v>
      </c>
      <c r="E2730" s="46">
        <v>66</v>
      </c>
      <c r="F2730" s="46">
        <v>23.6</v>
      </c>
      <c r="G2730" s="46">
        <v>2.5</v>
      </c>
      <c r="H2730" s="47">
        <v>7.9</v>
      </c>
    </row>
    <row r="2731" spans="2:8" x14ac:dyDescent="0.2">
      <c r="B2731" s="77"/>
      <c r="C2731" s="39" t="s">
        <v>65</v>
      </c>
      <c r="D2731" s="45">
        <v>263</v>
      </c>
      <c r="E2731" s="46">
        <v>67.7</v>
      </c>
      <c r="F2731" s="46">
        <v>20.2</v>
      </c>
      <c r="G2731" s="46">
        <v>3.8</v>
      </c>
      <c r="H2731" s="47">
        <v>8.4</v>
      </c>
    </row>
    <row r="2732" spans="2:8" x14ac:dyDescent="0.2">
      <c r="B2732" s="77"/>
      <c r="C2732" s="39" t="s">
        <v>66</v>
      </c>
      <c r="D2732" s="45">
        <v>194</v>
      </c>
      <c r="E2732" s="46">
        <v>77.3</v>
      </c>
      <c r="F2732" s="46">
        <v>14.9</v>
      </c>
      <c r="G2732" s="46">
        <v>2.1</v>
      </c>
      <c r="H2732" s="47">
        <v>5.7</v>
      </c>
    </row>
    <row r="2733" spans="2:8" x14ac:dyDescent="0.2">
      <c r="B2733" s="77"/>
      <c r="C2733" s="39" t="s">
        <v>67</v>
      </c>
      <c r="D2733" s="45">
        <v>61</v>
      </c>
      <c r="E2733" s="46">
        <v>78.7</v>
      </c>
      <c r="F2733" s="46">
        <v>9.8000000000000007</v>
      </c>
      <c r="G2733" s="46">
        <v>3.3</v>
      </c>
      <c r="H2733" s="47">
        <v>8.1999999999999993</v>
      </c>
    </row>
    <row r="2734" spans="2:8" x14ac:dyDescent="0.2">
      <c r="B2734" s="77"/>
      <c r="C2734" s="39" t="s">
        <v>68</v>
      </c>
      <c r="D2734" s="45">
        <v>416</v>
      </c>
      <c r="E2734" s="46">
        <v>63.7</v>
      </c>
      <c r="F2734" s="46">
        <v>25.7</v>
      </c>
      <c r="G2734" s="46">
        <v>2.6</v>
      </c>
      <c r="H2734" s="47">
        <v>7.9</v>
      </c>
    </row>
    <row r="2735" spans="2:8" x14ac:dyDescent="0.2">
      <c r="B2735" s="77"/>
      <c r="C2735" s="40" t="s">
        <v>69</v>
      </c>
      <c r="D2735" s="48">
        <v>498</v>
      </c>
      <c r="E2735" s="49">
        <v>69.3</v>
      </c>
      <c r="F2735" s="49">
        <v>16.899999999999999</v>
      </c>
      <c r="G2735" s="49">
        <v>3.8</v>
      </c>
      <c r="H2735" s="50">
        <v>10</v>
      </c>
    </row>
    <row r="2737" spans="1:25" x14ac:dyDescent="0.2">
      <c r="A2737" s="26" t="s">
        <v>25</v>
      </c>
      <c r="B2737" t="s">
        <v>35</v>
      </c>
      <c r="C2737" t="s">
        <v>35</v>
      </c>
    </row>
    <row r="2738" spans="1:25" x14ac:dyDescent="0.2">
      <c r="B2738" s="75" t="s">
        <v>146</v>
      </c>
      <c r="C2738" s="76"/>
      <c r="D2738" s="76"/>
      <c r="E2738" s="76"/>
      <c r="F2738" s="76"/>
      <c r="G2738" s="76"/>
      <c r="H2738" s="76"/>
      <c r="I2738" s="76"/>
      <c r="J2738" s="76"/>
      <c r="K2738" s="76"/>
      <c r="L2738" s="76"/>
      <c r="M2738" s="76"/>
      <c r="N2738" s="76"/>
      <c r="O2738" s="76"/>
      <c r="P2738" s="76"/>
      <c r="Q2738" s="76"/>
      <c r="R2738" s="76"/>
      <c r="S2738" s="76"/>
      <c r="T2738" s="76"/>
      <c r="U2738" s="76"/>
      <c r="V2738" s="76"/>
      <c r="W2738" s="76"/>
      <c r="X2738" s="76"/>
      <c r="Y2738" s="76"/>
    </row>
    <row r="2739" spans="1:25" s="32" customFormat="1" ht="47.25" customHeight="1" x14ac:dyDescent="0.15">
      <c r="A2739" s="31"/>
      <c r="D2739" s="33" t="s">
        <v>378</v>
      </c>
      <c r="E2739" s="36" t="s">
        <v>519</v>
      </c>
      <c r="F2739" s="55" t="s">
        <v>520</v>
      </c>
      <c r="G2739" s="55" t="s">
        <v>521</v>
      </c>
      <c r="H2739" s="55" t="s">
        <v>522</v>
      </c>
      <c r="I2739" s="55" t="s">
        <v>523</v>
      </c>
      <c r="J2739" s="55" t="s">
        <v>480</v>
      </c>
      <c r="K2739" s="56" t="s">
        <v>387</v>
      </c>
      <c r="L2739" s="57" t="s">
        <v>388</v>
      </c>
      <c r="M2739" s="54" t="s">
        <v>381</v>
      </c>
    </row>
    <row r="2740" spans="1:25" x14ac:dyDescent="0.2">
      <c r="B2740" s="5"/>
      <c r="C2740" s="41" t="s">
        <v>38</v>
      </c>
      <c r="D2740" s="42">
        <v>2000</v>
      </c>
      <c r="E2740" s="43">
        <v>0.7</v>
      </c>
      <c r="F2740" s="43">
        <v>8.6999999999999993</v>
      </c>
      <c r="G2740" s="43">
        <v>57.5</v>
      </c>
      <c r="H2740" s="43">
        <v>21.2</v>
      </c>
      <c r="I2740" s="43">
        <v>8</v>
      </c>
      <c r="J2740" s="43">
        <v>4</v>
      </c>
      <c r="K2740" s="43">
        <v>-14.1</v>
      </c>
      <c r="L2740" s="58">
        <v>0</v>
      </c>
    </row>
    <row r="2741" spans="1:25" x14ac:dyDescent="0.2">
      <c r="B2741" s="77" t="s">
        <v>37</v>
      </c>
      <c r="C2741" s="39" t="s">
        <v>39</v>
      </c>
      <c r="D2741" s="45">
        <v>111</v>
      </c>
      <c r="E2741" s="46">
        <v>1.8</v>
      </c>
      <c r="F2741" s="46">
        <v>10.8</v>
      </c>
      <c r="G2741" s="46">
        <v>54.1</v>
      </c>
      <c r="H2741" s="46">
        <v>21.6</v>
      </c>
      <c r="I2741" s="46">
        <v>9</v>
      </c>
      <c r="J2741" s="46">
        <v>2.7</v>
      </c>
      <c r="K2741" s="46">
        <v>-13</v>
      </c>
      <c r="L2741" s="59">
        <v>0</v>
      </c>
    </row>
    <row r="2742" spans="1:25" x14ac:dyDescent="0.2">
      <c r="B2742" s="77"/>
      <c r="C2742" s="39" t="s">
        <v>40</v>
      </c>
      <c r="D2742" s="45">
        <v>450</v>
      </c>
      <c r="E2742" s="46">
        <v>0.2</v>
      </c>
      <c r="F2742" s="46">
        <v>6.7</v>
      </c>
      <c r="G2742" s="46">
        <v>59.3</v>
      </c>
      <c r="H2742" s="46">
        <v>24.2</v>
      </c>
      <c r="I2742" s="46">
        <v>7.3</v>
      </c>
      <c r="J2742" s="46">
        <v>2.2000000000000002</v>
      </c>
      <c r="K2742" s="46">
        <v>-16.3</v>
      </c>
      <c r="L2742" s="59">
        <v>0</v>
      </c>
    </row>
    <row r="2743" spans="1:25" ht="21.6" x14ac:dyDescent="0.2">
      <c r="B2743" s="77"/>
      <c r="C2743" s="39" t="s">
        <v>41</v>
      </c>
      <c r="D2743" s="45">
        <v>30</v>
      </c>
      <c r="E2743" s="46">
        <v>0</v>
      </c>
      <c r="F2743" s="46">
        <v>10</v>
      </c>
      <c r="G2743" s="46">
        <v>36.700000000000003</v>
      </c>
      <c r="H2743" s="46">
        <v>20</v>
      </c>
      <c r="I2743" s="46">
        <v>13.3</v>
      </c>
      <c r="J2743" s="46">
        <v>20</v>
      </c>
      <c r="K2743" s="46">
        <v>-22.9</v>
      </c>
      <c r="L2743" s="59">
        <v>0</v>
      </c>
    </row>
    <row r="2744" spans="1:25" ht="21.6" x14ac:dyDescent="0.2">
      <c r="B2744" s="77"/>
      <c r="C2744" s="39" t="s">
        <v>42</v>
      </c>
      <c r="D2744" s="45">
        <v>336</v>
      </c>
      <c r="E2744" s="46">
        <v>0</v>
      </c>
      <c r="F2744" s="46">
        <v>7.7</v>
      </c>
      <c r="G2744" s="46">
        <v>60.4</v>
      </c>
      <c r="H2744" s="46">
        <v>21.4</v>
      </c>
      <c r="I2744" s="46">
        <v>7.1</v>
      </c>
      <c r="J2744" s="46">
        <v>3.3</v>
      </c>
      <c r="K2744" s="46">
        <v>-14.5</v>
      </c>
      <c r="L2744" s="59">
        <v>0</v>
      </c>
    </row>
    <row r="2745" spans="1:25" ht="21.6" x14ac:dyDescent="0.2">
      <c r="B2745" s="77"/>
      <c r="C2745" s="39" t="s">
        <v>43</v>
      </c>
      <c r="D2745" s="45">
        <v>327</v>
      </c>
      <c r="E2745" s="46">
        <v>0.6</v>
      </c>
      <c r="F2745" s="46">
        <v>9.5</v>
      </c>
      <c r="G2745" s="46">
        <v>53.2</v>
      </c>
      <c r="H2745" s="46">
        <v>22.9</v>
      </c>
      <c r="I2745" s="46">
        <v>8.3000000000000007</v>
      </c>
      <c r="J2745" s="46">
        <v>5.5</v>
      </c>
      <c r="K2745" s="46">
        <v>-15.2</v>
      </c>
      <c r="L2745" s="59">
        <v>0</v>
      </c>
    </row>
    <row r="2746" spans="1:25" ht="21.6" x14ac:dyDescent="0.2">
      <c r="B2746" s="77"/>
      <c r="C2746" s="39" t="s">
        <v>44</v>
      </c>
      <c r="D2746" s="45">
        <v>181</v>
      </c>
      <c r="E2746" s="46">
        <v>1.7</v>
      </c>
      <c r="F2746" s="46">
        <v>10.5</v>
      </c>
      <c r="G2746" s="46">
        <v>61.9</v>
      </c>
      <c r="H2746" s="46">
        <v>14.9</v>
      </c>
      <c r="I2746" s="46">
        <v>6.6</v>
      </c>
      <c r="J2746" s="46">
        <v>4.4000000000000004</v>
      </c>
      <c r="K2746" s="46">
        <v>-7.5</v>
      </c>
      <c r="L2746" s="59">
        <v>0</v>
      </c>
    </row>
    <row r="2747" spans="1:25" ht="21.6" x14ac:dyDescent="0.2">
      <c r="B2747" s="77"/>
      <c r="C2747" s="39" t="s">
        <v>45</v>
      </c>
      <c r="D2747" s="45">
        <v>565</v>
      </c>
      <c r="E2747" s="46">
        <v>0.9</v>
      </c>
      <c r="F2747" s="46">
        <v>9.4</v>
      </c>
      <c r="G2747" s="46">
        <v>57.2</v>
      </c>
      <c r="H2747" s="46">
        <v>19.600000000000001</v>
      </c>
      <c r="I2747" s="46">
        <v>8.6999999999999993</v>
      </c>
      <c r="J2747" s="46">
        <v>4.2</v>
      </c>
      <c r="K2747" s="46">
        <v>-13.5</v>
      </c>
      <c r="L2747" s="59">
        <v>0</v>
      </c>
    </row>
    <row r="2748" spans="1:25" ht="21.6" x14ac:dyDescent="0.2">
      <c r="B2748" s="77"/>
      <c r="C2748" s="39" t="s">
        <v>46</v>
      </c>
      <c r="D2748" s="45">
        <v>473</v>
      </c>
      <c r="E2748" s="46">
        <v>0.6</v>
      </c>
      <c r="F2748" s="46">
        <v>8.6999999999999993</v>
      </c>
      <c r="G2748" s="46">
        <v>49.3</v>
      </c>
      <c r="H2748" s="46">
        <v>24.9</v>
      </c>
      <c r="I2748" s="46">
        <v>12.7</v>
      </c>
      <c r="J2748" s="46">
        <v>3.8</v>
      </c>
      <c r="K2748" s="46">
        <v>-21</v>
      </c>
      <c r="L2748" s="59">
        <v>0</v>
      </c>
    </row>
    <row r="2749" spans="1:25" ht="21.6" x14ac:dyDescent="0.2">
      <c r="B2749" s="77"/>
      <c r="C2749" s="39" t="s">
        <v>47</v>
      </c>
      <c r="D2749" s="45">
        <v>441</v>
      </c>
      <c r="E2749" s="46">
        <v>1.1000000000000001</v>
      </c>
      <c r="F2749" s="46">
        <v>9.1</v>
      </c>
      <c r="G2749" s="46">
        <v>57.1</v>
      </c>
      <c r="H2749" s="46">
        <v>22.2</v>
      </c>
      <c r="I2749" s="46">
        <v>8.6</v>
      </c>
      <c r="J2749" s="46">
        <v>1.8</v>
      </c>
      <c r="K2749" s="46">
        <v>-14.3</v>
      </c>
      <c r="L2749" s="59">
        <v>0</v>
      </c>
    </row>
    <row r="2750" spans="1:25" ht="21.6" x14ac:dyDescent="0.2">
      <c r="B2750" s="77"/>
      <c r="C2750" s="39" t="s">
        <v>48</v>
      </c>
      <c r="D2750" s="45">
        <v>305</v>
      </c>
      <c r="E2750" s="46">
        <v>0.3</v>
      </c>
      <c r="F2750" s="46">
        <v>9.1999999999999993</v>
      </c>
      <c r="G2750" s="46">
        <v>62</v>
      </c>
      <c r="H2750" s="46">
        <v>20.3</v>
      </c>
      <c r="I2750" s="46">
        <v>5.9</v>
      </c>
      <c r="J2750" s="46">
        <v>2.2999999999999998</v>
      </c>
      <c r="K2750" s="46">
        <v>-11.4</v>
      </c>
      <c r="L2750" s="59">
        <v>0</v>
      </c>
    </row>
    <row r="2751" spans="1:25" ht="21.6" x14ac:dyDescent="0.2">
      <c r="B2751" s="77"/>
      <c r="C2751" s="39" t="s">
        <v>49</v>
      </c>
      <c r="D2751" s="45">
        <v>223</v>
      </c>
      <c r="E2751" s="46">
        <v>0</v>
      </c>
      <c r="F2751" s="46">
        <v>9.9</v>
      </c>
      <c r="G2751" s="46">
        <v>63.7</v>
      </c>
      <c r="H2751" s="46">
        <v>20.2</v>
      </c>
      <c r="I2751" s="46">
        <v>4.9000000000000004</v>
      </c>
      <c r="J2751" s="46">
        <v>1.3</v>
      </c>
      <c r="K2751" s="46">
        <v>-10.199999999999999</v>
      </c>
      <c r="L2751" s="59">
        <v>0</v>
      </c>
    </row>
    <row r="2752" spans="1:25" ht="21.6" x14ac:dyDescent="0.2">
      <c r="B2752" s="77"/>
      <c r="C2752" s="39" t="s">
        <v>50</v>
      </c>
      <c r="D2752" s="45">
        <v>123</v>
      </c>
      <c r="E2752" s="46">
        <v>0</v>
      </c>
      <c r="F2752" s="46">
        <v>12.2</v>
      </c>
      <c r="G2752" s="46">
        <v>63.4</v>
      </c>
      <c r="H2752" s="46">
        <v>19.5</v>
      </c>
      <c r="I2752" s="46">
        <v>4.9000000000000004</v>
      </c>
      <c r="J2752" s="46">
        <v>0</v>
      </c>
      <c r="K2752" s="46">
        <v>-8.5</v>
      </c>
      <c r="L2752" s="59">
        <v>0</v>
      </c>
    </row>
    <row r="2753" spans="1:25" ht="21.6" x14ac:dyDescent="0.2">
      <c r="B2753" s="77"/>
      <c r="C2753" s="39" t="s">
        <v>51</v>
      </c>
      <c r="D2753" s="45">
        <v>124</v>
      </c>
      <c r="E2753" s="46">
        <v>3.2</v>
      </c>
      <c r="F2753" s="46">
        <v>7.3</v>
      </c>
      <c r="G2753" s="46">
        <v>69.400000000000006</v>
      </c>
      <c r="H2753" s="46">
        <v>16.100000000000001</v>
      </c>
      <c r="I2753" s="46">
        <v>2.4</v>
      </c>
      <c r="J2753" s="46">
        <v>1.6</v>
      </c>
      <c r="K2753" s="46">
        <v>-3.7</v>
      </c>
      <c r="L2753" s="59">
        <v>0</v>
      </c>
    </row>
    <row r="2754" spans="1:25" ht="21.6" x14ac:dyDescent="0.2">
      <c r="B2754" s="77"/>
      <c r="C2754" s="39" t="s">
        <v>52</v>
      </c>
      <c r="D2754" s="45">
        <v>312</v>
      </c>
      <c r="E2754" s="46">
        <v>1.6</v>
      </c>
      <c r="F2754" s="46">
        <v>4.8</v>
      </c>
      <c r="G2754" s="46">
        <v>58.7</v>
      </c>
      <c r="H2754" s="46">
        <v>22.8</v>
      </c>
      <c r="I2754" s="46">
        <v>9.9</v>
      </c>
      <c r="J2754" s="46">
        <v>2.2000000000000002</v>
      </c>
      <c r="K2754" s="46">
        <v>-17.7</v>
      </c>
      <c r="L2754" s="59">
        <v>0</v>
      </c>
    </row>
    <row r="2755" spans="1:25" x14ac:dyDescent="0.2">
      <c r="B2755" s="77"/>
      <c r="C2755" s="39" t="s">
        <v>53</v>
      </c>
      <c r="D2755" s="45">
        <v>269</v>
      </c>
      <c r="E2755" s="46">
        <v>1.1000000000000001</v>
      </c>
      <c r="F2755" s="46">
        <v>8.9</v>
      </c>
      <c r="G2755" s="46">
        <v>53.9</v>
      </c>
      <c r="H2755" s="46">
        <v>27.5</v>
      </c>
      <c r="I2755" s="46">
        <v>4.8</v>
      </c>
      <c r="J2755" s="46">
        <v>3.7</v>
      </c>
      <c r="K2755" s="46">
        <v>-13.5</v>
      </c>
      <c r="L2755" s="59">
        <v>0</v>
      </c>
    </row>
    <row r="2756" spans="1:25" ht="21.6" x14ac:dyDescent="0.2">
      <c r="B2756" s="77"/>
      <c r="C2756" s="39" t="s">
        <v>54</v>
      </c>
      <c r="D2756" s="45">
        <v>511</v>
      </c>
      <c r="E2756" s="46">
        <v>0.4</v>
      </c>
      <c r="F2756" s="46">
        <v>11.4</v>
      </c>
      <c r="G2756" s="46">
        <v>55.8</v>
      </c>
      <c r="H2756" s="46">
        <v>22.1</v>
      </c>
      <c r="I2756" s="46">
        <v>7.8</v>
      </c>
      <c r="J2756" s="46">
        <v>2.5</v>
      </c>
      <c r="K2756" s="46">
        <v>-13.2</v>
      </c>
      <c r="L2756" s="59">
        <v>0</v>
      </c>
    </row>
    <row r="2757" spans="1:25" ht="21.6" x14ac:dyDescent="0.2">
      <c r="B2757" s="77"/>
      <c r="C2757" s="39" t="s">
        <v>55</v>
      </c>
      <c r="D2757" s="45">
        <v>615</v>
      </c>
      <c r="E2757" s="46">
        <v>0.5</v>
      </c>
      <c r="F2757" s="46">
        <v>9.4</v>
      </c>
      <c r="G2757" s="46">
        <v>62.1</v>
      </c>
      <c r="H2757" s="46">
        <v>17.399999999999999</v>
      </c>
      <c r="I2757" s="46">
        <v>7.8</v>
      </c>
      <c r="J2757" s="46">
        <v>2.8</v>
      </c>
      <c r="K2757" s="46">
        <v>-11.6</v>
      </c>
      <c r="L2757" s="59">
        <v>0</v>
      </c>
    </row>
    <row r="2758" spans="1:25" ht="21.6" x14ac:dyDescent="0.2">
      <c r="B2758" s="77"/>
      <c r="C2758" s="39" t="s">
        <v>56</v>
      </c>
      <c r="D2758" s="45">
        <v>800</v>
      </c>
      <c r="E2758" s="46">
        <v>0.8</v>
      </c>
      <c r="F2758" s="46">
        <v>9.9</v>
      </c>
      <c r="G2758" s="46">
        <v>56.3</v>
      </c>
      <c r="H2758" s="46">
        <v>21.9</v>
      </c>
      <c r="I2758" s="46">
        <v>7.5</v>
      </c>
      <c r="J2758" s="46">
        <v>3.8</v>
      </c>
      <c r="K2758" s="46">
        <v>-13.2</v>
      </c>
      <c r="L2758" s="59">
        <v>0</v>
      </c>
    </row>
    <row r="2759" spans="1:25" x14ac:dyDescent="0.2">
      <c r="B2759" s="77"/>
      <c r="C2759" s="40" t="s">
        <v>57</v>
      </c>
      <c r="D2759" s="48">
        <v>798</v>
      </c>
      <c r="E2759" s="49">
        <v>0.9</v>
      </c>
      <c r="F2759" s="49">
        <v>7</v>
      </c>
      <c r="G2759" s="49">
        <v>59.5</v>
      </c>
      <c r="H2759" s="49">
        <v>23.1</v>
      </c>
      <c r="I2759" s="49">
        <v>7.6</v>
      </c>
      <c r="J2759" s="49">
        <v>1.9</v>
      </c>
      <c r="K2759" s="49">
        <v>-15.1</v>
      </c>
      <c r="L2759" s="60">
        <v>0</v>
      </c>
    </row>
    <row r="2760" spans="1:25" x14ac:dyDescent="0.2">
      <c r="B2760" s="7" t="s">
        <v>71</v>
      </c>
      <c r="C2760" s="4" t="s">
        <v>147</v>
      </c>
    </row>
    <row r="2761" spans="1:25" x14ac:dyDescent="0.2">
      <c r="B2761" s="4"/>
      <c r="C2761" s="4" t="s">
        <v>73</v>
      </c>
    </row>
    <row r="2763" spans="1:25" x14ac:dyDescent="0.2">
      <c r="C2763" t="s">
        <v>35</v>
      </c>
    </row>
    <row r="2764" spans="1:25" x14ac:dyDescent="0.2">
      <c r="B2764" s="75" t="s">
        <v>310</v>
      </c>
      <c r="C2764" s="76"/>
      <c r="D2764" s="76"/>
      <c r="E2764" s="76"/>
      <c r="F2764" s="76"/>
      <c r="G2764" s="76"/>
      <c r="H2764" s="76"/>
      <c r="I2764" s="76"/>
      <c r="J2764" s="76"/>
      <c r="K2764" s="76"/>
      <c r="L2764" s="76"/>
      <c r="M2764" s="76"/>
      <c r="N2764" s="76"/>
      <c r="O2764" s="76"/>
      <c r="P2764" s="76"/>
      <c r="Q2764" s="76"/>
      <c r="R2764" s="76"/>
      <c r="S2764" s="76"/>
      <c r="T2764" s="76"/>
      <c r="U2764" s="76"/>
      <c r="V2764" s="76"/>
      <c r="W2764" s="76"/>
      <c r="X2764" s="76"/>
      <c r="Y2764" s="76"/>
    </row>
    <row r="2765" spans="1:25" s="32" customFormat="1" ht="47.25" customHeight="1" x14ac:dyDescent="0.15">
      <c r="A2765" s="31"/>
      <c r="D2765" s="33" t="s">
        <v>378</v>
      </c>
      <c r="E2765" s="36" t="s">
        <v>519</v>
      </c>
      <c r="F2765" s="55" t="s">
        <v>520</v>
      </c>
      <c r="G2765" s="55" t="s">
        <v>521</v>
      </c>
      <c r="H2765" s="55" t="s">
        <v>522</v>
      </c>
      <c r="I2765" s="55" t="s">
        <v>523</v>
      </c>
      <c r="J2765" s="55" t="s">
        <v>480</v>
      </c>
      <c r="K2765" s="56" t="s">
        <v>387</v>
      </c>
      <c r="L2765" s="57" t="s">
        <v>388</v>
      </c>
      <c r="M2765" s="54" t="s">
        <v>381</v>
      </c>
    </row>
    <row r="2766" spans="1:25" ht="21.6" x14ac:dyDescent="0.2">
      <c r="B2766" s="77" t="s">
        <v>37</v>
      </c>
      <c r="C2766" s="38" t="s">
        <v>58</v>
      </c>
      <c r="D2766" s="51">
        <v>609</v>
      </c>
      <c r="E2766" s="52">
        <v>1</v>
      </c>
      <c r="F2766" s="52">
        <v>13</v>
      </c>
      <c r="G2766" s="52">
        <v>52.4</v>
      </c>
      <c r="H2766" s="52">
        <v>21.8</v>
      </c>
      <c r="I2766" s="52">
        <v>7.6</v>
      </c>
      <c r="J2766" s="52">
        <v>4.3</v>
      </c>
      <c r="K2766" s="52">
        <v>-11.5</v>
      </c>
      <c r="L2766" s="61">
        <v>0</v>
      </c>
    </row>
    <row r="2767" spans="1:25" ht="21.6" x14ac:dyDescent="0.2">
      <c r="B2767" s="77"/>
      <c r="C2767" s="39" t="s">
        <v>59</v>
      </c>
      <c r="D2767" s="45">
        <v>1391</v>
      </c>
      <c r="E2767" s="46">
        <v>0.5</v>
      </c>
      <c r="F2767" s="46">
        <v>6.8</v>
      </c>
      <c r="G2767" s="46">
        <v>59.7</v>
      </c>
      <c r="H2767" s="46">
        <v>20.9</v>
      </c>
      <c r="I2767" s="46">
        <v>8.1</v>
      </c>
      <c r="J2767" s="46">
        <v>3.9</v>
      </c>
      <c r="K2767" s="46">
        <v>-15.3</v>
      </c>
      <c r="L2767" s="59">
        <v>0</v>
      </c>
    </row>
    <row r="2768" spans="1:25" x14ac:dyDescent="0.2">
      <c r="B2768" s="77"/>
      <c r="C2768" s="39" t="s">
        <v>60</v>
      </c>
      <c r="D2768" s="45">
        <v>1325</v>
      </c>
      <c r="E2768" s="46">
        <v>0.7</v>
      </c>
      <c r="F2768" s="46">
        <v>8.8000000000000007</v>
      </c>
      <c r="G2768" s="46">
        <v>58.3</v>
      </c>
      <c r="H2768" s="46">
        <v>19.899999999999999</v>
      </c>
      <c r="I2768" s="46">
        <v>8</v>
      </c>
      <c r="J2768" s="46">
        <v>4.2</v>
      </c>
      <c r="K2768" s="46">
        <v>-13.4</v>
      </c>
      <c r="L2768" s="59">
        <v>0</v>
      </c>
    </row>
    <row r="2769" spans="2:12" x14ac:dyDescent="0.2">
      <c r="B2769" s="77"/>
      <c r="C2769" s="39" t="s">
        <v>61</v>
      </c>
      <c r="D2769" s="45">
        <v>675</v>
      </c>
      <c r="E2769" s="46">
        <v>0.6</v>
      </c>
      <c r="F2769" s="46">
        <v>8.4</v>
      </c>
      <c r="G2769" s="46">
        <v>55.9</v>
      </c>
      <c r="H2769" s="46">
        <v>23.7</v>
      </c>
      <c r="I2769" s="46">
        <v>7.9</v>
      </c>
      <c r="J2769" s="46">
        <v>3.6</v>
      </c>
      <c r="K2769" s="46">
        <v>-15.4</v>
      </c>
      <c r="L2769" s="59">
        <v>0</v>
      </c>
    </row>
    <row r="2770" spans="2:12" x14ac:dyDescent="0.2">
      <c r="B2770" s="77"/>
      <c r="C2770" s="39" t="s">
        <v>62</v>
      </c>
      <c r="D2770" s="45">
        <v>1086</v>
      </c>
      <c r="E2770" s="46">
        <v>0.6</v>
      </c>
      <c r="F2770" s="46">
        <v>8.3000000000000007</v>
      </c>
      <c r="G2770" s="46">
        <v>60.2</v>
      </c>
      <c r="H2770" s="46">
        <v>19.7</v>
      </c>
      <c r="I2770" s="46">
        <v>7.6</v>
      </c>
      <c r="J2770" s="46">
        <v>3.6</v>
      </c>
      <c r="K2770" s="46">
        <v>-13.3</v>
      </c>
      <c r="L2770" s="59">
        <v>0</v>
      </c>
    </row>
    <row r="2771" spans="2:12" ht="21.6" x14ac:dyDescent="0.2">
      <c r="B2771" s="77"/>
      <c r="C2771" s="39" t="s">
        <v>63</v>
      </c>
      <c r="D2771" s="45">
        <v>203</v>
      </c>
      <c r="E2771" s="46">
        <v>1.5</v>
      </c>
      <c r="F2771" s="46">
        <v>13.3</v>
      </c>
      <c r="G2771" s="46">
        <v>59.1</v>
      </c>
      <c r="H2771" s="46">
        <v>13.8</v>
      </c>
      <c r="I2771" s="46">
        <v>3.9</v>
      </c>
      <c r="J2771" s="46">
        <v>8.4</v>
      </c>
      <c r="K2771" s="46">
        <v>-3</v>
      </c>
      <c r="L2771" s="59">
        <v>0</v>
      </c>
    </row>
    <row r="2772" spans="2:12" x14ac:dyDescent="0.2">
      <c r="B2772" s="77"/>
      <c r="C2772" s="39" t="s">
        <v>64</v>
      </c>
      <c r="D2772" s="45">
        <v>263</v>
      </c>
      <c r="E2772" s="46">
        <v>1.1000000000000001</v>
      </c>
      <c r="F2772" s="46">
        <v>11</v>
      </c>
      <c r="G2772" s="46">
        <v>55.5</v>
      </c>
      <c r="H2772" s="46">
        <v>19.8</v>
      </c>
      <c r="I2772" s="46">
        <v>8</v>
      </c>
      <c r="J2772" s="46">
        <v>4.5999999999999996</v>
      </c>
      <c r="K2772" s="46">
        <v>-11.8</v>
      </c>
      <c r="L2772" s="59">
        <v>0</v>
      </c>
    </row>
    <row r="2773" spans="2:12" x14ac:dyDescent="0.2">
      <c r="B2773" s="77"/>
      <c r="C2773" s="39" t="s">
        <v>65</v>
      </c>
      <c r="D2773" s="45">
        <v>312</v>
      </c>
      <c r="E2773" s="46">
        <v>0</v>
      </c>
      <c r="F2773" s="46">
        <v>7.4</v>
      </c>
      <c r="G2773" s="46">
        <v>61.2</v>
      </c>
      <c r="H2773" s="46">
        <v>19.600000000000001</v>
      </c>
      <c r="I2773" s="46">
        <v>9</v>
      </c>
      <c r="J2773" s="46">
        <v>2.9</v>
      </c>
      <c r="K2773" s="46">
        <v>-15.5</v>
      </c>
      <c r="L2773" s="59">
        <v>0</v>
      </c>
    </row>
    <row r="2774" spans="2:12" x14ac:dyDescent="0.2">
      <c r="B2774" s="77"/>
      <c r="C2774" s="39" t="s">
        <v>66</v>
      </c>
      <c r="D2774" s="45">
        <v>230</v>
      </c>
      <c r="E2774" s="46">
        <v>0</v>
      </c>
      <c r="F2774" s="46">
        <v>3</v>
      </c>
      <c r="G2774" s="46">
        <v>63</v>
      </c>
      <c r="H2774" s="46">
        <v>24.8</v>
      </c>
      <c r="I2774" s="46">
        <v>8.6999999999999993</v>
      </c>
      <c r="J2774" s="46">
        <v>0.4</v>
      </c>
      <c r="K2774" s="46">
        <v>-19.7</v>
      </c>
      <c r="L2774" s="59">
        <v>0</v>
      </c>
    </row>
    <row r="2775" spans="2:12" x14ac:dyDescent="0.2">
      <c r="B2775" s="77"/>
      <c r="C2775" s="39" t="s">
        <v>67</v>
      </c>
      <c r="D2775" s="45">
        <v>78</v>
      </c>
      <c r="E2775" s="46">
        <v>0</v>
      </c>
      <c r="F2775" s="46">
        <v>5.0999999999999996</v>
      </c>
      <c r="G2775" s="46">
        <v>66.7</v>
      </c>
      <c r="H2775" s="46">
        <v>20.5</v>
      </c>
      <c r="I2775" s="46">
        <v>7.7</v>
      </c>
      <c r="J2775" s="46">
        <v>0</v>
      </c>
      <c r="K2775" s="46">
        <v>-15.4</v>
      </c>
      <c r="L2775" s="59">
        <v>0</v>
      </c>
    </row>
    <row r="2776" spans="2:12" x14ac:dyDescent="0.2">
      <c r="B2776" s="77"/>
      <c r="C2776" s="39" t="s">
        <v>68</v>
      </c>
      <c r="D2776" s="45">
        <v>897</v>
      </c>
      <c r="E2776" s="46">
        <v>0.7</v>
      </c>
      <c r="F2776" s="46">
        <v>8.4</v>
      </c>
      <c r="G2776" s="46">
        <v>60.4</v>
      </c>
      <c r="H2776" s="46">
        <v>19.7</v>
      </c>
      <c r="I2776" s="46">
        <v>7.9</v>
      </c>
      <c r="J2776" s="46">
        <v>2.9</v>
      </c>
      <c r="K2776" s="46">
        <v>-13.3</v>
      </c>
      <c r="L2776" s="59">
        <v>0</v>
      </c>
    </row>
    <row r="2777" spans="2:12" x14ac:dyDescent="0.2">
      <c r="B2777" s="77"/>
      <c r="C2777" s="39" t="s">
        <v>69</v>
      </c>
      <c r="D2777" s="45">
        <v>189</v>
      </c>
      <c r="E2777" s="46">
        <v>0</v>
      </c>
      <c r="F2777" s="46">
        <v>7.9</v>
      </c>
      <c r="G2777" s="46">
        <v>59.3</v>
      </c>
      <c r="H2777" s="46">
        <v>19.600000000000001</v>
      </c>
      <c r="I2777" s="46">
        <v>6.3</v>
      </c>
      <c r="J2777" s="46">
        <v>6.9</v>
      </c>
      <c r="K2777" s="46">
        <v>-13.1</v>
      </c>
      <c r="L2777" s="59">
        <v>0</v>
      </c>
    </row>
    <row r="2778" spans="2:12" x14ac:dyDescent="0.2">
      <c r="B2778" s="77"/>
      <c r="C2778" s="39" t="s">
        <v>70</v>
      </c>
      <c r="D2778" s="45">
        <v>914</v>
      </c>
      <c r="E2778" s="46">
        <v>0.8</v>
      </c>
      <c r="F2778" s="46">
        <v>9.1999999999999993</v>
      </c>
      <c r="G2778" s="46">
        <v>54.3</v>
      </c>
      <c r="H2778" s="46">
        <v>23</v>
      </c>
      <c r="I2778" s="46">
        <v>8.3000000000000007</v>
      </c>
      <c r="J2778" s="46">
        <v>4.5</v>
      </c>
      <c r="K2778" s="46">
        <v>-15.1</v>
      </c>
      <c r="L2778" s="59">
        <v>0</v>
      </c>
    </row>
    <row r="2779" spans="2:12" ht="21.6" x14ac:dyDescent="0.2">
      <c r="B2779" s="77"/>
      <c r="C2779" s="39" t="s">
        <v>63</v>
      </c>
      <c r="D2779" s="45">
        <v>193</v>
      </c>
      <c r="E2779" s="46">
        <v>0.5</v>
      </c>
      <c r="F2779" s="46">
        <v>22.8</v>
      </c>
      <c r="G2779" s="46">
        <v>44.6</v>
      </c>
      <c r="H2779" s="46">
        <v>19.7</v>
      </c>
      <c r="I2779" s="46">
        <v>4.7</v>
      </c>
      <c r="J2779" s="46">
        <v>7.8</v>
      </c>
      <c r="K2779" s="46">
        <v>-2.8</v>
      </c>
      <c r="L2779" s="59">
        <v>0</v>
      </c>
    </row>
    <row r="2780" spans="2:12" x14ac:dyDescent="0.2">
      <c r="B2780" s="77"/>
      <c r="C2780" s="39" t="s">
        <v>64</v>
      </c>
      <c r="D2780" s="45">
        <v>203</v>
      </c>
      <c r="E2780" s="46">
        <v>0.5</v>
      </c>
      <c r="F2780" s="46">
        <v>11.3</v>
      </c>
      <c r="G2780" s="46">
        <v>50.2</v>
      </c>
      <c r="H2780" s="46">
        <v>22.7</v>
      </c>
      <c r="I2780" s="46">
        <v>8.9</v>
      </c>
      <c r="J2780" s="46">
        <v>6.4</v>
      </c>
      <c r="K2780" s="46">
        <v>-15</v>
      </c>
      <c r="L2780" s="59">
        <v>0</v>
      </c>
    </row>
    <row r="2781" spans="2:12" x14ac:dyDescent="0.2">
      <c r="B2781" s="77"/>
      <c r="C2781" s="39" t="s">
        <v>65</v>
      </c>
      <c r="D2781" s="45">
        <v>263</v>
      </c>
      <c r="E2781" s="46">
        <v>0.8</v>
      </c>
      <c r="F2781" s="46">
        <v>3.4</v>
      </c>
      <c r="G2781" s="46">
        <v>60.5</v>
      </c>
      <c r="H2781" s="46">
        <v>22.8</v>
      </c>
      <c r="I2781" s="46">
        <v>9.5</v>
      </c>
      <c r="J2781" s="46">
        <v>3</v>
      </c>
      <c r="K2781" s="46">
        <v>-19</v>
      </c>
      <c r="L2781" s="59">
        <v>0</v>
      </c>
    </row>
    <row r="2782" spans="2:12" x14ac:dyDescent="0.2">
      <c r="B2782" s="77"/>
      <c r="C2782" s="39" t="s">
        <v>66</v>
      </c>
      <c r="D2782" s="45">
        <v>194</v>
      </c>
      <c r="E2782" s="46">
        <v>1.5</v>
      </c>
      <c r="F2782" s="46">
        <v>3.6</v>
      </c>
      <c r="G2782" s="46">
        <v>59.8</v>
      </c>
      <c r="H2782" s="46">
        <v>24.2</v>
      </c>
      <c r="I2782" s="46">
        <v>8.1999999999999993</v>
      </c>
      <c r="J2782" s="46">
        <v>2.6</v>
      </c>
      <c r="K2782" s="46">
        <v>-17.5</v>
      </c>
      <c r="L2782" s="59">
        <v>0</v>
      </c>
    </row>
    <row r="2783" spans="2:12" x14ac:dyDescent="0.2">
      <c r="B2783" s="77"/>
      <c r="C2783" s="39" t="s">
        <v>67</v>
      </c>
      <c r="D2783" s="45">
        <v>61</v>
      </c>
      <c r="E2783" s="46">
        <v>0</v>
      </c>
      <c r="F2783" s="46">
        <v>1.6</v>
      </c>
      <c r="G2783" s="46">
        <v>54.1</v>
      </c>
      <c r="H2783" s="46">
        <v>31.1</v>
      </c>
      <c r="I2783" s="46">
        <v>13.1</v>
      </c>
      <c r="J2783" s="46">
        <v>0</v>
      </c>
      <c r="K2783" s="46">
        <v>-27.9</v>
      </c>
      <c r="L2783" s="59">
        <v>0</v>
      </c>
    </row>
    <row r="2784" spans="2:12" x14ac:dyDescent="0.2">
      <c r="B2784" s="77"/>
      <c r="C2784" s="39" t="s">
        <v>68</v>
      </c>
      <c r="D2784" s="45">
        <v>416</v>
      </c>
      <c r="E2784" s="46">
        <v>0.7</v>
      </c>
      <c r="F2784" s="46">
        <v>9.9</v>
      </c>
      <c r="G2784" s="46">
        <v>54.8</v>
      </c>
      <c r="H2784" s="46">
        <v>24.3</v>
      </c>
      <c r="I2784" s="46">
        <v>5.8</v>
      </c>
      <c r="J2784" s="46">
        <v>4.5999999999999996</v>
      </c>
      <c r="K2784" s="46">
        <v>-12.8</v>
      </c>
      <c r="L2784" s="59">
        <v>0</v>
      </c>
    </row>
    <row r="2785" spans="1:25" x14ac:dyDescent="0.2">
      <c r="B2785" s="77"/>
      <c r="C2785" s="40" t="s">
        <v>69</v>
      </c>
      <c r="D2785" s="48">
        <v>498</v>
      </c>
      <c r="E2785" s="49">
        <v>0.8</v>
      </c>
      <c r="F2785" s="49">
        <v>8.6</v>
      </c>
      <c r="G2785" s="49">
        <v>53.8</v>
      </c>
      <c r="H2785" s="49">
        <v>21.9</v>
      </c>
      <c r="I2785" s="49">
        <v>10.4</v>
      </c>
      <c r="J2785" s="49">
        <v>4.4000000000000004</v>
      </c>
      <c r="K2785" s="49">
        <v>-17</v>
      </c>
      <c r="L2785" s="60">
        <v>0</v>
      </c>
    </row>
    <row r="2786" spans="1:25" x14ac:dyDescent="0.2">
      <c r="B2786" s="7" t="s">
        <v>71</v>
      </c>
      <c r="C2786" s="4" t="s">
        <v>147</v>
      </c>
    </row>
    <row r="2787" spans="1:25" x14ac:dyDescent="0.2">
      <c r="B2787" s="4"/>
      <c r="C2787" s="4" t="s">
        <v>73</v>
      </c>
    </row>
    <row r="2789" spans="1:25" x14ac:dyDescent="0.2">
      <c r="A2789" s="26" t="s">
        <v>25</v>
      </c>
      <c r="B2789" t="s">
        <v>35</v>
      </c>
      <c r="C2789" t="s">
        <v>35</v>
      </c>
    </row>
    <row r="2790" spans="1:25" x14ac:dyDescent="0.2">
      <c r="B2790" s="75" t="s">
        <v>148</v>
      </c>
      <c r="C2790" s="76"/>
      <c r="D2790" s="76"/>
      <c r="E2790" s="76"/>
      <c r="F2790" s="76"/>
      <c r="G2790" s="76"/>
      <c r="H2790" s="76"/>
      <c r="I2790" s="76"/>
      <c r="J2790" s="76"/>
      <c r="K2790" s="76"/>
      <c r="L2790" s="76"/>
      <c r="M2790" s="76"/>
      <c r="N2790" s="76"/>
      <c r="O2790" s="76"/>
      <c r="P2790" s="76"/>
      <c r="Q2790" s="76"/>
      <c r="R2790" s="76"/>
      <c r="S2790" s="76"/>
      <c r="T2790" s="76"/>
      <c r="U2790" s="76"/>
      <c r="V2790" s="76"/>
      <c r="W2790" s="76"/>
      <c r="X2790" s="76"/>
      <c r="Y2790" s="76"/>
    </row>
    <row r="2791" spans="1:25" s="32" customFormat="1" ht="36.450000000000003" customHeight="1" x14ac:dyDescent="0.15">
      <c r="A2791" s="31"/>
      <c r="D2791" s="33" t="s">
        <v>378</v>
      </c>
      <c r="E2791" s="36" t="s">
        <v>524</v>
      </c>
      <c r="F2791" s="55" t="s">
        <v>525</v>
      </c>
      <c r="G2791" s="55" t="s">
        <v>526</v>
      </c>
      <c r="H2791" s="37" t="s">
        <v>480</v>
      </c>
      <c r="I2791" s="35" t="s">
        <v>381</v>
      </c>
    </row>
    <row r="2792" spans="1:25" x14ac:dyDescent="0.2">
      <c r="B2792" s="5"/>
      <c r="C2792" s="41" t="s">
        <v>38</v>
      </c>
      <c r="D2792" s="42">
        <v>2000</v>
      </c>
      <c r="E2792" s="43">
        <v>9.4</v>
      </c>
      <c r="F2792" s="43">
        <v>57.5</v>
      </c>
      <c r="G2792" s="43">
        <v>29.2</v>
      </c>
      <c r="H2792" s="44">
        <v>4</v>
      </c>
    </row>
    <row r="2793" spans="1:25" x14ac:dyDescent="0.2">
      <c r="B2793" s="77" t="s">
        <v>37</v>
      </c>
      <c r="C2793" s="39" t="s">
        <v>39</v>
      </c>
      <c r="D2793" s="45">
        <v>111</v>
      </c>
      <c r="E2793" s="46">
        <v>12.6</v>
      </c>
      <c r="F2793" s="46">
        <v>54.1</v>
      </c>
      <c r="G2793" s="46">
        <v>30.6</v>
      </c>
      <c r="H2793" s="47">
        <v>2.7</v>
      </c>
    </row>
    <row r="2794" spans="1:25" x14ac:dyDescent="0.2">
      <c r="B2794" s="77"/>
      <c r="C2794" s="39" t="s">
        <v>40</v>
      </c>
      <c r="D2794" s="45">
        <v>450</v>
      </c>
      <c r="E2794" s="46">
        <v>6.9</v>
      </c>
      <c r="F2794" s="46">
        <v>59.3</v>
      </c>
      <c r="G2794" s="46">
        <v>31.6</v>
      </c>
      <c r="H2794" s="47">
        <v>2.2000000000000002</v>
      </c>
    </row>
    <row r="2795" spans="1:25" ht="21.6" x14ac:dyDescent="0.2">
      <c r="B2795" s="77"/>
      <c r="C2795" s="39" t="s">
        <v>41</v>
      </c>
      <c r="D2795" s="45">
        <v>30</v>
      </c>
      <c r="E2795" s="46">
        <v>10</v>
      </c>
      <c r="F2795" s="46">
        <v>36.700000000000003</v>
      </c>
      <c r="G2795" s="46">
        <v>33.299999999999997</v>
      </c>
      <c r="H2795" s="47">
        <v>20</v>
      </c>
    </row>
    <row r="2796" spans="1:25" ht="21.6" x14ac:dyDescent="0.2">
      <c r="B2796" s="77"/>
      <c r="C2796" s="39" t="s">
        <v>42</v>
      </c>
      <c r="D2796" s="45">
        <v>336</v>
      </c>
      <c r="E2796" s="46">
        <v>7.7</v>
      </c>
      <c r="F2796" s="46">
        <v>60.4</v>
      </c>
      <c r="G2796" s="46">
        <v>28.6</v>
      </c>
      <c r="H2796" s="47">
        <v>3.3</v>
      </c>
    </row>
    <row r="2797" spans="1:25" ht="21.6" x14ac:dyDescent="0.2">
      <c r="B2797" s="77"/>
      <c r="C2797" s="39" t="s">
        <v>43</v>
      </c>
      <c r="D2797" s="45">
        <v>327</v>
      </c>
      <c r="E2797" s="46">
        <v>10.1</v>
      </c>
      <c r="F2797" s="46">
        <v>53.2</v>
      </c>
      <c r="G2797" s="46">
        <v>31.2</v>
      </c>
      <c r="H2797" s="47">
        <v>5.5</v>
      </c>
    </row>
    <row r="2798" spans="1:25" ht="21.6" x14ac:dyDescent="0.2">
      <c r="B2798" s="77"/>
      <c r="C2798" s="39" t="s">
        <v>44</v>
      </c>
      <c r="D2798" s="45">
        <v>181</v>
      </c>
      <c r="E2798" s="46">
        <v>12.2</v>
      </c>
      <c r="F2798" s="46">
        <v>61.9</v>
      </c>
      <c r="G2798" s="46">
        <v>21.5</v>
      </c>
      <c r="H2798" s="47">
        <v>4.4000000000000004</v>
      </c>
    </row>
    <row r="2799" spans="1:25" ht="21.6" x14ac:dyDescent="0.2">
      <c r="B2799" s="77"/>
      <c r="C2799" s="39" t="s">
        <v>45</v>
      </c>
      <c r="D2799" s="45">
        <v>565</v>
      </c>
      <c r="E2799" s="46">
        <v>10.3</v>
      </c>
      <c r="F2799" s="46">
        <v>57.2</v>
      </c>
      <c r="G2799" s="46">
        <v>28.3</v>
      </c>
      <c r="H2799" s="47">
        <v>4.2</v>
      </c>
    </row>
    <row r="2800" spans="1:25" ht="21.6" x14ac:dyDescent="0.2">
      <c r="B2800" s="77"/>
      <c r="C2800" s="39" t="s">
        <v>46</v>
      </c>
      <c r="D2800" s="45">
        <v>473</v>
      </c>
      <c r="E2800" s="46">
        <v>9.3000000000000007</v>
      </c>
      <c r="F2800" s="46">
        <v>49.3</v>
      </c>
      <c r="G2800" s="46">
        <v>37.6</v>
      </c>
      <c r="H2800" s="47">
        <v>3.8</v>
      </c>
    </row>
    <row r="2801" spans="1:25" ht="21.6" x14ac:dyDescent="0.2">
      <c r="B2801" s="77"/>
      <c r="C2801" s="39" t="s">
        <v>47</v>
      </c>
      <c r="D2801" s="45">
        <v>441</v>
      </c>
      <c r="E2801" s="46">
        <v>10.199999999999999</v>
      </c>
      <c r="F2801" s="46">
        <v>57.1</v>
      </c>
      <c r="G2801" s="46">
        <v>30.8</v>
      </c>
      <c r="H2801" s="47">
        <v>1.8</v>
      </c>
    </row>
    <row r="2802" spans="1:25" ht="21.6" x14ac:dyDescent="0.2">
      <c r="B2802" s="77"/>
      <c r="C2802" s="39" t="s">
        <v>48</v>
      </c>
      <c r="D2802" s="45">
        <v>305</v>
      </c>
      <c r="E2802" s="46">
        <v>9.5</v>
      </c>
      <c r="F2802" s="46">
        <v>62</v>
      </c>
      <c r="G2802" s="46">
        <v>26.2</v>
      </c>
      <c r="H2802" s="47">
        <v>2.2999999999999998</v>
      </c>
    </row>
    <row r="2803" spans="1:25" ht="21.6" x14ac:dyDescent="0.2">
      <c r="B2803" s="77"/>
      <c r="C2803" s="39" t="s">
        <v>49</v>
      </c>
      <c r="D2803" s="45">
        <v>223</v>
      </c>
      <c r="E2803" s="46">
        <v>9.9</v>
      </c>
      <c r="F2803" s="46">
        <v>63.7</v>
      </c>
      <c r="G2803" s="46">
        <v>25.1</v>
      </c>
      <c r="H2803" s="47">
        <v>1.3</v>
      </c>
    </row>
    <row r="2804" spans="1:25" ht="21.6" x14ac:dyDescent="0.2">
      <c r="B2804" s="77"/>
      <c r="C2804" s="39" t="s">
        <v>50</v>
      </c>
      <c r="D2804" s="45">
        <v>123</v>
      </c>
      <c r="E2804" s="46">
        <v>12.2</v>
      </c>
      <c r="F2804" s="46">
        <v>63.4</v>
      </c>
      <c r="G2804" s="46">
        <v>24.4</v>
      </c>
      <c r="H2804" s="47">
        <v>0</v>
      </c>
    </row>
    <row r="2805" spans="1:25" ht="21.6" x14ac:dyDescent="0.2">
      <c r="B2805" s="77"/>
      <c r="C2805" s="39" t="s">
        <v>51</v>
      </c>
      <c r="D2805" s="45">
        <v>124</v>
      </c>
      <c r="E2805" s="46">
        <v>10.5</v>
      </c>
      <c r="F2805" s="46">
        <v>69.400000000000006</v>
      </c>
      <c r="G2805" s="46">
        <v>18.5</v>
      </c>
      <c r="H2805" s="47">
        <v>1.6</v>
      </c>
    </row>
    <row r="2806" spans="1:25" ht="21.6" x14ac:dyDescent="0.2">
      <c r="B2806" s="77"/>
      <c r="C2806" s="39" t="s">
        <v>52</v>
      </c>
      <c r="D2806" s="45">
        <v>312</v>
      </c>
      <c r="E2806" s="46">
        <v>6.4</v>
      </c>
      <c r="F2806" s="46">
        <v>58.7</v>
      </c>
      <c r="G2806" s="46">
        <v>32.700000000000003</v>
      </c>
      <c r="H2806" s="47">
        <v>2.2000000000000002</v>
      </c>
    </row>
    <row r="2807" spans="1:25" x14ac:dyDescent="0.2">
      <c r="B2807" s="77"/>
      <c r="C2807" s="39" t="s">
        <v>53</v>
      </c>
      <c r="D2807" s="45">
        <v>269</v>
      </c>
      <c r="E2807" s="46">
        <v>10</v>
      </c>
      <c r="F2807" s="46">
        <v>53.9</v>
      </c>
      <c r="G2807" s="46">
        <v>32.299999999999997</v>
      </c>
      <c r="H2807" s="47">
        <v>3.7</v>
      </c>
    </row>
    <row r="2808" spans="1:25" ht="21.6" x14ac:dyDescent="0.2">
      <c r="B2808" s="77"/>
      <c r="C2808" s="39" t="s">
        <v>54</v>
      </c>
      <c r="D2808" s="45">
        <v>511</v>
      </c>
      <c r="E2808" s="46">
        <v>11.7</v>
      </c>
      <c r="F2808" s="46">
        <v>55.8</v>
      </c>
      <c r="G2808" s="46">
        <v>29.9</v>
      </c>
      <c r="H2808" s="47">
        <v>2.5</v>
      </c>
    </row>
    <row r="2809" spans="1:25" ht="21.6" x14ac:dyDescent="0.2">
      <c r="B2809" s="77"/>
      <c r="C2809" s="39" t="s">
        <v>55</v>
      </c>
      <c r="D2809" s="45">
        <v>615</v>
      </c>
      <c r="E2809" s="46">
        <v>9.9</v>
      </c>
      <c r="F2809" s="46">
        <v>62.1</v>
      </c>
      <c r="G2809" s="46">
        <v>25.2</v>
      </c>
      <c r="H2809" s="47">
        <v>2.8</v>
      </c>
    </row>
    <row r="2810" spans="1:25" ht="21.6" x14ac:dyDescent="0.2">
      <c r="B2810" s="77"/>
      <c r="C2810" s="39" t="s">
        <v>56</v>
      </c>
      <c r="D2810" s="45">
        <v>800</v>
      </c>
      <c r="E2810" s="46">
        <v>10.6</v>
      </c>
      <c r="F2810" s="46">
        <v>56.3</v>
      </c>
      <c r="G2810" s="46">
        <v>29.4</v>
      </c>
      <c r="H2810" s="47">
        <v>3.8</v>
      </c>
    </row>
    <row r="2811" spans="1:25" x14ac:dyDescent="0.2">
      <c r="B2811" s="77"/>
      <c r="C2811" s="40" t="s">
        <v>57</v>
      </c>
      <c r="D2811" s="48">
        <v>798</v>
      </c>
      <c r="E2811" s="49">
        <v>7.9</v>
      </c>
      <c r="F2811" s="49">
        <v>59.5</v>
      </c>
      <c r="G2811" s="49">
        <v>30.7</v>
      </c>
      <c r="H2811" s="50">
        <v>1.9</v>
      </c>
    </row>
    <row r="2813" spans="1:25" x14ac:dyDescent="0.2">
      <c r="C2813" t="s">
        <v>35</v>
      </c>
    </row>
    <row r="2814" spans="1:25" x14ac:dyDescent="0.2">
      <c r="B2814" s="75" t="s">
        <v>311</v>
      </c>
      <c r="C2814" s="76"/>
      <c r="D2814" s="76"/>
      <c r="E2814" s="76"/>
      <c r="F2814" s="76"/>
      <c r="G2814" s="76"/>
      <c r="H2814" s="76"/>
      <c r="I2814" s="76"/>
      <c r="J2814" s="76"/>
      <c r="K2814" s="76"/>
      <c r="L2814" s="76"/>
      <c r="M2814" s="76"/>
      <c r="N2814" s="76"/>
      <c r="O2814" s="76"/>
      <c r="P2814" s="76"/>
      <c r="Q2814" s="76"/>
      <c r="R2814" s="76"/>
      <c r="S2814" s="76"/>
      <c r="T2814" s="76"/>
      <c r="U2814" s="76"/>
      <c r="V2814" s="76"/>
      <c r="W2814" s="76"/>
      <c r="X2814" s="76"/>
      <c r="Y2814" s="76"/>
    </row>
    <row r="2815" spans="1:25" s="32" customFormat="1" ht="36.450000000000003" customHeight="1" x14ac:dyDescent="0.15">
      <c r="A2815" s="31"/>
      <c r="D2815" s="33" t="s">
        <v>378</v>
      </c>
      <c r="E2815" s="36" t="s">
        <v>524</v>
      </c>
      <c r="F2815" s="55" t="s">
        <v>525</v>
      </c>
      <c r="G2815" s="55" t="s">
        <v>526</v>
      </c>
      <c r="H2815" s="37" t="s">
        <v>480</v>
      </c>
      <c r="I2815" s="35" t="s">
        <v>381</v>
      </c>
    </row>
    <row r="2816" spans="1:25" ht="21.6" x14ac:dyDescent="0.2">
      <c r="B2816" s="77" t="s">
        <v>37</v>
      </c>
      <c r="C2816" s="38" t="s">
        <v>58</v>
      </c>
      <c r="D2816" s="51">
        <v>609</v>
      </c>
      <c r="E2816" s="52">
        <v>14</v>
      </c>
      <c r="F2816" s="52">
        <v>52.4</v>
      </c>
      <c r="G2816" s="52">
        <v>29.4</v>
      </c>
      <c r="H2816" s="53">
        <v>4.3</v>
      </c>
    </row>
    <row r="2817" spans="2:8" ht="21.6" x14ac:dyDescent="0.2">
      <c r="B2817" s="77"/>
      <c r="C2817" s="39" t="s">
        <v>59</v>
      </c>
      <c r="D2817" s="45">
        <v>1391</v>
      </c>
      <c r="E2817" s="46">
        <v>7.3</v>
      </c>
      <c r="F2817" s="46">
        <v>59.7</v>
      </c>
      <c r="G2817" s="46">
        <v>29</v>
      </c>
      <c r="H2817" s="47">
        <v>3.9</v>
      </c>
    </row>
    <row r="2818" spans="2:8" x14ac:dyDescent="0.2">
      <c r="B2818" s="77"/>
      <c r="C2818" s="39" t="s">
        <v>60</v>
      </c>
      <c r="D2818" s="45">
        <v>1325</v>
      </c>
      <c r="E2818" s="46">
        <v>9.5</v>
      </c>
      <c r="F2818" s="46">
        <v>58.3</v>
      </c>
      <c r="G2818" s="46">
        <v>27.9</v>
      </c>
      <c r="H2818" s="47">
        <v>4.2</v>
      </c>
    </row>
    <row r="2819" spans="2:8" x14ac:dyDescent="0.2">
      <c r="B2819" s="77"/>
      <c r="C2819" s="39" t="s">
        <v>61</v>
      </c>
      <c r="D2819" s="45">
        <v>675</v>
      </c>
      <c r="E2819" s="46">
        <v>9</v>
      </c>
      <c r="F2819" s="46">
        <v>55.9</v>
      </c>
      <c r="G2819" s="46">
        <v>31.6</v>
      </c>
      <c r="H2819" s="47">
        <v>3.6</v>
      </c>
    </row>
    <row r="2820" spans="2:8" x14ac:dyDescent="0.2">
      <c r="B2820" s="77"/>
      <c r="C2820" s="39" t="s">
        <v>62</v>
      </c>
      <c r="D2820" s="45">
        <v>1086</v>
      </c>
      <c r="E2820" s="46">
        <v>8.8000000000000007</v>
      </c>
      <c r="F2820" s="46">
        <v>60.2</v>
      </c>
      <c r="G2820" s="46">
        <v>27.3</v>
      </c>
      <c r="H2820" s="47">
        <v>3.6</v>
      </c>
    </row>
    <row r="2821" spans="2:8" ht="21.6" x14ac:dyDescent="0.2">
      <c r="B2821" s="77"/>
      <c r="C2821" s="39" t="s">
        <v>63</v>
      </c>
      <c r="D2821" s="45">
        <v>203</v>
      </c>
      <c r="E2821" s="46">
        <v>14.8</v>
      </c>
      <c r="F2821" s="46">
        <v>59.1</v>
      </c>
      <c r="G2821" s="46">
        <v>17.7</v>
      </c>
      <c r="H2821" s="47">
        <v>8.4</v>
      </c>
    </row>
    <row r="2822" spans="2:8" x14ac:dyDescent="0.2">
      <c r="B2822" s="77"/>
      <c r="C2822" s="39" t="s">
        <v>64</v>
      </c>
      <c r="D2822" s="45">
        <v>263</v>
      </c>
      <c r="E2822" s="46">
        <v>12.2</v>
      </c>
      <c r="F2822" s="46">
        <v>55.5</v>
      </c>
      <c r="G2822" s="46">
        <v>27.8</v>
      </c>
      <c r="H2822" s="47">
        <v>4.5999999999999996</v>
      </c>
    </row>
    <row r="2823" spans="2:8" x14ac:dyDescent="0.2">
      <c r="B2823" s="77"/>
      <c r="C2823" s="39" t="s">
        <v>65</v>
      </c>
      <c r="D2823" s="45">
        <v>312</v>
      </c>
      <c r="E2823" s="46">
        <v>7.4</v>
      </c>
      <c r="F2823" s="46">
        <v>61.2</v>
      </c>
      <c r="G2823" s="46">
        <v>28.5</v>
      </c>
      <c r="H2823" s="47">
        <v>2.9</v>
      </c>
    </row>
    <row r="2824" spans="2:8" x14ac:dyDescent="0.2">
      <c r="B2824" s="77"/>
      <c r="C2824" s="39" t="s">
        <v>66</v>
      </c>
      <c r="D2824" s="45">
        <v>230</v>
      </c>
      <c r="E2824" s="46">
        <v>3</v>
      </c>
      <c r="F2824" s="46">
        <v>63</v>
      </c>
      <c r="G2824" s="46">
        <v>33.5</v>
      </c>
      <c r="H2824" s="47">
        <v>0.4</v>
      </c>
    </row>
    <row r="2825" spans="2:8" x14ac:dyDescent="0.2">
      <c r="B2825" s="77"/>
      <c r="C2825" s="39" t="s">
        <v>67</v>
      </c>
      <c r="D2825" s="45">
        <v>78</v>
      </c>
      <c r="E2825" s="46">
        <v>5.0999999999999996</v>
      </c>
      <c r="F2825" s="46">
        <v>66.7</v>
      </c>
      <c r="G2825" s="46">
        <v>28.2</v>
      </c>
      <c r="H2825" s="47">
        <v>0</v>
      </c>
    </row>
    <row r="2826" spans="2:8" x14ac:dyDescent="0.2">
      <c r="B2826" s="77"/>
      <c r="C2826" s="39" t="s">
        <v>68</v>
      </c>
      <c r="D2826" s="45">
        <v>897</v>
      </c>
      <c r="E2826" s="46">
        <v>9</v>
      </c>
      <c r="F2826" s="46">
        <v>60.4</v>
      </c>
      <c r="G2826" s="46">
        <v>27.6</v>
      </c>
      <c r="H2826" s="47">
        <v>2.9</v>
      </c>
    </row>
    <row r="2827" spans="2:8" x14ac:dyDescent="0.2">
      <c r="B2827" s="77"/>
      <c r="C2827" s="39" t="s">
        <v>69</v>
      </c>
      <c r="D2827" s="45">
        <v>189</v>
      </c>
      <c r="E2827" s="46">
        <v>7.9</v>
      </c>
      <c r="F2827" s="46">
        <v>59.3</v>
      </c>
      <c r="G2827" s="46">
        <v>25.9</v>
      </c>
      <c r="H2827" s="47">
        <v>6.9</v>
      </c>
    </row>
    <row r="2828" spans="2:8" x14ac:dyDescent="0.2">
      <c r="B2828" s="77"/>
      <c r="C2828" s="39" t="s">
        <v>70</v>
      </c>
      <c r="D2828" s="45">
        <v>914</v>
      </c>
      <c r="E2828" s="46">
        <v>10</v>
      </c>
      <c r="F2828" s="46">
        <v>54.3</v>
      </c>
      <c r="G2828" s="46">
        <v>31.3</v>
      </c>
      <c r="H2828" s="47">
        <v>4.5</v>
      </c>
    </row>
    <row r="2829" spans="2:8" ht="21.6" x14ac:dyDescent="0.2">
      <c r="B2829" s="77"/>
      <c r="C2829" s="39" t="s">
        <v>63</v>
      </c>
      <c r="D2829" s="45">
        <v>193</v>
      </c>
      <c r="E2829" s="46">
        <v>23.3</v>
      </c>
      <c r="F2829" s="46">
        <v>44.6</v>
      </c>
      <c r="G2829" s="46">
        <v>24.4</v>
      </c>
      <c r="H2829" s="47">
        <v>7.8</v>
      </c>
    </row>
    <row r="2830" spans="2:8" x14ac:dyDescent="0.2">
      <c r="B2830" s="77"/>
      <c r="C2830" s="39" t="s">
        <v>64</v>
      </c>
      <c r="D2830" s="45">
        <v>203</v>
      </c>
      <c r="E2830" s="46">
        <v>11.8</v>
      </c>
      <c r="F2830" s="46">
        <v>50.2</v>
      </c>
      <c r="G2830" s="46">
        <v>31.5</v>
      </c>
      <c r="H2830" s="47">
        <v>6.4</v>
      </c>
    </row>
    <row r="2831" spans="2:8" x14ac:dyDescent="0.2">
      <c r="B2831" s="77"/>
      <c r="C2831" s="39" t="s">
        <v>65</v>
      </c>
      <c r="D2831" s="45">
        <v>263</v>
      </c>
      <c r="E2831" s="46">
        <v>4.2</v>
      </c>
      <c r="F2831" s="46">
        <v>60.5</v>
      </c>
      <c r="G2831" s="46">
        <v>32.299999999999997</v>
      </c>
      <c r="H2831" s="47">
        <v>3</v>
      </c>
    </row>
    <row r="2832" spans="2:8" x14ac:dyDescent="0.2">
      <c r="B2832" s="77"/>
      <c r="C2832" s="39" t="s">
        <v>66</v>
      </c>
      <c r="D2832" s="45">
        <v>194</v>
      </c>
      <c r="E2832" s="46">
        <v>5.2</v>
      </c>
      <c r="F2832" s="46">
        <v>59.8</v>
      </c>
      <c r="G2832" s="46">
        <v>32.5</v>
      </c>
      <c r="H2832" s="47">
        <v>2.6</v>
      </c>
    </row>
    <row r="2833" spans="1:25" x14ac:dyDescent="0.2">
      <c r="B2833" s="77"/>
      <c r="C2833" s="39" t="s">
        <v>67</v>
      </c>
      <c r="D2833" s="45">
        <v>61</v>
      </c>
      <c r="E2833" s="46">
        <v>1.6</v>
      </c>
      <c r="F2833" s="46">
        <v>54.1</v>
      </c>
      <c r="G2833" s="46">
        <v>44.3</v>
      </c>
      <c r="H2833" s="47">
        <v>0</v>
      </c>
    </row>
    <row r="2834" spans="1:25" x14ac:dyDescent="0.2">
      <c r="B2834" s="77"/>
      <c r="C2834" s="39" t="s">
        <v>68</v>
      </c>
      <c r="D2834" s="45">
        <v>416</v>
      </c>
      <c r="E2834" s="46">
        <v>10.6</v>
      </c>
      <c r="F2834" s="46">
        <v>54.8</v>
      </c>
      <c r="G2834" s="46">
        <v>30</v>
      </c>
      <c r="H2834" s="47">
        <v>4.5999999999999996</v>
      </c>
    </row>
    <row r="2835" spans="1:25" x14ac:dyDescent="0.2">
      <c r="B2835" s="77"/>
      <c r="C2835" s="40" t="s">
        <v>69</v>
      </c>
      <c r="D2835" s="48">
        <v>498</v>
      </c>
      <c r="E2835" s="49">
        <v>9.4</v>
      </c>
      <c r="F2835" s="49">
        <v>53.8</v>
      </c>
      <c r="G2835" s="49">
        <v>32.299999999999997</v>
      </c>
      <c r="H2835" s="50">
        <v>4.4000000000000004</v>
      </c>
    </row>
    <row r="2837" spans="1:25" x14ac:dyDescent="0.2">
      <c r="A2837" s="26" t="s">
        <v>25</v>
      </c>
      <c r="B2837" t="s">
        <v>35</v>
      </c>
      <c r="C2837" t="s">
        <v>35</v>
      </c>
    </row>
    <row r="2838" spans="1:25" x14ac:dyDescent="0.2">
      <c r="B2838" s="75" t="s">
        <v>149</v>
      </c>
      <c r="C2838" s="76"/>
      <c r="D2838" s="76"/>
      <c r="E2838" s="76"/>
      <c r="F2838" s="76"/>
      <c r="G2838" s="76"/>
      <c r="H2838" s="76"/>
      <c r="I2838" s="76"/>
      <c r="J2838" s="76"/>
      <c r="K2838" s="76"/>
      <c r="L2838" s="76"/>
      <c r="M2838" s="76"/>
      <c r="N2838" s="76"/>
      <c r="O2838" s="76"/>
      <c r="P2838" s="76"/>
      <c r="Q2838" s="76"/>
      <c r="R2838" s="76"/>
      <c r="S2838" s="76"/>
      <c r="T2838" s="76"/>
      <c r="U2838" s="76"/>
      <c r="V2838" s="76"/>
      <c r="W2838" s="76"/>
      <c r="X2838" s="76"/>
      <c r="Y2838" s="76"/>
    </row>
    <row r="2839" spans="1:25" s="32" customFormat="1" ht="47.25" customHeight="1" x14ac:dyDescent="0.15">
      <c r="A2839" s="31"/>
      <c r="D2839" s="33" t="s">
        <v>378</v>
      </c>
      <c r="E2839" s="36" t="s">
        <v>527</v>
      </c>
      <c r="F2839" s="55" t="s">
        <v>528</v>
      </c>
      <c r="G2839" s="55" t="s">
        <v>521</v>
      </c>
      <c r="H2839" s="55" t="s">
        <v>529</v>
      </c>
      <c r="I2839" s="55" t="s">
        <v>530</v>
      </c>
      <c r="J2839" s="55" t="s">
        <v>480</v>
      </c>
      <c r="K2839" s="56" t="s">
        <v>387</v>
      </c>
      <c r="L2839" s="57" t="s">
        <v>388</v>
      </c>
      <c r="M2839" s="54" t="s">
        <v>381</v>
      </c>
    </row>
    <row r="2840" spans="1:25" x14ac:dyDescent="0.2">
      <c r="B2840" s="5"/>
      <c r="C2840" s="41" t="s">
        <v>38</v>
      </c>
      <c r="D2840" s="42">
        <v>2000</v>
      </c>
      <c r="E2840" s="43">
        <v>1.5</v>
      </c>
      <c r="F2840" s="43">
        <v>10.199999999999999</v>
      </c>
      <c r="G2840" s="43">
        <v>56.4</v>
      </c>
      <c r="H2840" s="43">
        <v>17.899999999999999</v>
      </c>
      <c r="I2840" s="43">
        <v>6.6</v>
      </c>
      <c r="J2840" s="43">
        <v>7.6</v>
      </c>
      <c r="K2840" s="43">
        <v>-9.6999999999999993</v>
      </c>
      <c r="L2840" s="58">
        <v>0</v>
      </c>
    </row>
    <row r="2841" spans="1:25" x14ac:dyDescent="0.2">
      <c r="B2841" s="77" t="s">
        <v>37</v>
      </c>
      <c r="C2841" s="39" t="s">
        <v>39</v>
      </c>
      <c r="D2841" s="45">
        <v>111</v>
      </c>
      <c r="E2841" s="46">
        <v>1.8</v>
      </c>
      <c r="F2841" s="46">
        <v>13.5</v>
      </c>
      <c r="G2841" s="46">
        <v>55</v>
      </c>
      <c r="H2841" s="46">
        <v>16.2</v>
      </c>
      <c r="I2841" s="46">
        <v>3.6</v>
      </c>
      <c r="J2841" s="46">
        <v>9.9</v>
      </c>
      <c r="K2841" s="46">
        <v>-3.5</v>
      </c>
      <c r="L2841" s="59">
        <v>0</v>
      </c>
    </row>
    <row r="2842" spans="1:25" x14ac:dyDescent="0.2">
      <c r="B2842" s="77"/>
      <c r="C2842" s="39" t="s">
        <v>40</v>
      </c>
      <c r="D2842" s="45">
        <v>450</v>
      </c>
      <c r="E2842" s="46">
        <v>0.7</v>
      </c>
      <c r="F2842" s="46">
        <v>9.3000000000000007</v>
      </c>
      <c r="G2842" s="46">
        <v>59.6</v>
      </c>
      <c r="H2842" s="46">
        <v>18.899999999999999</v>
      </c>
      <c r="I2842" s="46">
        <v>6.9</v>
      </c>
      <c r="J2842" s="46">
        <v>4.7</v>
      </c>
      <c r="K2842" s="46">
        <v>-11.5</v>
      </c>
      <c r="L2842" s="59">
        <v>0</v>
      </c>
    </row>
    <row r="2843" spans="1:25" ht="21.6" x14ac:dyDescent="0.2">
      <c r="B2843" s="77"/>
      <c r="C2843" s="39" t="s">
        <v>41</v>
      </c>
      <c r="D2843" s="45">
        <v>30</v>
      </c>
      <c r="E2843" s="46">
        <v>0</v>
      </c>
      <c r="F2843" s="46">
        <v>13.3</v>
      </c>
      <c r="G2843" s="46">
        <v>33.299999999999997</v>
      </c>
      <c r="H2843" s="46">
        <v>26.7</v>
      </c>
      <c r="I2843" s="46">
        <v>6.7</v>
      </c>
      <c r="J2843" s="46">
        <v>20</v>
      </c>
      <c r="K2843" s="46">
        <v>-16.7</v>
      </c>
      <c r="L2843" s="59">
        <v>0</v>
      </c>
    </row>
    <row r="2844" spans="1:25" ht="21.6" x14ac:dyDescent="0.2">
      <c r="B2844" s="77"/>
      <c r="C2844" s="39" t="s">
        <v>42</v>
      </c>
      <c r="D2844" s="45">
        <v>336</v>
      </c>
      <c r="E2844" s="46">
        <v>1.2</v>
      </c>
      <c r="F2844" s="46">
        <v>9.1999999999999993</v>
      </c>
      <c r="G2844" s="46">
        <v>62.2</v>
      </c>
      <c r="H2844" s="46">
        <v>14.9</v>
      </c>
      <c r="I2844" s="46">
        <v>6.3</v>
      </c>
      <c r="J2844" s="46">
        <v>6.3</v>
      </c>
      <c r="K2844" s="46">
        <v>-8.4</v>
      </c>
      <c r="L2844" s="59">
        <v>0</v>
      </c>
    </row>
    <row r="2845" spans="1:25" ht="21.6" x14ac:dyDescent="0.2">
      <c r="B2845" s="77"/>
      <c r="C2845" s="39" t="s">
        <v>43</v>
      </c>
      <c r="D2845" s="45">
        <v>327</v>
      </c>
      <c r="E2845" s="46">
        <v>2.4</v>
      </c>
      <c r="F2845" s="46">
        <v>10.4</v>
      </c>
      <c r="G2845" s="46">
        <v>56.3</v>
      </c>
      <c r="H2845" s="46">
        <v>17.399999999999999</v>
      </c>
      <c r="I2845" s="46">
        <v>5.5</v>
      </c>
      <c r="J2845" s="46">
        <v>8</v>
      </c>
      <c r="K2845" s="46">
        <v>-7.1</v>
      </c>
      <c r="L2845" s="59">
        <v>0</v>
      </c>
    </row>
    <row r="2846" spans="1:25" ht="21.6" x14ac:dyDescent="0.2">
      <c r="B2846" s="77"/>
      <c r="C2846" s="39" t="s">
        <v>44</v>
      </c>
      <c r="D2846" s="45">
        <v>181</v>
      </c>
      <c r="E2846" s="46">
        <v>1.7</v>
      </c>
      <c r="F2846" s="46">
        <v>12.7</v>
      </c>
      <c r="G2846" s="46">
        <v>53</v>
      </c>
      <c r="H2846" s="46">
        <v>18.2</v>
      </c>
      <c r="I2846" s="46">
        <v>7.7</v>
      </c>
      <c r="J2846" s="46">
        <v>6.6</v>
      </c>
      <c r="K2846" s="46">
        <v>-9.5</v>
      </c>
      <c r="L2846" s="59">
        <v>0</v>
      </c>
    </row>
    <row r="2847" spans="1:25" ht="21.6" x14ac:dyDescent="0.2">
      <c r="B2847" s="77"/>
      <c r="C2847" s="39" t="s">
        <v>45</v>
      </c>
      <c r="D2847" s="45">
        <v>565</v>
      </c>
      <c r="E2847" s="46">
        <v>1.6</v>
      </c>
      <c r="F2847" s="46">
        <v>9.6</v>
      </c>
      <c r="G2847" s="46">
        <v>52.9</v>
      </c>
      <c r="H2847" s="46">
        <v>18.899999999999999</v>
      </c>
      <c r="I2847" s="46">
        <v>7.3</v>
      </c>
      <c r="J2847" s="46">
        <v>9.6999999999999993</v>
      </c>
      <c r="K2847" s="46">
        <v>-11.5</v>
      </c>
      <c r="L2847" s="59">
        <v>0</v>
      </c>
    </row>
    <row r="2848" spans="1:25" ht="21.6" x14ac:dyDescent="0.2">
      <c r="B2848" s="77"/>
      <c r="C2848" s="39" t="s">
        <v>46</v>
      </c>
      <c r="D2848" s="45">
        <v>473</v>
      </c>
      <c r="E2848" s="46">
        <v>2.1</v>
      </c>
      <c r="F2848" s="46">
        <v>11.2</v>
      </c>
      <c r="G2848" s="46">
        <v>50.5</v>
      </c>
      <c r="H2848" s="46">
        <v>21.4</v>
      </c>
      <c r="I2848" s="46">
        <v>8.6999999999999993</v>
      </c>
      <c r="J2848" s="46">
        <v>6.1</v>
      </c>
      <c r="K2848" s="46">
        <v>-12.4</v>
      </c>
      <c r="L2848" s="59">
        <v>0</v>
      </c>
    </row>
    <row r="2849" spans="2:25" ht="21.6" x14ac:dyDescent="0.2">
      <c r="B2849" s="77"/>
      <c r="C2849" s="39" t="s">
        <v>47</v>
      </c>
      <c r="D2849" s="45">
        <v>441</v>
      </c>
      <c r="E2849" s="46">
        <v>1.6</v>
      </c>
      <c r="F2849" s="46">
        <v>10.7</v>
      </c>
      <c r="G2849" s="46">
        <v>54.9</v>
      </c>
      <c r="H2849" s="46">
        <v>18.600000000000001</v>
      </c>
      <c r="I2849" s="46">
        <v>7.5</v>
      </c>
      <c r="J2849" s="46">
        <v>6.8</v>
      </c>
      <c r="K2849" s="46">
        <v>-10.6</v>
      </c>
      <c r="L2849" s="59">
        <v>0</v>
      </c>
    </row>
    <row r="2850" spans="2:25" ht="21.6" x14ac:dyDescent="0.2">
      <c r="B2850" s="77"/>
      <c r="C2850" s="39" t="s">
        <v>48</v>
      </c>
      <c r="D2850" s="45">
        <v>305</v>
      </c>
      <c r="E2850" s="46">
        <v>0.7</v>
      </c>
      <c r="F2850" s="46">
        <v>8.9</v>
      </c>
      <c r="G2850" s="46">
        <v>62</v>
      </c>
      <c r="H2850" s="46">
        <v>20.7</v>
      </c>
      <c r="I2850" s="46">
        <v>3.9</v>
      </c>
      <c r="J2850" s="46">
        <v>3.9</v>
      </c>
      <c r="K2850" s="46">
        <v>-9.6</v>
      </c>
      <c r="L2850" s="59">
        <v>0</v>
      </c>
    </row>
    <row r="2851" spans="2:25" ht="21.6" x14ac:dyDescent="0.2">
      <c r="B2851" s="77"/>
      <c r="C2851" s="39" t="s">
        <v>49</v>
      </c>
      <c r="D2851" s="45">
        <v>223</v>
      </c>
      <c r="E2851" s="46">
        <v>1.3</v>
      </c>
      <c r="F2851" s="46">
        <v>10.8</v>
      </c>
      <c r="G2851" s="46">
        <v>61</v>
      </c>
      <c r="H2851" s="46">
        <v>19.7</v>
      </c>
      <c r="I2851" s="46">
        <v>4.5</v>
      </c>
      <c r="J2851" s="46">
        <v>2.7</v>
      </c>
      <c r="K2851" s="46">
        <v>-7.8</v>
      </c>
      <c r="L2851" s="59">
        <v>0</v>
      </c>
    </row>
    <row r="2852" spans="2:25" ht="21.6" x14ac:dyDescent="0.2">
      <c r="B2852" s="77"/>
      <c r="C2852" s="39" t="s">
        <v>50</v>
      </c>
      <c r="D2852" s="45">
        <v>123</v>
      </c>
      <c r="E2852" s="46">
        <v>0.8</v>
      </c>
      <c r="F2852" s="46">
        <v>9.8000000000000007</v>
      </c>
      <c r="G2852" s="46">
        <v>69.099999999999994</v>
      </c>
      <c r="H2852" s="46">
        <v>12.2</v>
      </c>
      <c r="I2852" s="46">
        <v>4.9000000000000004</v>
      </c>
      <c r="J2852" s="46">
        <v>3.3</v>
      </c>
      <c r="K2852" s="46">
        <v>-5.5</v>
      </c>
      <c r="L2852" s="59">
        <v>0</v>
      </c>
    </row>
    <row r="2853" spans="2:25" ht="21.6" x14ac:dyDescent="0.2">
      <c r="B2853" s="77"/>
      <c r="C2853" s="39" t="s">
        <v>51</v>
      </c>
      <c r="D2853" s="45">
        <v>124</v>
      </c>
      <c r="E2853" s="46">
        <v>3.2</v>
      </c>
      <c r="F2853" s="46">
        <v>13.7</v>
      </c>
      <c r="G2853" s="46">
        <v>65.3</v>
      </c>
      <c r="H2853" s="46">
        <v>9.6999999999999993</v>
      </c>
      <c r="I2853" s="46">
        <v>3.2</v>
      </c>
      <c r="J2853" s="46">
        <v>4.8</v>
      </c>
      <c r="K2853" s="46">
        <v>2.1</v>
      </c>
      <c r="L2853" s="59">
        <v>0</v>
      </c>
    </row>
    <row r="2854" spans="2:25" ht="21.6" x14ac:dyDescent="0.2">
      <c r="B2854" s="77"/>
      <c r="C2854" s="39" t="s">
        <v>52</v>
      </c>
      <c r="D2854" s="45">
        <v>312</v>
      </c>
      <c r="E2854" s="46">
        <v>2.6</v>
      </c>
      <c r="F2854" s="46">
        <v>7.7</v>
      </c>
      <c r="G2854" s="46">
        <v>54.8</v>
      </c>
      <c r="H2854" s="46">
        <v>21.8</v>
      </c>
      <c r="I2854" s="46">
        <v>6.4</v>
      </c>
      <c r="J2854" s="46">
        <v>6.7</v>
      </c>
      <c r="K2854" s="46">
        <v>-11.7</v>
      </c>
      <c r="L2854" s="59">
        <v>0</v>
      </c>
    </row>
    <row r="2855" spans="2:25" x14ac:dyDescent="0.2">
      <c r="B2855" s="77"/>
      <c r="C2855" s="39" t="s">
        <v>53</v>
      </c>
      <c r="D2855" s="45">
        <v>269</v>
      </c>
      <c r="E2855" s="46">
        <v>1.5</v>
      </c>
      <c r="F2855" s="46">
        <v>10.8</v>
      </c>
      <c r="G2855" s="46">
        <v>55.8</v>
      </c>
      <c r="H2855" s="46">
        <v>18.2</v>
      </c>
      <c r="I2855" s="46">
        <v>6.3</v>
      </c>
      <c r="J2855" s="46">
        <v>7.4</v>
      </c>
      <c r="K2855" s="46">
        <v>-9.1999999999999993</v>
      </c>
      <c r="L2855" s="59">
        <v>0</v>
      </c>
    </row>
    <row r="2856" spans="2:25" ht="21.6" x14ac:dyDescent="0.2">
      <c r="B2856" s="77"/>
      <c r="C2856" s="39" t="s">
        <v>54</v>
      </c>
      <c r="D2856" s="45">
        <v>511</v>
      </c>
      <c r="E2856" s="46">
        <v>2</v>
      </c>
      <c r="F2856" s="46">
        <v>11</v>
      </c>
      <c r="G2856" s="46">
        <v>56</v>
      </c>
      <c r="H2856" s="46">
        <v>20.399999999999999</v>
      </c>
      <c r="I2856" s="46">
        <v>4.7</v>
      </c>
      <c r="J2856" s="46">
        <v>6.1</v>
      </c>
      <c r="K2856" s="46">
        <v>-7.9</v>
      </c>
      <c r="L2856" s="59">
        <v>0</v>
      </c>
    </row>
    <row r="2857" spans="2:25" ht="21.6" x14ac:dyDescent="0.2">
      <c r="B2857" s="77"/>
      <c r="C2857" s="39" t="s">
        <v>55</v>
      </c>
      <c r="D2857" s="45">
        <v>615</v>
      </c>
      <c r="E2857" s="46">
        <v>0.7</v>
      </c>
      <c r="F2857" s="46">
        <v>12.4</v>
      </c>
      <c r="G2857" s="46">
        <v>59.8</v>
      </c>
      <c r="H2857" s="46">
        <v>15.4</v>
      </c>
      <c r="I2857" s="46">
        <v>7</v>
      </c>
      <c r="J2857" s="46">
        <v>4.7</v>
      </c>
      <c r="K2857" s="46">
        <v>-8.3000000000000007</v>
      </c>
      <c r="L2857" s="59">
        <v>0</v>
      </c>
    </row>
    <row r="2858" spans="2:25" ht="21.6" x14ac:dyDescent="0.2">
      <c r="B2858" s="77"/>
      <c r="C2858" s="39" t="s">
        <v>56</v>
      </c>
      <c r="D2858" s="45">
        <v>800</v>
      </c>
      <c r="E2858" s="46">
        <v>1.6</v>
      </c>
      <c r="F2858" s="46">
        <v>13</v>
      </c>
      <c r="G2858" s="46">
        <v>56.4</v>
      </c>
      <c r="H2858" s="46">
        <v>17.100000000000001</v>
      </c>
      <c r="I2858" s="46">
        <v>6</v>
      </c>
      <c r="J2858" s="46">
        <v>5.9</v>
      </c>
      <c r="K2858" s="46">
        <v>-6.8</v>
      </c>
      <c r="L2858" s="59">
        <v>0</v>
      </c>
    </row>
    <row r="2859" spans="2:25" x14ac:dyDescent="0.2">
      <c r="B2859" s="77"/>
      <c r="C2859" s="40" t="s">
        <v>57</v>
      </c>
      <c r="D2859" s="48">
        <v>798</v>
      </c>
      <c r="E2859" s="49">
        <v>1.3</v>
      </c>
      <c r="F2859" s="49">
        <v>8</v>
      </c>
      <c r="G2859" s="49">
        <v>57.4</v>
      </c>
      <c r="H2859" s="49">
        <v>21.1</v>
      </c>
      <c r="I2859" s="49">
        <v>6.5</v>
      </c>
      <c r="J2859" s="49">
        <v>5.8</v>
      </c>
      <c r="K2859" s="49">
        <v>-12.5</v>
      </c>
      <c r="L2859" s="60">
        <v>0</v>
      </c>
    </row>
    <row r="2860" spans="2:25" x14ac:dyDescent="0.2">
      <c r="B2860" s="7" t="s">
        <v>71</v>
      </c>
      <c r="C2860" s="4" t="s">
        <v>150</v>
      </c>
    </row>
    <row r="2861" spans="2:25" x14ac:dyDescent="0.2">
      <c r="B2861" s="4"/>
      <c r="C2861" s="4" t="s">
        <v>73</v>
      </c>
    </row>
    <row r="2863" spans="2:25" x14ac:dyDescent="0.2">
      <c r="C2863" t="s">
        <v>35</v>
      </c>
    </row>
    <row r="2864" spans="2:25" x14ac:dyDescent="0.2">
      <c r="B2864" s="75" t="s">
        <v>312</v>
      </c>
      <c r="C2864" s="76"/>
      <c r="D2864" s="76"/>
      <c r="E2864" s="76"/>
      <c r="F2864" s="76"/>
      <c r="G2864" s="76"/>
      <c r="H2864" s="76"/>
      <c r="I2864" s="76"/>
      <c r="J2864" s="76"/>
      <c r="K2864" s="76"/>
      <c r="L2864" s="76"/>
      <c r="M2864" s="76"/>
      <c r="N2864" s="76"/>
      <c r="O2864" s="76"/>
      <c r="P2864" s="76"/>
      <c r="Q2864" s="76"/>
      <c r="R2864" s="76"/>
      <c r="S2864" s="76"/>
      <c r="T2864" s="76"/>
      <c r="U2864" s="76"/>
      <c r="V2864" s="76"/>
      <c r="W2864" s="76"/>
      <c r="X2864" s="76"/>
      <c r="Y2864" s="76"/>
    </row>
    <row r="2865" spans="1:13" s="32" customFormat="1" ht="47.25" customHeight="1" x14ac:dyDescent="0.15">
      <c r="A2865" s="31"/>
      <c r="D2865" s="33" t="s">
        <v>378</v>
      </c>
      <c r="E2865" s="36" t="s">
        <v>527</v>
      </c>
      <c r="F2865" s="55" t="s">
        <v>528</v>
      </c>
      <c r="G2865" s="55" t="s">
        <v>521</v>
      </c>
      <c r="H2865" s="55" t="s">
        <v>529</v>
      </c>
      <c r="I2865" s="55" t="s">
        <v>530</v>
      </c>
      <c r="J2865" s="55" t="s">
        <v>480</v>
      </c>
      <c r="K2865" s="56" t="s">
        <v>387</v>
      </c>
      <c r="L2865" s="57" t="s">
        <v>388</v>
      </c>
      <c r="M2865" s="54" t="s">
        <v>381</v>
      </c>
    </row>
    <row r="2866" spans="1:13" ht="21.6" x14ac:dyDescent="0.2">
      <c r="B2866" s="77" t="s">
        <v>37</v>
      </c>
      <c r="C2866" s="38" t="s">
        <v>58</v>
      </c>
      <c r="D2866" s="51">
        <v>609</v>
      </c>
      <c r="E2866" s="52">
        <v>1.8</v>
      </c>
      <c r="F2866" s="52">
        <v>14.9</v>
      </c>
      <c r="G2866" s="52">
        <v>54.2</v>
      </c>
      <c r="H2866" s="52">
        <v>17.100000000000001</v>
      </c>
      <c r="I2866" s="52">
        <v>5.6</v>
      </c>
      <c r="J2866" s="52">
        <v>6.4</v>
      </c>
      <c r="K2866" s="52">
        <v>-5.2</v>
      </c>
      <c r="L2866" s="61">
        <v>0</v>
      </c>
    </row>
    <row r="2867" spans="1:13" ht="21.6" x14ac:dyDescent="0.2">
      <c r="B2867" s="77"/>
      <c r="C2867" s="39" t="s">
        <v>59</v>
      </c>
      <c r="D2867" s="45">
        <v>1391</v>
      </c>
      <c r="E2867" s="46">
        <v>1.3</v>
      </c>
      <c r="F2867" s="46">
        <v>8.1</v>
      </c>
      <c r="G2867" s="46">
        <v>57.3</v>
      </c>
      <c r="H2867" s="46">
        <v>18.3</v>
      </c>
      <c r="I2867" s="46">
        <v>7</v>
      </c>
      <c r="J2867" s="46">
        <v>8.1</v>
      </c>
      <c r="K2867" s="46">
        <v>-11.7</v>
      </c>
      <c r="L2867" s="59">
        <v>0</v>
      </c>
    </row>
    <row r="2868" spans="1:13" x14ac:dyDescent="0.2">
      <c r="B2868" s="77"/>
      <c r="C2868" s="39" t="s">
        <v>60</v>
      </c>
      <c r="D2868" s="45">
        <v>1325</v>
      </c>
      <c r="E2868" s="46">
        <v>1.5</v>
      </c>
      <c r="F2868" s="46">
        <v>11.2</v>
      </c>
      <c r="G2868" s="46">
        <v>56.2</v>
      </c>
      <c r="H2868" s="46">
        <v>17.100000000000001</v>
      </c>
      <c r="I2868" s="46">
        <v>6.3</v>
      </c>
      <c r="J2868" s="46">
        <v>7.7</v>
      </c>
      <c r="K2868" s="46">
        <v>-8.3000000000000007</v>
      </c>
      <c r="L2868" s="59">
        <v>0</v>
      </c>
    </row>
    <row r="2869" spans="1:13" x14ac:dyDescent="0.2">
      <c r="B2869" s="77"/>
      <c r="C2869" s="39" t="s">
        <v>61</v>
      </c>
      <c r="D2869" s="45">
        <v>675</v>
      </c>
      <c r="E2869" s="46">
        <v>1.3</v>
      </c>
      <c r="F2869" s="46">
        <v>8</v>
      </c>
      <c r="G2869" s="46">
        <v>56.6</v>
      </c>
      <c r="H2869" s="46">
        <v>19.600000000000001</v>
      </c>
      <c r="I2869" s="46">
        <v>7.1</v>
      </c>
      <c r="J2869" s="46">
        <v>7.4</v>
      </c>
      <c r="K2869" s="46">
        <v>-12.5</v>
      </c>
      <c r="L2869" s="59">
        <v>0</v>
      </c>
    </row>
    <row r="2870" spans="1:13" x14ac:dyDescent="0.2">
      <c r="B2870" s="77"/>
      <c r="C2870" s="39" t="s">
        <v>62</v>
      </c>
      <c r="D2870" s="45">
        <v>1086</v>
      </c>
      <c r="E2870" s="46">
        <v>1.4</v>
      </c>
      <c r="F2870" s="46">
        <v>9.5</v>
      </c>
      <c r="G2870" s="46">
        <v>58.6</v>
      </c>
      <c r="H2870" s="46">
        <v>18.399999999999999</v>
      </c>
      <c r="I2870" s="46">
        <v>6.2</v>
      </c>
      <c r="J2870" s="46">
        <v>6</v>
      </c>
      <c r="K2870" s="46">
        <v>-9.8000000000000007</v>
      </c>
      <c r="L2870" s="59">
        <v>0</v>
      </c>
    </row>
    <row r="2871" spans="1:13" ht="21.6" x14ac:dyDescent="0.2">
      <c r="B2871" s="77"/>
      <c r="C2871" s="39" t="s">
        <v>63</v>
      </c>
      <c r="D2871" s="45">
        <v>203</v>
      </c>
      <c r="E2871" s="46">
        <v>3.9</v>
      </c>
      <c r="F2871" s="46">
        <v>10.3</v>
      </c>
      <c r="G2871" s="46">
        <v>56.7</v>
      </c>
      <c r="H2871" s="46">
        <v>14.3</v>
      </c>
      <c r="I2871" s="46">
        <v>3.4</v>
      </c>
      <c r="J2871" s="46">
        <v>11.3</v>
      </c>
      <c r="K2871" s="46">
        <v>-1.7</v>
      </c>
      <c r="L2871" s="59">
        <v>0</v>
      </c>
    </row>
    <row r="2872" spans="1:13" x14ac:dyDescent="0.2">
      <c r="B2872" s="77"/>
      <c r="C2872" s="39" t="s">
        <v>64</v>
      </c>
      <c r="D2872" s="45">
        <v>263</v>
      </c>
      <c r="E2872" s="46">
        <v>1.1000000000000001</v>
      </c>
      <c r="F2872" s="46">
        <v>14.8</v>
      </c>
      <c r="G2872" s="46">
        <v>58.2</v>
      </c>
      <c r="H2872" s="46">
        <v>14.4</v>
      </c>
      <c r="I2872" s="46">
        <v>5.7</v>
      </c>
      <c r="J2872" s="46">
        <v>5.7</v>
      </c>
      <c r="K2872" s="46">
        <v>-4.5999999999999996</v>
      </c>
      <c r="L2872" s="59">
        <v>0</v>
      </c>
    </row>
    <row r="2873" spans="1:13" x14ac:dyDescent="0.2">
      <c r="B2873" s="77"/>
      <c r="C2873" s="39" t="s">
        <v>65</v>
      </c>
      <c r="D2873" s="45">
        <v>312</v>
      </c>
      <c r="E2873" s="46">
        <v>1</v>
      </c>
      <c r="F2873" s="46">
        <v>10.3</v>
      </c>
      <c r="G2873" s="46">
        <v>55.1</v>
      </c>
      <c r="H2873" s="46">
        <v>20.2</v>
      </c>
      <c r="I2873" s="46">
        <v>8</v>
      </c>
      <c r="J2873" s="46">
        <v>5.4</v>
      </c>
      <c r="K2873" s="46">
        <v>-12.7</v>
      </c>
      <c r="L2873" s="59">
        <v>0</v>
      </c>
    </row>
    <row r="2874" spans="1:13" x14ac:dyDescent="0.2">
      <c r="B2874" s="77"/>
      <c r="C2874" s="39" t="s">
        <v>66</v>
      </c>
      <c r="D2874" s="45">
        <v>230</v>
      </c>
      <c r="E2874" s="46">
        <v>0.4</v>
      </c>
      <c r="F2874" s="46">
        <v>3.5</v>
      </c>
      <c r="G2874" s="46">
        <v>62.6</v>
      </c>
      <c r="H2874" s="46">
        <v>23</v>
      </c>
      <c r="I2874" s="46">
        <v>7.4</v>
      </c>
      <c r="J2874" s="46">
        <v>3</v>
      </c>
      <c r="K2874" s="46">
        <v>-17.3</v>
      </c>
      <c r="L2874" s="59">
        <v>0</v>
      </c>
    </row>
    <row r="2875" spans="1:13" x14ac:dyDescent="0.2">
      <c r="B2875" s="77"/>
      <c r="C2875" s="39" t="s">
        <v>67</v>
      </c>
      <c r="D2875" s="45">
        <v>78</v>
      </c>
      <c r="E2875" s="46">
        <v>0</v>
      </c>
      <c r="F2875" s="46">
        <v>3.8</v>
      </c>
      <c r="G2875" s="46">
        <v>66.7</v>
      </c>
      <c r="H2875" s="46">
        <v>21.8</v>
      </c>
      <c r="I2875" s="46">
        <v>3.8</v>
      </c>
      <c r="J2875" s="46">
        <v>3.8</v>
      </c>
      <c r="K2875" s="46">
        <v>-13.3</v>
      </c>
      <c r="L2875" s="59">
        <v>0</v>
      </c>
    </row>
    <row r="2876" spans="1:13" x14ac:dyDescent="0.2">
      <c r="B2876" s="77"/>
      <c r="C2876" s="39" t="s">
        <v>68</v>
      </c>
      <c r="D2876" s="45">
        <v>897</v>
      </c>
      <c r="E2876" s="46">
        <v>1.6</v>
      </c>
      <c r="F2876" s="46">
        <v>9.8000000000000007</v>
      </c>
      <c r="G2876" s="46">
        <v>59.3</v>
      </c>
      <c r="H2876" s="46">
        <v>18.5</v>
      </c>
      <c r="I2876" s="46">
        <v>6</v>
      </c>
      <c r="J2876" s="46">
        <v>4.8</v>
      </c>
      <c r="K2876" s="46">
        <v>-9.3000000000000007</v>
      </c>
      <c r="L2876" s="59">
        <v>0</v>
      </c>
    </row>
    <row r="2877" spans="1:13" x14ac:dyDescent="0.2">
      <c r="B2877" s="77"/>
      <c r="C2877" s="39" t="s">
        <v>69</v>
      </c>
      <c r="D2877" s="45">
        <v>189</v>
      </c>
      <c r="E2877" s="46">
        <v>0.5</v>
      </c>
      <c r="F2877" s="46">
        <v>7.9</v>
      </c>
      <c r="G2877" s="46">
        <v>55</v>
      </c>
      <c r="H2877" s="46">
        <v>18</v>
      </c>
      <c r="I2877" s="46">
        <v>6.9</v>
      </c>
      <c r="J2877" s="46">
        <v>11.6</v>
      </c>
      <c r="K2877" s="46">
        <v>-12.9</v>
      </c>
      <c r="L2877" s="59">
        <v>0</v>
      </c>
    </row>
    <row r="2878" spans="1:13" x14ac:dyDescent="0.2">
      <c r="B2878" s="77"/>
      <c r="C2878" s="39" t="s">
        <v>70</v>
      </c>
      <c r="D2878" s="45">
        <v>914</v>
      </c>
      <c r="E2878" s="46">
        <v>1.5</v>
      </c>
      <c r="F2878" s="46">
        <v>10.9</v>
      </c>
      <c r="G2878" s="46">
        <v>53.7</v>
      </c>
      <c r="H2878" s="46">
        <v>17.3</v>
      </c>
      <c r="I2878" s="46">
        <v>7</v>
      </c>
      <c r="J2878" s="46">
        <v>9.5</v>
      </c>
      <c r="K2878" s="46">
        <v>-9.6</v>
      </c>
      <c r="L2878" s="59">
        <v>0</v>
      </c>
    </row>
    <row r="2879" spans="1:13" ht="21.6" x14ac:dyDescent="0.2">
      <c r="B2879" s="77"/>
      <c r="C2879" s="39" t="s">
        <v>63</v>
      </c>
      <c r="D2879" s="45">
        <v>193</v>
      </c>
      <c r="E2879" s="46">
        <v>2.1</v>
      </c>
      <c r="F2879" s="46">
        <v>21.8</v>
      </c>
      <c r="G2879" s="46">
        <v>51.8</v>
      </c>
      <c r="H2879" s="46">
        <v>10.4</v>
      </c>
      <c r="I2879" s="46">
        <v>4.0999999999999996</v>
      </c>
      <c r="J2879" s="46">
        <v>9.8000000000000007</v>
      </c>
      <c r="K2879" s="46">
        <v>4</v>
      </c>
      <c r="L2879" s="59">
        <v>0</v>
      </c>
    </row>
    <row r="2880" spans="1:13" x14ac:dyDescent="0.2">
      <c r="B2880" s="77"/>
      <c r="C2880" s="39" t="s">
        <v>64</v>
      </c>
      <c r="D2880" s="45">
        <v>203</v>
      </c>
      <c r="E2880" s="46">
        <v>1.5</v>
      </c>
      <c r="F2880" s="46">
        <v>13.8</v>
      </c>
      <c r="G2880" s="46">
        <v>50.2</v>
      </c>
      <c r="H2880" s="46">
        <v>15.3</v>
      </c>
      <c r="I2880" s="46">
        <v>8.9</v>
      </c>
      <c r="J2880" s="46">
        <v>10.3</v>
      </c>
      <c r="K2880" s="46">
        <v>-9.1</v>
      </c>
      <c r="L2880" s="59">
        <v>0</v>
      </c>
    </row>
    <row r="2881" spans="1:25" x14ac:dyDescent="0.2">
      <c r="B2881" s="77"/>
      <c r="C2881" s="39" t="s">
        <v>65</v>
      </c>
      <c r="D2881" s="45">
        <v>263</v>
      </c>
      <c r="E2881" s="46">
        <v>1.5</v>
      </c>
      <c r="F2881" s="46">
        <v>6.8</v>
      </c>
      <c r="G2881" s="46">
        <v>55.5</v>
      </c>
      <c r="H2881" s="46">
        <v>20.5</v>
      </c>
      <c r="I2881" s="46">
        <v>7.2</v>
      </c>
      <c r="J2881" s="46">
        <v>8.4</v>
      </c>
      <c r="K2881" s="46">
        <v>-13.7</v>
      </c>
      <c r="L2881" s="59">
        <v>0</v>
      </c>
    </row>
    <row r="2882" spans="1:25" x14ac:dyDescent="0.2">
      <c r="B2882" s="77"/>
      <c r="C2882" s="39" t="s">
        <v>66</v>
      </c>
      <c r="D2882" s="45">
        <v>194</v>
      </c>
      <c r="E2882" s="46">
        <v>1.5</v>
      </c>
      <c r="F2882" s="46">
        <v>5.2</v>
      </c>
      <c r="G2882" s="46">
        <v>57.2</v>
      </c>
      <c r="H2882" s="46">
        <v>19.600000000000001</v>
      </c>
      <c r="I2882" s="46">
        <v>5.7</v>
      </c>
      <c r="J2882" s="46">
        <v>10.8</v>
      </c>
      <c r="K2882" s="46">
        <v>-12.7</v>
      </c>
      <c r="L2882" s="59">
        <v>0</v>
      </c>
    </row>
    <row r="2883" spans="1:25" x14ac:dyDescent="0.2">
      <c r="B2883" s="77"/>
      <c r="C2883" s="39" t="s">
        <v>67</v>
      </c>
      <c r="D2883" s="45">
        <v>61</v>
      </c>
      <c r="E2883" s="46">
        <v>0</v>
      </c>
      <c r="F2883" s="46">
        <v>3.3</v>
      </c>
      <c r="G2883" s="46">
        <v>52.5</v>
      </c>
      <c r="H2883" s="46">
        <v>24.6</v>
      </c>
      <c r="I2883" s="46">
        <v>13.1</v>
      </c>
      <c r="J2883" s="46">
        <v>6.6</v>
      </c>
      <c r="K2883" s="46">
        <v>-25.4</v>
      </c>
      <c r="L2883" s="59">
        <v>0</v>
      </c>
    </row>
    <row r="2884" spans="1:25" x14ac:dyDescent="0.2">
      <c r="B2884" s="77"/>
      <c r="C2884" s="39" t="s">
        <v>68</v>
      </c>
      <c r="D2884" s="45">
        <v>416</v>
      </c>
      <c r="E2884" s="46">
        <v>1.2</v>
      </c>
      <c r="F2884" s="46">
        <v>12.3</v>
      </c>
      <c r="G2884" s="46">
        <v>56</v>
      </c>
      <c r="H2884" s="46">
        <v>16.8</v>
      </c>
      <c r="I2884" s="46">
        <v>4.8</v>
      </c>
      <c r="J2884" s="46">
        <v>8.9</v>
      </c>
      <c r="K2884" s="46">
        <v>-6.5</v>
      </c>
      <c r="L2884" s="59">
        <v>0</v>
      </c>
    </row>
    <row r="2885" spans="1:25" x14ac:dyDescent="0.2">
      <c r="B2885" s="77"/>
      <c r="C2885" s="40" t="s">
        <v>69</v>
      </c>
      <c r="D2885" s="48">
        <v>498</v>
      </c>
      <c r="E2885" s="49">
        <v>1.8</v>
      </c>
      <c r="F2885" s="49">
        <v>9.8000000000000007</v>
      </c>
      <c r="G2885" s="49">
        <v>51.8</v>
      </c>
      <c r="H2885" s="49">
        <v>17.7</v>
      </c>
      <c r="I2885" s="49">
        <v>8.8000000000000007</v>
      </c>
      <c r="J2885" s="49">
        <v>10</v>
      </c>
      <c r="K2885" s="49">
        <v>-12.2</v>
      </c>
      <c r="L2885" s="60">
        <v>0</v>
      </c>
    </row>
    <row r="2886" spans="1:25" x14ac:dyDescent="0.2">
      <c r="B2886" s="7" t="s">
        <v>71</v>
      </c>
      <c r="C2886" s="4" t="s">
        <v>150</v>
      </c>
    </row>
    <row r="2887" spans="1:25" x14ac:dyDescent="0.2">
      <c r="B2887" s="4"/>
      <c r="C2887" s="4" t="s">
        <v>73</v>
      </c>
    </row>
    <row r="2889" spans="1:25" x14ac:dyDescent="0.2">
      <c r="A2889" s="26" t="s">
        <v>25</v>
      </c>
      <c r="B2889" t="s">
        <v>35</v>
      </c>
      <c r="C2889" t="s">
        <v>35</v>
      </c>
    </row>
    <row r="2890" spans="1:25" x14ac:dyDescent="0.2">
      <c r="B2890" s="75" t="s">
        <v>151</v>
      </c>
      <c r="C2890" s="76"/>
      <c r="D2890" s="76"/>
      <c r="E2890" s="76"/>
      <c r="F2890" s="76"/>
      <c r="G2890" s="76"/>
      <c r="H2890" s="76"/>
      <c r="I2890" s="76"/>
      <c r="J2890" s="76"/>
      <c r="K2890" s="76"/>
      <c r="L2890" s="76"/>
      <c r="M2890" s="76"/>
      <c r="N2890" s="76"/>
      <c r="O2890" s="76"/>
      <c r="P2890" s="76"/>
      <c r="Q2890" s="76"/>
      <c r="R2890" s="76"/>
      <c r="S2890" s="76"/>
      <c r="T2890" s="76"/>
      <c r="U2890" s="76"/>
      <c r="V2890" s="76"/>
      <c r="W2890" s="76"/>
      <c r="X2890" s="76"/>
      <c r="Y2890" s="76"/>
    </row>
    <row r="2891" spans="1:25" s="32" customFormat="1" ht="36.450000000000003" customHeight="1" x14ac:dyDescent="0.15">
      <c r="A2891" s="31"/>
      <c r="D2891" s="33" t="s">
        <v>378</v>
      </c>
      <c r="E2891" s="36" t="s">
        <v>531</v>
      </c>
      <c r="F2891" s="55" t="s">
        <v>525</v>
      </c>
      <c r="G2891" s="55" t="s">
        <v>532</v>
      </c>
      <c r="H2891" s="37" t="s">
        <v>480</v>
      </c>
      <c r="I2891" s="35" t="s">
        <v>381</v>
      </c>
    </row>
    <row r="2892" spans="1:25" x14ac:dyDescent="0.2">
      <c r="B2892" s="5"/>
      <c r="C2892" s="41" t="s">
        <v>38</v>
      </c>
      <c r="D2892" s="42">
        <v>2000</v>
      </c>
      <c r="E2892" s="43">
        <v>11.6</v>
      </c>
      <c r="F2892" s="43">
        <v>56.4</v>
      </c>
      <c r="G2892" s="43">
        <v>24.5</v>
      </c>
      <c r="H2892" s="44">
        <v>7.6</v>
      </c>
    </row>
    <row r="2893" spans="1:25" x14ac:dyDescent="0.2">
      <c r="B2893" s="77" t="s">
        <v>37</v>
      </c>
      <c r="C2893" s="39" t="s">
        <v>39</v>
      </c>
      <c r="D2893" s="45">
        <v>111</v>
      </c>
      <c r="E2893" s="46">
        <v>15.3</v>
      </c>
      <c r="F2893" s="46">
        <v>55</v>
      </c>
      <c r="G2893" s="46">
        <v>19.8</v>
      </c>
      <c r="H2893" s="47">
        <v>9.9</v>
      </c>
    </row>
    <row r="2894" spans="1:25" x14ac:dyDescent="0.2">
      <c r="B2894" s="77"/>
      <c r="C2894" s="39" t="s">
        <v>40</v>
      </c>
      <c r="D2894" s="45">
        <v>450</v>
      </c>
      <c r="E2894" s="46">
        <v>10</v>
      </c>
      <c r="F2894" s="46">
        <v>59.6</v>
      </c>
      <c r="G2894" s="46">
        <v>25.8</v>
      </c>
      <c r="H2894" s="47">
        <v>4.7</v>
      </c>
    </row>
    <row r="2895" spans="1:25" ht="21.6" x14ac:dyDescent="0.2">
      <c r="B2895" s="77"/>
      <c r="C2895" s="39" t="s">
        <v>41</v>
      </c>
      <c r="D2895" s="45">
        <v>30</v>
      </c>
      <c r="E2895" s="46">
        <v>13.3</v>
      </c>
      <c r="F2895" s="46">
        <v>33.299999999999997</v>
      </c>
      <c r="G2895" s="46">
        <v>33.299999999999997</v>
      </c>
      <c r="H2895" s="47">
        <v>20</v>
      </c>
    </row>
    <row r="2896" spans="1:25" ht="21.6" x14ac:dyDescent="0.2">
      <c r="B2896" s="77"/>
      <c r="C2896" s="39" t="s">
        <v>42</v>
      </c>
      <c r="D2896" s="45">
        <v>336</v>
      </c>
      <c r="E2896" s="46">
        <v>10.4</v>
      </c>
      <c r="F2896" s="46">
        <v>62.2</v>
      </c>
      <c r="G2896" s="46">
        <v>21.1</v>
      </c>
      <c r="H2896" s="47">
        <v>6.3</v>
      </c>
    </row>
    <row r="2897" spans="2:8" ht="21.6" x14ac:dyDescent="0.2">
      <c r="B2897" s="77"/>
      <c r="C2897" s="39" t="s">
        <v>43</v>
      </c>
      <c r="D2897" s="45">
        <v>327</v>
      </c>
      <c r="E2897" s="46">
        <v>12.8</v>
      </c>
      <c r="F2897" s="46">
        <v>56.3</v>
      </c>
      <c r="G2897" s="46">
        <v>22.9</v>
      </c>
      <c r="H2897" s="47">
        <v>8</v>
      </c>
    </row>
    <row r="2898" spans="2:8" ht="21.6" x14ac:dyDescent="0.2">
      <c r="B2898" s="77"/>
      <c r="C2898" s="39" t="s">
        <v>44</v>
      </c>
      <c r="D2898" s="45">
        <v>181</v>
      </c>
      <c r="E2898" s="46">
        <v>14.4</v>
      </c>
      <c r="F2898" s="46">
        <v>53</v>
      </c>
      <c r="G2898" s="46">
        <v>26</v>
      </c>
      <c r="H2898" s="47">
        <v>6.6</v>
      </c>
    </row>
    <row r="2899" spans="2:8" ht="21.6" x14ac:dyDescent="0.2">
      <c r="B2899" s="77"/>
      <c r="C2899" s="39" t="s">
        <v>45</v>
      </c>
      <c r="D2899" s="45">
        <v>565</v>
      </c>
      <c r="E2899" s="46">
        <v>11.2</v>
      </c>
      <c r="F2899" s="46">
        <v>52.9</v>
      </c>
      <c r="G2899" s="46">
        <v>26.2</v>
      </c>
      <c r="H2899" s="47">
        <v>9.6999999999999993</v>
      </c>
    </row>
    <row r="2900" spans="2:8" ht="21.6" x14ac:dyDescent="0.2">
      <c r="B2900" s="77"/>
      <c r="C2900" s="39" t="s">
        <v>46</v>
      </c>
      <c r="D2900" s="45">
        <v>473</v>
      </c>
      <c r="E2900" s="46">
        <v>13.3</v>
      </c>
      <c r="F2900" s="46">
        <v>50.5</v>
      </c>
      <c r="G2900" s="46">
        <v>30</v>
      </c>
      <c r="H2900" s="47">
        <v>6.1</v>
      </c>
    </row>
    <row r="2901" spans="2:8" ht="21.6" x14ac:dyDescent="0.2">
      <c r="B2901" s="77"/>
      <c r="C2901" s="39" t="s">
        <v>47</v>
      </c>
      <c r="D2901" s="45">
        <v>441</v>
      </c>
      <c r="E2901" s="46">
        <v>12.2</v>
      </c>
      <c r="F2901" s="46">
        <v>54.9</v>
      </c>
      <c r="G2901" s="46">
        <v>26.1</v>
      </c>
      <c r="H2901" s="47">
        <v>6.8</v>
      </c>
    </row>
    <row r="2902" spans="2:8" ht="21.6" x14ac:dyDescent="0.2">
      <c r="B2902" s="77"/>
      <c r="C2902" s="39" t="s">
        <v>48</v>
      </c>
      <c r="D2902" s="45">
        <v>305</v>
      </c>
      <c r="E2902" s="46">
        <v>9.5</v>
      </c>
      <c r="F2902" s="46">
        <v>62</v>
      </c>
      <c r="G2902" s="46">
        <v>24.6</v>
      </c>
      <c r="H2902" s="47">
        <v>3.9</v>
      </c>
    </row>
    <row r="2903" spans="2:8" ht="21.6" x14ac:dyDescent="0.2">
      <c r="B2903" s="77"/>
      <c r="C2903" s="39" t="s">
        <v>49</v>
      </c>
      <c r="D2903" s="45">
        <v>223</v>
      </c>
      <c r="E2903" s="46">
        <v>12.1</v>
      </c>
      <c r="F2903" s="46">
        <v>61</v>
      </c>
      <c r="G2903" s="46">
        <v>24.2</v>
      </c>
      <c r="H2903" s="47">
        <v>2.7</v>
      </c>
    </row>
    <row r="2904" spans="2:8" ht="21.6" x14ac:dyDescent="0.2">
      <c r="B2904" s="77"/>
      <c r="C2904" s="39" t="s">
        <v>50</v>
      </c>
      <c r="D2904" s="45">
        <v>123</v>
      </c>
      <c r="E2904" s="46">
        <v>10.6</v>
      </c>
      <c r="F2904" s="46">
        <v>69.099999999999994</v>
      </c>
      <c r="G2904" s="46">
        <v>17.100000000000001</v>
      </c>
      <c r="H2904" s="47">
        <v>3.3</v>
      </c>
    </row>
    <row r="2905" spans="2:8" ht="21.6" x14ac:dyDescent="0.2">
      <c r="B2905" s="77"/>
      <c r="C2905" s="39" t="s">
        <v>51</v>
      </c>
      <c r="D2905" s="45">
        <v>124</v>
      </c>
      <c r="E2905" s="46">
        <v>16.899999999999999</v>
      </c>
      <c r="F2905" s="46">
        <v>65.3</v>
      </c>
      <c r="G2905" s="46">
        <v>12.9</v>
      </c>
      <c r="H2905" s="47">
        <v>4.8</v>
      </c>
    </row>
    <row r="2906" spans="2:8" ht="21.6" x14ac:dyDescent="0.2">
      <c r="B2906" s="77"/>
      <c r="C2906" s="39" t="s">
        <v>52</v>
      </c>
      <c r="D2906" s="45">
        <v>312</v>
      </c>
      <c r="E2906" s="46">
        <v>10.3</v>
      </c>
      <c r="F2906" s="46">
        <v>54.8</v>
      </c>
      <c r="G2906" s="46">
        <v>28.2</v>
      </c>
      <c r="H2906" s="47">
        <v>6.7</v>
      </c>
    </row>
    <row r="2907" spans="2:8" x14ac:dyDescent="0.2">
      <c r="B2907" s="77"/>
      <c r="C2907" s="39" t="s">
        <v>53</v>
      </c>
      <c r="D2907" s="45">
        <v>269</v>
      </c>
      <c r="E2907" s="46">
        <v>12.3</v>
      </c>
      <c r="F2907" s="46">
        <v>55.8</v>
      </c>
      <c r="G2907" s="46">
        <v>24.5</v>
      </c>
      <c r="H2907" s="47">
        <v>7.4</v>
      </c>
    </row>
    <row r="2908" spans="2:8" ht="21.6" x14ac:dyDescent="0.2">
      <c r="B2908" s="77"/>
      <c r="C2908" s="39" t="s">
        <v>54</v>
      </c>
      <c r="D2908" s="45">
        <v>511</v>
      </c>
      <c r="E2908" s="46">
        <v>12.9</v>
      </c>
      <c r="F2908" s="46">
        <v>56</v>
      </c>
      <c r="G2908" s="46">
        <v>25</v>
      </c>
      <c r="H2908" s="47">
        <v>6.1</v>
      </c>
    </row>
    <row r="2909" spans="2:8" ht="21.6" x14ac:dyDescent="0.2">
      <c r="B2909" s="77"/>
      <c r="C2909" s="39" t="s">
        <v>55</v>
      </c>
      <c r="D2909" s="45">
        <v>615</v>
      </c>
      <c r="E2909" s="46">
        <v>13</v>
      </c>
      <c r="F2909" s="46">
        <v>59.8</v>
      </c>
      <c r="G2909" s="46">
        <v>22.4</v>
      </c>
      <c r="H2909" s="47">
        <v>4.7</v>
      </c>
    </row>
    <row r="2910" spans="2:8" ht="21.6" x14ac:dyDescent="0.2">
      <c r="B2910" s="77"/>
      <c r="C2910" s="39" t="s">
        <v>56</v>
      </c>
      <c r="D2910" s="45">
        <v>800</v>
      </c>
      <c r="E2910" s="46">
        <v>14.6</v>
      </c>
      <c r="F2910" s="46">
        <v>56.4</v>
      </c>
      <c r="G2910" s="46">
        <v>23.1</v>
      </c>
      <c r="H2910" s="47">
        <v>5.9</v>
      </c>
    </row>
    <row r="2911" spans="2:8" x14ac:dyDescent="0.2">
      <c r="B2911" s="77"/>
      <c r="C2911" s="40" t="s">
        <v>57</v>
      </c>
      <c r="D2911" s="48">
        <v>798</v>
      </c>
      <c r="E2911" s="49">
        <v>9.3000000000000007</v>
      </c>
      <c r="F2911" s="49">
        <v>57.4</v>
      </c>
      <c r="G2911" s="49">
        <v>27.6</v>
      </c>
      <c r="H2911" s="50">
        <v>5.8</v>
      </c>
    </row>
    <row r="2913" spans="1:25" x14ac:dyDescent="0.2">
      <c r="C2913" t="s">
        <v>35</v>
      </c>
    </row>
    <row r="2914" spans="1:25" x14ac:dyDescent="0.2">
      <c r="B2914" s="75" t="s">
        <v>313</v>
      </c>
      <c r="C2914" s="76"/>
      <c r="D2914" s="76"/>
      <c r="E2914" s="76"/>
      <c r="F2914" s="76"/>
      <c r="G2914" s="76"/>
      <c r="H2914" s="76"/>
      <c r="I2914" s="76"/>
      <c r="J2914" s="76"/>
      <c r="K2914" s="76"/>
      <c r="L2914" s="76"/>
      <c r="M2914" s="76"/>
      <c r="N2914" s="76"/>
      <c r="O2914" s="76"/>
      <c r="P2914" s="76"/>
      <c r="Q2914" s="76"/>
      <c r="R2914" s="76"/>
      <c r="S2914" s="76"/>
      <c r="T2914" s="76"/>
      <c r="U2914" s="76"/>
      <c r="V2914" s="76"/>
      <c r="W2914" s="76"/>
      <c r="X2914" s="76"/>
      <c r="Y2914" s="76"/>
    </row>
    <row r="2915" spans="1:25" s="32" customFormat="1" ht="36.450000000000003" customHeight="1" x14ac:dyDescent="0.15">
      <c r="A2915" s="31"/>
      <c r="D2915" s="33" t="s">
        <v>378</v>
      </c>
      <c r="E2915" s="36" t="s">
        <v>531</v>
      </c>
      <c r="F2915" s="55" t="s">
        <v>525</v>
      </c>
      <c r="G2915" s="55" t="s">
        <v>532</v>
      </c>
      <c r="H2915" s="37" t="s">
        <v>480</v>
      </c>
      <c r="I2915" s="35" t="s">
        <v>381</v>
      </c>
    </row>
    <row r="2916" spans="1:25" ht="21.6" x14ac:dyDescent="0.2">
      <c r="B2916" s="77" t="s">
        <v>37</v>
      </c>
      <c r="C2916" s="38" t="s">
        <v>58</v>
      </c>
      <c r="D2916" s="51">
        <v>609</v>
      </c>
      <c r="E2916" s="52">
        <v>16.7</v>
      </c>
      <c r="F2916" s="52">
        <v>54.2</v>
      </c>
      <c r="G2916" s="52">
        <v>22.7</v>
      </c>
      <c r="H2916" s="53">
        <v>6.4</v>
      </c>
    </row>
    <row r="2917" spans="1:25" ht="21.6" x14ac:dyDescent="0.2">
      <c r="B2917" s="77"/>
      <c r="C2917" s="39" t="s">
        <v>59</v>
      </c>
      <c r="D2917" s="45">
        <v>1391</v>
      </c>
      <c r="E2917" s="46">
        <v>9.3000000000000007</v>
      </c>
      <c r="F2917" s="46">
        <v>57.3</v>
      </c>
      <c r="G2917" s="46">
        <v>25.2</v>
      </c>
      <c r="H2917" s="47">
        <v>8.1</v>
      </c>
    </row>
    <row r="2918" spans="1:25" x14ac:dyDescent="0.2">
      <c r="B2918" s="77"/>
      <c r="C2918" s="39" t="s">
        <v>60</v>
      </c>
      <c r="D2918" s="45">
        <v>1325</v>
      </c>
      <c r="E2918" s="46">
        <v>12.8</v>
      </c>
      <c r="F2918" s="46">
        <v>56.2</v>
      </c>
      <c r="G2918" s="46">
        <v>23.3</v>
      </c>
      <c r="H2918" s="47">
        <v>7.7</v>
      </c>
    </row>
    <row r="2919" spans="1:25" x14ac:dyDescent="0.2">
      <c r="B2919" s="77"/>
      <c r="C2919" s="39" t="s">
        <v>61</v>
      </c>
      <c r="D2919" s="45">
        <v>675</v>
      </c>
      <c r="E2919" s="46">
        <v>9.3000000000000007</v>
      </c>
      <c r="F2919" s="46">
        <v>56.6</v>
      </c>
      <c r="G2919" s="46">
        <v>26.7</v>
      </c>
      <c r="H2919" s="47">
        <v>7.4</v>
      </c>
    </row>
    <row r="2920" spans="1:25" x14ac:dyDescent="0.2">
      <c r="B2920" s="77"/>
      <c r="C2920" s="39" t="s">
        <v>62</v>
      </c>
      <c r="D2920" s="45">
        <v>1086</v>
      </c>
      <c r="E2920" s="46">
        <v>10.9</v>
      </c>
      <c r="F2920" s="46">
        <v>58.6</v>
      </c>
      <c r="G2920" s="46">
        <v>24.6</v>
      </c>
      <c r="H2920" s="47">
        <v>6</v>
      </c>
    </row>
    <row r="2921" spans="1:25" ht="21.6" x14ac:dyDescent="0.2">
      <c r="B2921" s="77"/>
      <c r="C2921" s="39" t="s">
        <v>63</v>
      </c>
      <c r="D2921" s="45">
        <v>203</v>
      </c>
      <c r="E2921" s="46">
        <v>14.3</v>
      </c>
      <c r="F2921" s="46">
        <v>56.7</v>
      </c>
      <c r="G2921" s="46">
        <v>17.7</v>
      </c>
      <c r="H2921" s="47">
        <v>11.3</v>
      </c>
    </row>
    <row r="2922" spans="1:25" x14ac:dyDescent="0.2">
      <c r="B2922" s="77"/>
      <c r="C2922" s="39" t="s">
        <v>64</v>
      </c>
      <c r="D2922" s="45">
        <v>263</v>
      </c>
      <c r="E2922" s="46">
        <v>16</v>
      </c>
      <c r="F2922" s="46">
        <v>58.2</v>
      </c>
      <c r="G2922" s="46">
        <v>20.2</v>
      </c>
      <c r="H2922" s="47">
        <v>5.7</v>
      </c>
    </row>
    <row r="2923" spans="1:25" x14ac:dyDescent="0.2">
      <c r="B2923" s="77"/>
      <c r="C2923" s="39" t="s">
        <v>65</v>
      </c>
      <c r="D2923" s="45">
        <v>312</v>
      </c>
      <c r="E2923" s="46">
        <v>11.2</v>
      </c>
      <c r="F2923" s="46">
        <v>55.1</v>
      </c>
      <c r="G2923" s="46">
        <v>28.2</v>
      </c>
      <c r="H2923" s="47">
        <v>5.4</v>
      </c>
    </row>
    <row r="2924" spans="1:25" x14ac:dyDescent="0.2">
      <c r="B2924" s="77"/>
      <c r="C2924" s="39" t="s">
        <v>66</v>
      </c>
      <c r="D2924" s="45">
        <v>230</v>
      </c>
      <c r="E2924" s="46">
        <v>3.9</v>
      </c>
      <c r="F2924" s="46">
        <v>62.6</v>
      </c>
      <c r="G2924" s="46">
        <v>30.4</v>
      </c>
      <c r="H2924" s="47">
        <v>3</v>
      </c>
    </row>
    <row r="2925" spans="1:25" x14ac:dyDescent="0.2">
      <c r="B2925" s="77"/>
      <c r="C2925" s="39" t="s">
        <v>67</v>
      </c>
      <c r="D2925" s="45">
        <v>78</v>
      </c>
      <c r="E2925" s="46">
        <v>3.8</v>
      </c>
      <c r="F2925" s="46">
        <v>66.7</v>
      </c>
      <c r="G2925" s="46">
        <v>25.6</v>
      </c>
      <c r="H2925" s="47">
        <v>3.8</v>
      </c>
    </row>
    <row r="2926" spans="1:25" x14ac:dyDescent="0.2">
      <c r="B2926" s="77"/>
      <c r="C2926" s="39" t="s">
        <v>68</v>
      </c>
      <c r="D2926" s="45">
        <v>897</v>
      </c>
      <c r="E2926" s="46">
        <v>11.4</v>
      </c>
      <c r="F2926" s="46">
        <v>59.3</v>
      </c>
      <c r="G2926" s="46">
        <v>24.5</v>
      </c>
      <c r="H2926" s="47">
        <v>4.8</v>
      </c>
    </row>
    <row r="2927" spans="1:25" x14ac:dyDescent="0.2">
      <c r="B2927" s="77"/>
      <c r="C2927" s="39" t="s">
        <v>69</v>
      </c>
      <c r="D2927" s="45">
        <v>189</v>
      </c>
      <c r="E2927" s="46">
        <v>8.5</v>
      </c>
      <c r="F2927" s="46">
        <v>55</v>
      </c>
      <c r="G2927" s="46">
        <v>24.9</v>
      </c>
      <c r="H2927" s="47">
        <v>11.6</v>
      </c>
    </row>
    <row r="2928" spans="1:25" x14ac:dyDescent="0.2">
      <c r="B2928" s="77"/>
      <c r="C2928" s="39" t="s">
        <v>70</v>
      </c>
      <c r="D2928" s="45">
        <v>914</v>
      </c>
      <c r="E2928" s="46">
        <v>12.5</v>
      </c>
      <c r="F2928" s="46">
        <v>53.7</v>
      </c>
      <c r="G2928" s="46">
        <v>24.3</v>
      </c>
      <c r="H2928" s="47">
        <v>9.5</v>
      </c>
    </row>
    <row r="2929" spans="1:25" ht="21.6" x14ac:dyDescent="0.2">
      <c r="B2929" s="77"/>
      <c r="C2929" s="39" t="s">
        <v>63</v>
      </c>
      <c r="D2929" s="45">
        <v>193</v>
      </c>
      <c r="E2929" s="46">
        <v>23.8</v>
      </c>
      <c r="F2929" s="46">
        <v>51.8</v>
      </c>
      <c r="G2929" s="46">
        <v>14.5</v>
      </c>
      <c r="H2929" s="47">
        <v>9.8000000000000007</v>
      </c>
    </row>
    <row r="2930" spans="1:25" x14ac:dyDescent="0.2">
      <c r="B2930" s="77"/>
      <c r="C2930" s="39" t="s">
        <v>64</v>
      </c>
      <c r="D2930" s="45">
        <v>203</v>
      </c>
      <c r="E2930" s="46">
        <v>15.3</v>
      </c>
      <c r="F2930" s="46">
        <v>50.2</v>
      </c>
      <c r="G2930" s="46">
        <v>24.1</v>
      </c>
      <c r="H2930" s="47">
        <v>10.3</v>
      </c>
    </row>
    <row r="2931" spans="1:25" x14ac:dyDescent="0.2">
      <c r="B2931" s="77"/>
      <c r="C2931" s="39" t="s">
        <v>65</v>
      </c>
      <c r="D2931" s="45">
        <v>263</v>
      </c>
      <c r="E2931" s="46">
        <v>8.4</v>
      </c>
      <c r="F2931" s="46">
        <v>55.5</v>
      </c>
      <c r="G2931" s="46">
        <v>27.8</v>
      </c>
      <c r="H2931" s="47">
        <v>8.4</v>
      </c>
    </row>
    <row r="2932" spans="1:25" x14ac:dyDescent="0.2">
      <c r="B2932" s="77"/>
      <c r="C2932" s="39" t="s">
        <v>66</v>
      </c>
      <c r="D2932" s="45">
        <v>194</v>
      </c>
      <c r="E2932" s="46">
        <v>6.7</v>
      </c>
      <c r="F2932" s="46">
        <v>57.2</v>
      </c>
      <c r="G2932" s="46">
        <v>25.3</v>
      </c>
      <c r="H2932" s="47">
        <v>10.8</v>
      </c>
    </row>
    <row r="2933" spans="1:25" x14ac:dyDescent="0.2">
      <c r="B2933" s="77"/>
      <c r="C2933" s="39" t="s">
        <v>67</v>
      </c>
      <c r="D2933" s="45">
        <v>61</v>
      </c>
      <c r="E2933" s="46">
        <v>3.3</v>
      </c>
      <c r="F2933" s="46">
        <v>52.5</v>
      </c>
      <c r="G2933" s="46">
        <v>37.700000000000003</v>
      </c>
      <c r="H2933" s="47">
        <v>6.6</v>
      </c>
    </row>
    <row r="2934" spans="1:25" x14ac:dyDescent="0.2">
      <c r="B2934" s="77"/>
      <c r="C2934" s="39" t="s">
        <v>68</v>
      </c>
      <c r="D2934" s="45">
        <v>416</v>
      </c>
      <c r="E2934" s="46">
        <v>13.5</v>
      </c>
      <c r="F2934" s="46">
        <v>56</v>
      </c>
      <c r="G2934" s="46">
        <v>21.6</v>
      </c>
      <c r="H2934" s="47">
        <v>8.9</v>
      </c>
    </row>
    <row r="2935" spans="1:25" x14ac:dyDescent="0.2">
      <c r="B2935" s="77"/>
      <c r="C2935" s="40" t="s">
        <v>69</v>
      </c>
      <c r="D2935" s="48">
        <v>498</v>
      </c>
      <c r="E2935" s="49">
        <v>11.6</v>
      </c>
      <c r="F2935" s="49">
        <v>51.8</v>
      </c>
      <c r="G2935" s="49">
        <v>26.5</v>
      </c>
      <c r="H2935" s="50">
        <v>10</v>
      </c>
    </row>
    <row r="2937" spans="1:25" x14ac:dyDescent="0.2">
      <c r="A2937" s="26" t="s">
        <v>25</v>
      </c>
      <c r="B2937" t="s">
        <v>35</v>
      </c>
      <c r="C2937" t="s">
        <v>35</v>
      </c>
    </row>
    <row r="2938" spans="1:25" x14ac:dyDescent="0.2">
      <c r="B2938" s="75" t="s">
        <v>152</v>
      </c>
      <c r="C2938" s="76"/>
      <c r="D2938" s="76"/>
      <c r="E2938" s="76"/>
      <c r="F2938" s="76"/>
      <c r="G2938" s="76"/>
      <c r="H2938" s="76"/>
      <c r="I2938" s="76"/>
      <c r="J2938" s="76"/>
      <c r="K2938" s="76"/>
      <c r="L2938" s="76"/>
      <c r="M2938" s="76"/>
      <c r="N2938" s="76"/>
      <c r="O2938" s="76"/>
      <c r="P2938" s="76"/>
      <c r="Q2938" s="76"/>
      <c r="R2938" s="76"/>
      <c r="S2938" s="76"/>
      <c r="T2938" s="76"/>
      <c r="U2938" s="76"/>
      <c r="V2938" s="76"/>
      <c r="W2938" s="76"/>
      <c r="X2938" s="76"/>
      <c r="Y2938" s="76"/>
    </row>
    <row r="2939" spans="1:25" s="32" customFormat="1" ht="68.849999999999994" customHeight="1" x14ac:dyDescent="0.15">
      <c r="A2939" s="31"/>
      <c r="D2939" s="33" t="s">
        <v>378</v>
      </c>
      <c r="E2939" s="36" t="s">
        <v>563</v>
      </c>
      <c r="F2939" s="55" t="s">
        <v>564</v>
      </c>
      <c r="G2939" s="55" t="s">
        <v>565</v>
      </c>
      <c r="H2939" s="55" t="s">
        <v>566</v>
      </c>
      <c r="I2939" s="55" t="s">
        <v>480</v>
      </c>
      <c r="J2939" s="56" t="s">
        <v>387</v>
      </c>
      <c r="K2939" s="57" t="s">
        <v>388</v>
      </c>
      <c r="L2939" s="54" t="s">
        <v>381</v>
      </c>
    </row>
    <row r="2940" spans="1:25" x14ac:dyDescent="0.2">
      <c r="B2940" s="5"/>
      <c r="C2940" s="41" t="s">
        <v>38</v>
      </c>
      <c r="D2940" s="42">
        <v>2000</v>
      </c>
      <c r="E2940" s="43">
        <v>9.5</v>
      </c>
      <c r="F2940" s="43">
        <v>34.5</v>
      </c>
      <c r="G2940" s="43">
        <v>23</v>
      </c>
      <c r="H2940" s="43">
        <v>25.6</v>
      </c>
      <c r="I2940" s="43">
        <v>7.5</v>
      </c>
      <c r="J2940" s="43">
        <v>-11.3</v>
      </c>
      <c r="K2940" s="58">
        <v>-50</v>
      </c>
    </row>
    <row r="2941" spans="1:25" x14ac:dyDescent="0.2">
      <c r="B2941" s="77" t="s">
        <v>37</v>
      </c>
      <c r="C2941" s="39" t="s">
        <v>39</v>
      </c>
      <c r="D2941" s="45">
        <v>111</v>
      </c>
      <c r="E2941" s="46">
        <v>9.9</v>
      </c>
      <c r="F2941" s="46">
        <v>35.1</v>
      </c>
      <c r="G2941" s="46">
        <v>22.5</v>
      </c>
      <c r="H2941" s="46">
        <v>26.1</v>
      </c>
      <c r="I2941" s="46">
        <v>6.3</v>
      </c>
      <c r="J2941" s="46">
        <v>-10.6</v>
      </c>
      <c r="K2941" s="59">
        <v>-50</v>
      </c>
    </row>
    <row r="2942" spans="1:25" x14ac:dyDescent="0.2">
      <c r="B2942" s="77"/>
      <c r="C2942" s="39" t="s">
        <v>40</v>
      </c>
      <c r="D2942" s="45">
        <v>450</v>
      </c>
      <c r="E2942" s="46">
        <v>9.3000000000000007</v>
      </c>
      <c r="F2942" s="46">
        <v>29.1</v>
      </c>
      <c r="G2942" s="46">
        <v>25.8</v>
      </c>
      <c r="H2942" s="46">
        <v>30</v>
      </c>
      <c r="I2942" s="46">
        <v>5.8</v>
      </c>
      <c r="J2942" s="46">
        <v>-20.2</v>
      </c>
      <c r="K2942" s="59">
        <v>-50</v>
      </c>
    </row>
    <row r="2943" spans="1:25" ht="21.6" x14ac:dyDescent="0.2">
      <c r="B2943" s="77"/>
      <c r="C2943" s="39" t="s">
        <v>41</v>
      </c>
      <c r="D2943" s="45">
        <v>30</v>
      </c>
      <c r="E2943" s="46">
        <v>13.3</v>
      </c>
      <c r="F2943" s="46">
        <v>36.700000000000003</v>
      </c>
      <c r="G2943" s="46">
        <v>23.3</v>
      </c>
      <c r="H2943" s="46">
        <v>16.7</v>
      </c>
      <c r="I2943" s="46">
        <v>10</v>
      </c>
      <c r="J2943" s="46">
        <v>3.7</v>
      </c>
      <c r="K2943" s="59">
        <v>50</v>
      </c>
    </row>
    <row r="2944" spans="1:25" ht="21.6" x14ac:dyDescent="0.2">
      <c r="B2944" s="77"/>
      <c r="C2944" s="39" t="s">
        <v>42</v>
      </c>
      <c r="D2944" s="45">
        <v>336</v>
      </c>
      <c r="E2944" s="46">
        <v>8.9</v>
      </c>
      <c r="F2944" s="46">
        <v>34.5</v>
      </c>
      <c r="G2944" s="46">
        <v>24.4</v>
      </c>
      <c r="H2944" s="46">
        <v>25.6</v>
      </c>
      <c r="I2944" s="46">
        <v>6.5</v>
      </c>
      <c r="J2944" s="46">
        <v>-12.4</v>
      </c>
      <c r="K2944" s="59">
        <v>-50</v>
      </c>
    </row>
    <row r="2945" spans="2:11" ht="21.6" x14ac:dyDescent="0.2">
      <c r="B2945" s="77"/>
      <c r="C2945" s="39" t="s">
        <v>43</v>
      </c>
      <c r="D2945" s="45">
        <v>327</v>
      </c>
      <c r="E2945" s="46">
        <v>8.9</v>
      </c>
      <c r="F2945" s="46">
        <v>39.1</v>
      </c>
      <c r="G2945" s="46">
        <v>19.600000000000001</v>
      </c>
      <c r="H2945" s="46">
        <v>22.9</v>
      </c>
      <c r="I2945" s="46">
        <v>9.5</v>
      </c>
      <c r="J2945" s="46">
        <v>-4.7</v>
      </c>
      <c r="K2945" s="59">
        <v>50</v>
      </c>
    </row>
    <row r="2946" spans="2:11" ht="21.6" x14ac:dyDescent="0.2">
      <c r="B2946" s="77"/>
      <c r="C2946" s="39" t="s">
        <v>44</v>
      </c>
      <c r="D2946" s="45">
        <v>181</v>
      </c>
      <c r="E2946" s="46">
        <v>8.3000000000000007</v>
      </c>
      <c r="F2946" s="46">
        <v>33.1</v>
      </c>
      <c r="G2946" s="46">
        <v>23.2</v>
      </c>
      <c r="H2946" s="46">
        <v>29.3</v>
      </c>
      <c r="I2946" s="46">
        <v>6.1</v>
      </c>
      <c r="J2946" s="46">
        <v>-17.100000000000001</v>
      </c>
      <c r="K2946" s="59">
        <v>-50</v>
      </c>
    </row>
    <row r="2947" spans="2:11" ht="21.6" x14ac:dyDescent="0.2">
      <c r="B2947" s="77"/>
      <c r="C2947" s="39" t="s">
        <v>45</v>
      </c>
      <c r="D2947" s="45">
        <v>565</v>
      </c>
      <c r="E2947" s="46">
        <v>10.3</v>
      </c>
      <c r="F2947" s="46">
        <v>36.1</v>
      </c>
      <c r="G2947" s="46">
        <v>21.9</v>
      </c>
      <c r="H2947" s="46">
        <v>22.8</v>
      </c>
      <c r="I2947" s="46">
        <v>8.8000000000000007</v>
      </c>
      <c r="J2947" s="46">
        <v>-6</v>
      </c>
      <c r="K2947" s="59">
        <v>50</v>
      </c>
    </row>
    <row r="2948" spans="2:11" ht="21.6" x14ac:dyDescent="0.2">
      <c r="B2948" s="77"/>
      <c r="C2948" s="39" t="s">
        <v>46</v>
      </c>
      <c r="D2948" s="45">
        <v>473</v>
      </c>
      <c r="E2948" s="46">
        <v>7.4</v>
      </c>
      <c r="F2948" s="46">
        <v>29</v>
      </c>
      <c r="G2948" s="46">
        <v>24.5</v>
      </c>
      <c r="H2948" s="46">
        <v>31.5</v>
      </c>
      <c r="I2948" s="46">
        <v>7.6</v>
      </c>
      <c r="J2948" s="46">
        <v>-23.7</v>
      </c>
      <c r="K2948" s="59">
        <v>-50</v>
      </c>
    </row>
    <row r="2949" spans="2:11" ht="21.6" x14ac:dyDescent="0.2">
      <c r="B2949" s="77"/>
      <c r="C2949" s="39" t="s">
        <v>47</v>
      </c>
      <c r="D2949" s="45">
        <v>441</v>
      </c>
      <c r="E2949" s="46">
        <v>11.1</v>
      </c>
      <c r="F2949" s="46">
        <v>38.5</v>
      </c>
      <c r="G2949" s="46">
        <v>20.2</v>
      </c>
      <c r="H2949" s="46">
        <v>23.8</v>
      </c>
      <c r="I2949" s="46">
        <v>6.3</v>
      </c>
      <c r="J2949" s="46">
        <v>-3.8</v>
      </c>
      <c r="K2949" s="59">
        <v>50</v>
      </c>
    </row>
    <row r="2950" spans="2:11" ht="21.6" x14ac:dyDescent="0.2">
      <c r="B2950" s="77"/>
      <c r="C2950" s="39" t="s">
        <v>48</v>
      </c>
      <c r="D2950" s="45">
        <v>305</v>
      </c>
      <c r="E2950" s="46">
        <v>11.8</v>
      </c>
      <c r="F2950" s="46">
        <v>33.4</v>
      </c>
      <c r="G2950" s="46">
        <v>25.2</v>
      </c>
      <c r="H2950" s="46">
        <v>26.2</v>
      </c>
      <c r="I2950" s="46">
        <v>3.3</v>
      </c>
      <c r="J2950" s="46">
        <v>-10.7</v>
      </c>
      <c r="K2950" s="59">
        <v>-50</v>
      </c>
    </row>
    <row r="2951" spans="2:11" ht="21.6" x14ac:dyDescent="0.2">
      <c r="B2951" s="77"/>
      <c r="C2951" s="39" t="s">
        <v>49</v>
      </c>
      <c r="D2951" s="45">
        <v>223</v>
      </c>
      <c r="E2951" s="46">
        <v>10.3</v>
      </c>
      <c r="F2951" s="46">
        <v>40.4</v>
      </c>
      <c r="G2951" s="46">
        <v>22.9</v>
      </c>
      <c r="H2951" s="46">
        <v>24.2</v>
      </c>
      <c r="I2951" s="46">
        <v>2.2000000000000002</v>
      </c>
      <c r="J2951" s="46">
        <v>-5.3</v>
      </c>
      <c r="K2951" s="59">
        <v>50</v>
      </c>
    </row>
    <row r="2952" spans="2:11" ht="21.6" x14ac:dyDescent="0.2">
      <c r="B2952" s="77"/>
      <c r="C2952" s="39" t="s">
        <v>50</v>
      </c>
      <c r="D2952" s="45">
        <v>123</v>
      </c>
      <c r="E2952" s="46">
        <v>13.8</v>
      </c>
      <c r="F2952" s="46">
        <v>42.3</v>
      </c>
      <c r="G2952" s="46">
        <v>22</v>
      </c>
      <c r="H2952" s="46">
        <v>19.5</v>
      </c>
      <c r="I2952" s="46">
        <v>2.4</v>
      </c>
      <c r="J2952" s="46">
        <v>4.5999999999999996</v>
      </c>
      <c r="K2952" s="59">
        <v>50</v>
      </c>
    </row>
    <row r="2953" spans="2:11" ht="21.6" x14ac:dyDescent="0.2">
      <c r="B2953" s="77"/>
      <c r="C2953" s="39" t="s">
        <v>51</v>
      </c>
      <c r="D2953" s="45">
        <v>124</v>
      </c>
      <c r="E2953" s="46">
        <v>11.3</v>
      </c>
      <c r="F2953" s="46">
        <v>45.2</v>
      </c>
      <c r="G2953" s="46">
        <v>20.2</v>
      </c>
      <c r="H2953" s="46">
        <v>17.7</v>
      </c>
      <c r="I2953" s="46">
        <v>5.6</v>
      </c>
      <c r="J2953" s="46">
        <v>6.4</v>
      </c>
      <c r="K2953" s="59">
        <v>50</v>
      </c>
    </row>
    <row r="2954" spans="2:11" ht="21.6" x14ac:dyDescent="0.2">
      <c r="B2954" s="77"/>
      <c r="C2954" s="39" t="s">
        <v>52</v>
      </c>
      <c r="D2954" s="45">
        <v>312</v>
      </c>
      <c r="E2954" s="46">
        <v>9.3000000000000007</v>
      </c>
      <c r="F2954" s="46">
        <v>35.299999999999997</v>
      </c>
      <c r="G2954" s="46">
        <v>21.2</v>
      </c>
      <c r="H2954" s="46">
        <v>24.7</v>
      </c>
      <c r="I2954" s="46">
        <v>9.6</v>
      </c>
      <c r="J2954" s="46">
        <v>-9.1999999999999993</v>
      </c>
      <c r="K2954" s="59">
        <v>-50</v>
      </c>
    </row>
    <row r="2955" spans="2:11" x14ac:dyDescent="0.2">
      <c r="B2955" s="77"/>
      <c r="C2955" s="39" t="s">
        <v>53</v>
      </c>
      <c r="D2955" s="45">
        <v>269</v>
      </c>
      <c r="E2955" s="46">
        <v>9.3000000000000007</v>
      </c>
      <c r="F2955" s="46">
        <v>30.1</v>
      </c>
      <c r="G2955" s="46">
        <v>29</v>
      </c>
      <c r="H2955" s="46">
        <v>26</v>
      </c>
      <c r="I2955" s="46">
        <v>5.6</v>
      </c>
      <c r="J2955" s="46">
        <v>-17.100000000000001</v>
      </c>
      <c r="K2955" s="59">
        <v>-50</v>
      </c>
    </row>
    <row r="2956" spans="2:11" ht="21.6" x14ac:dyDescent="0.2">
      <c r="B2956" s="77"/>
      <c r="C2956" s="39" t="s">
        <v>54</v>
      </c>
      <c r="D2956" s="45">
        <v>511</v>
      </c>
      <c r="E2956" s="46">
        <v>11</v>
      </c>
      <c r="F2956" s="46">
        <v>33.299999999999997</v>
      </c>
      <c r="G2956" s="46">
        <v>21.7</v>
      </c>
      <c r="H2956" s="46">
        <v>29</v>
      </c>
      <c r="I2956" s="46">
        <v>5.0999999999999996</v>
      </c>
      <c r="J2956" s="46">
        <v>-12.9</v>
      </c>
      <c r="K2956" s="59">
        <v>-50</v>
      </c>
    </row>
    <row r="2957" spans="2:11" ht="21.6" x14ac:dyDescent="0.2">
      <c r="B2957" s="77"/>
      <c r="C2957" s="39" t="s">
        <v>55</v>
      </c>
      <c r="D2957" s="45">
        <v>615</v>
      </c>
      <c r="E2957" s="46">
        <v>10.199999999999999</v>
      </c>
      <c r="F2957" s="46">
        <v>38.700000000000003</v>
      </c>
      <c r="G2957" s="46">
        <v>22.1</v>
      </c>
      <c r="H2957" s="46">
        <v>24.4</v>
      </c>
      <c r="I2957" s="46">
        <v>4.5999999999999996</v>
      </c>
      <c r="J2957" s="46">
        <v>-6.1</v>
      </c>
      <c r="K2957" s="59">
        <v>50</v>
      </c>
    </row>
    <row r="2958" spans="2:11" ht="21.6" x14ac:dyDescent="0.2">
      <c r="B2958" s="77"/>
      <c r="C2958" s="39" t="s">
        <v>56</v>
      </c>
      <c r="D2958" s="45">
        <v>800</v>
      </c>
      <c r="E2958" s="46">
        <v>11</v>
      </c>
      <c r="F2958" s="46">
        <v>36.9</v>
      </c>
      <c r="G2958" s="46">
        <v>22.5</v>
      </c>
      <c r="H2958" s="46">
        <v>24</v>
      </c>
      <c r="I2958" s="46">
        <v>5.6</v>
      </c>
      <c r="J2958" s="46">
        <v>-6.2</v>
      </c>
      <c r="K2958" s="59">
        <v>50</v>
      </c>
    </row>
    <row r="2959" spans="2:11" x14ac:dyDescent="0.2">
      <c r="B2959" s="77"/>
      <c r="C2959" s="40" t="s">
        <v>57</v>
      </c>
      <c r="D2959" s="48">
        <v>798</v>
      </c>
      <c r="E2959" s="49">
        <v>8.4</v>
      </c>
      <c r="F2959" s="49">
        <v>35.799999999999997</v>
      </c>
      <c r="G2959" s="49">
        <v>23.2</v>
      </c>
      <c r="H2959" s="49">
        <v>26.7</v>
      </c>
      <c r="I2959" s="49">
        <v>5.9</v>
      </c>
      <c r="J2959" s="49">
        <v>-12.7</v>
      </c>
      <c r="K2959" s="60">
        <v>-50</v>
      </c>
    </row>
    <row r="2960" spans="2:11" x14ac:dyDescent="0.2">
      <c r="B2960" s="7" t="s">
        <v>71</v>
      </c>
      <c r="C2960" s="4" t="s">
        <v>153</v>
      </c>
    </row>
    <row r="2961" spans="1:25" x14ac:dyDescent="0.2">
      <c r="B2961" s="4"/>
      <c r="C2961" s="4" t="s">
        <v>73</v>
      </c>
    </row>
    <row r="2963" spans="1:25" x14ac:dyDescent="0.2">
      <c r="C2963" t="s">
        <v>35</v>
      </c>
    </row>
    <row r="2964" spans="1:25" x14ac:dyDescent="0.2">
      <c r="B2964" s="75" t="s">
        <v>314</v>
      </c>
      <c r="C2964" s="76"/>
      <c r="D2964" s="76"/>
      <c r="E2964" s="76"/>
      <c r="F2964" s="76"/>
      <c r="G2964" s="76"/>
      <c r="H2964" s="76"/>
      <c r="I2964" s="76"/>
      <c r="J2964" s="76"/>
      <c r="K2964" s="76"/>
      <c r="L2964" s="76"/>
      <c r="M2964" s="76"/>
      <c r="N2964" s="76"/>
      <c r="O2964" s="76"/>
      <c r="P2964" s="76"/>
      <c r="Q2964" s="76"/>
      <c r="R2964" s="76"/>
      <c r="S2964" s="76"/>
      <c r="T2964" s="76"/>
      <c r="U2964" s="76"/>
      <c r="V2964" s="76"/>
      <c r="W2964" s="76"/>
      <c r="X2964" s="76"/>
      <c r="Y2964" s="76"/>
    </row>
    <row r="2965" spans="1:25" s="32" customFormat="1" ht="68.849999999999994" customHeight="1" x14ac:dyDescent="0.15">
      <c r="A2965" s="31"/>
      <c r="D2965" s="33" t="s">
        <v>378</v>
      </c>
      <c r="E2965" s="36" t="s">
        <v>563</v>
      </c>
      <c r="F2965" s="55" t="s">
        <v>564</v>
      </c>
      <c r="G2965" s="55" t="s">
        <v>565</v>
      </c>
      <c r="H2965" s="55" t="s">
        <v>566</v>
      </c>
      <c r="I2965" s="55" t="s">
        <v>480</v>
      </c>
      <c r="J2965" s="56" t="s">
        <v>387</v>
      </c>
      <c r="K2965" s="57" t="s">
        <v>388</v>
      </c>
      <c r="L2965" s="54" t="s">
        <v>381</v>
      </c>
    </row>
    <row r="2966" spans="1:25" ht="21.6" x14ac:dyDescent="0.2">
      <c r="B2966" s="77" t="s">
        <v>37</v>
      </c>
      <c r="C2966" s="38" t="s">
        <v>58</v>
      </c>
      <c r="D2966" s="51">
        <v>609</v>
      </c>
      <c r="E2966" s="52">
        <v>11.5</v>
      </c>
      <c r="F2966" s="52">
        <v>36.1</v>
      </c>
      <c r="G2966" s="52">
        <v>22</v>
      </c>
      <c r="H2966" s="52">
        <v>24.1</v>
      </c>
      <c r="I2966" s="52">
        <v>6.2</v>
      </c>
      <c r="J2966" s="52">
        <v>-6</v>
      </c>
      <c r="K2966" s="61">
        <v>50</v>
      </c>
    </row>
    <row r="2967" spans="1:25" ht="21.6" x14ac:dyDescent="0.2">
      <c r="B2967" s="77"/>
      <c r="C2967" s="39" t="s">
        <v>59</v>
      </c>
      <c r="D2967" s="45">
        <v>1391</v>
      </c>
      <c r="E2967" s="46">
        <v>8.6</v>
      </c>
      <c r="F2967" s="46">
        <v>33.700000000000003</v>
      </c>
      <c r="G2967" s="46">
        <v>23.4</v>
      </c>
      <c r="H2967" s="46">
        <v>26.2</v>
      </c>
      <c r="I2967" s="46">
        <v>8.1</v>
      </c>
      <c r="J2967" s="46">
        <v>-13.6</v>
      </c>
      <c r="K2967" s="59">
        <v>-50</v>
      </c>
    </row>
    <row r="2968" spans="1:25" x14ac:dyDescent="0.2">
      <c r="B2968" s="77"/>
      <c r="C2968" s="39" t="s">
        <v>60</v>
      </c>
      <c r="D2968" s="45">
        <v>1325</v>
      </c>
      <c r="E2968" s="46">
        <v>9.8000000000000007</v>
      </c>
      <c r="F2968" s="46">
        <v>34.6</v>
      </c>
      <c r="G2968" s="46">
        <v>23.6</v>
      </c>
      <c r="H2968" s="46">
        <v>24.9</v>
      </c>
      <c r="I2968" s="46">
        <v>7</v>
      </c>
      <c r="J2968" s="46">
        <v>-10.3</v>
      </c>
      <c r="K2968" s="59">
        <v>-50</v>
      </c>
    </row>
    <row r="2969" spans="1:25" x14ac:dyDescent="0.2">
      <c r="B2969" s="77"/>
      <c r="C2969" s="39" t="s">
        <v>61</v>
      </c>
      <c r="D2969" s="45">
        <v>675</v>
      </c>
      <c r="E2969" s="46">
        <v>8.6999999999999993</v>
      </c>
      <c r="F2969" s="46">
        <v>34.1</v>
      </c>
      <c r="G2969" s="46">
        <v>21.8</v>
      </c>
      <c r="H2969" s="46">
        <v>27</v>
      </c>
      <c r="I2969" s="46">
        <v>8.4</v>
      </c>
      <c r="J2969" s="46">
        <v>-13.2</v>
      </c>
      <c r="K2969" s="59">
        <v>-50</v>
      </c>
    </row>
    <row r="2970" spans="1:25" x14ac:dyDescent="0.2">
      <c r="B2970" s="77"/>
      <c r="C2970" s="39" t="s">
        <v>62</v>
      </c>
      <c r="D2970" s="45">
        <v>1086</v>
      </c>
      <c r="E2970" s="46">
        <v>9.6999999999999993</v>
      </c>
      <c r="F2970" s="46">
        <v>30.8</v>
      </c>
      <c r="G2970" s="46">
        <v>24.9</v>
      </c>
      <c r="H2970" s="46">
        <v>26.8</v>
      </c>
      <c r="I2970" s="46">
        <v>7.8</v>
      </c>
      <c r="J2970" s="46">
        <v>-15.3</v>
      </c>
      <c r="K2970" s="59">
        <v>-50</v>
      </c>
    </row>
    <row r="2971" spans="1:25" ht="21.6" x14ac:dyDescent="0.2">
      <c r="B2971" s="77"/>
      <c r="C2971" s="39" t="s">
        <v>63</v>
      </c>
      <c r="D2971" s="45">
        <v>203</v>
      </c>
      <c r="E2971" s="46">
        <v>10.3</v>
      </c>
      <c r="F2971" s="46">
        <v>29.6</v>
      </c>
      <c r="G2971" s="46">
        <v>22.7</v>
      </c>
      <c r="H2971" s="46">
        <v>25.1</v>
      </c>
      <c r="I2971" s="46">
        <v>12.3</v>
      </c>
      <c r="J2971" s="46">
        <v>-12.9</v>
      </c>
      <c r="K2971" s="59">
        <v>-50</v>
      </c>
    </row>
    <row r="2972" spans="1:25" x14ac:dyDescent="0.2">
      <c r="B2972" s="77"/>
      <c r="C2972" s="39" t="s">
        <v>64</v>
      </c>
      <c r="D2972" s="45">
        <v>263</v>
      </c>
      <c r="E2972" s="46">
        <v>11.8</v>
      </c>
      <c r="F2972" s="46">
        <v>31.6</v>
      </c>
      <c r="G2972" s="46">
        <v>23.6</v>
      </c>
      <c r="H2972" s="46">
        <v>28.1</v>
      </c>
      <c r="I2972" s="46">
        <v>4.9000000000000004</v>
      </c>
      <c r="J2972" s="46">
        <v>-13</v>
      </c>
      <c r="K2972" s="59">
        <v>-50</v>
      </c>
    </row>
    <row r="2973" spans="1:25" x14ac:dyDescent="0.2">
      <c r="B2973" s="77"/>
      <c r="C2973" s="39" t="s">
        <v>65</v>
      </c>
      <c r="D2973" s="45">
        <v>312</v>
      </c>
      <c r="E2973" s="46">
        <v>9.3000000000000007</v>
      </c>
      <c r="F2973" s="46">
        <v>29.5</v>
      </c>
      <c r="G2973" s="46">
        <v>24.4</v>
      </c>
      <c r="H2973" s="46">
        <v>27.6</v>
      </c>
      <c r="I2973" s="46">
        <v>9.3000000000000007</v>
      </c>
      <c r="J2973" s="46">
        <v>-17.3</v>
      </c>
      <c r="K2973" s="59">
        <v>-50</v>
      </c>
    </row>
    <row r="2974" spans="1:25" x14ac:dyDescent="0.2">
      <c r="B2974" s="77"/>
      <c r="C2974" s="39" t="s">
        <v>66</v>
      </c>
      <c r="D2974" s="45">
        <v>230</v>
      </c>
      <c r="E2974" s="46">
        <v>7.4</v>
      </c>
      <c r="F2974" s="46">
        <v>29.6</v>
      </c>
      <c r="G2974" s="46">
        <v>29.6</v>
      </c>
      <c r="H2974" s="46">
        <v>27</v>
      </c>
      <c r="I2974" s="46">
        <v>6.5</v>
      </c>
      <c r="J2974" s="46">
        <v>-20.9</v>
      </c>
      <c r="K2974" s="59">
        <v>-50</v>
      </c>
    </row>
    <row r="2975" spans="1:25" x14ac:dyDescent="0.2">
      <c r="B2975" s="77"/>
      <c r="C2975" s="39" t="s">
        <v>67</v>
      </c>
      <c r="D2975" s="45">
        <v>78</v>
      </c>
      <c r="E2975" s="46">
        <v>9</v>
      </c>
      <c r="F2975" s="46">
        <v>41</v>
      </c>
      <c r="G2975" s="46">
        <v>23.1</v>
      </c>
      <c r="H2975" s="46">
        <v>23.1</v>
      </c>
      <c r="I2975" s="46">
        <v>3.8</v>
      </c>
      <c r="J2975" s="46">
        <v>-5.3</v>
      </c>
      <c r="K2975" s="59">
        <v>50</v>
      </c>
    </row>
    <row r="2976" spans="1:25" x14ac:dyDescent="0.2">
      <c r="B2976" s="77"/>
      <c r="C2976" s="39" t="s">
        <v>68</v>
      </c>
      <c r="D2976" s="45">
        <v>897</v>
      </c>
      <c r="E2976" s="46">
        <v>10</v>
      </c>
      <c r="F2976" s="46">
        <v>31.5</v>
      </c>
      <c r="G2976" s="46">
        <v>25.4</v>
      </c>
      <c r="H2976" s="46">
        <v>26</v>
      </c>
      <c r="I2976" s="46">
        <v>7</v>
      </c>
      <c r="J2976" s="46">
        <v>-13.8</v>
      </c>
      <c r="K2976" s="59">
        <v>-50</v>
      </c>
    </row>
    <row r="2977" spans="1:25" x14ac:dyDescent="0.2">
      <c r="B2977" s="77"/>
      <c r="C2977" s="39" t="s">
        <v>69</v>
      </c>
      <c r="D2977" s="45">
        <v>189</v>
      </c>
      <c r="E2977" s="46">
        <v>7.9</v>
      </c>
      <c r="F2977" s="46">
        <v>27.5</v>
      </c>
      <c r="G2977" s="46">
        <v>22.2</v>
      </c>
      <c r="H2977" s="46">
        <v>30.7</v>
      </c>
      <c r="I2977" s="46">
        <v>11.6</v>
      </c>
      <c r="J2977" s="46">
        <v>-22.8</v>
      </c>
      <c r="K2977" s="59">
        <v>-50</v>
      </c>
    </row>
    <row r="2978" spans="1:25" x14ac:dyDescent="0.2">
      <c r="B2978" s="77"/>
      <c r="C2978" s="39" t="s">
        <v>70</v>
      </c>
      <c r="D2978" s="45">
        <v>914</v>
      </c>
      <c r="E2978" s="46">
        <v>9.1999999999999993</v>
      </c>
      <c r="F2978" s="46">
        <v>38.700000000000003</v>
      </c>
      <c r="G2978" s="46">
        <v>20.8</v>
      </c>
      <c r="H2978" s="46">
        <v>24.2</v>
      </c>
      <c r="I2978" s="46">
        <v>7.1</v>
      </c>
      <c r="J2978" s="46">
        <v>-6.5</v>
      </c>
      <c r="K2978" s="59">
        <v>50</v>
      </c>
    </row>
    <row r="2979" spans="1:25" ht="21.6" x14ac:dyDescent="0.2">
      <c r="B2979" s="77"/>
      <c r="C2979" s="39" t="s">
        <v>63</v>
      </c>
      <c r="D2979" s="45">
        <v>193</v>
      </c>
      <c r="E2979" s="46">
        <v>11.4</v>
      </c>
      <c r="F2979" s="46">
        <v>37.799999999999997</v>
      </c>
      <c r="G2979" s="46">
        <v>23.3</v>
      </c>
      <c r="H2979" s="46">
        <v>17.100000000000001</v>
      </c>
      <c r="I2979" s="46">
        <v>10.4</v>
      </c>
      <c r="J2979" s="46">
        <v>1.7</v>
      </c>
      <c r="K2979" s="59">
        <v>50</v>
      </c>
    </row>
    <row r="2980" spans="1:25" x14ac:dyDescent="0.2">
      <c r="B2980" s="77"/>
      <c r="C2980" s="39" t="s">
        <v>64</v>
      </c>
      <c r="D2980" s="45">
        <v>203</v>
      </c>
      <c r="E2980" s="46">
        <v>12.3</v>
      </c>
      <c r="F2980" s="46">
        <v>34</v>
      </c>
      <c r="G2980" s="46">
        <v>19.2</v>
      </c>
      <c r="H2980" s="46">
        <v>29.1</v>
      </c>
      <c r="I2980" s="46">
        <v>5.4</v>
      </c>
      <c r="J2980" s="46">
        <v>-9.9</v>
      </c>
      <c r="K2980" s="59">
        <v>-50</v>
      </c>
    </row>
    <row r="2981" spans="1:25" x14ac:dyDescent="0.2">
      <c r="B2981" s="77"/>
      <c r="C2981" s="39" t="s">
        <v>65</v>
      </c>
      <c r="D2981" s="45">
        <v>263</v>
      </c>
      <c r="E2981" s="46">
        <v>7.6</v>
      </c>
      <c r="F2981" s="46">
        <v>35.4</v>
      </c>
      <c r="G2981" s="46">
        <v>21.7</v>
      </c>
      <c r="H2981" s="46">
        <v>28.9</v>
      </c>
      <c r="I2981" s="46">
        <v>6.5</v>
      </c>
      <c r="J2981" s="46">
        <v>-15.4</v>
      </c>
      <c r="K2981" s="59">
        <v>-50</v>
      </c>
    </row>
    <row r="2982" spans="1:25" x14ac:dyDescent="0.2">
      <c r="B2982" s="77"/>
      <c r="C2982" s="39" t="s">
        <v>66</v>
      </c>
      <c r="D2982" s="45">
        <v>194</v>
      </c>
      <c r="E2982" s="46">
        <v>6.2</v>
      </c>
      <c r="F2982" s="46">
        <v>45.4</v>
      </c>
      <c r="G2982" s="46">
        <v>19.100000000000001</v>
      </c>
      <c r="H2982" s="46">
        <v>22.2</v>
      </c>
      <c r="I2982" s="46">
        <v>7.2</v>
      </c>
      <c r="J2982" s="46">
        <v>-3.1</v>
      </c>
      <c r="K2982" s="59">
        <v>50</v>
      </c>
    </row>
    <row r="2983" spans="1:25" x14ac:dyDescent="0.2">
      <c r="B2983" s="77"/>
      <c r="C2983" s="39" t="s">
        <v>67</v>
      </c>
      <c r="D2983" s="45">
        <v>61</v>
      </c>
      <c r="E2983" s="46">
        <v>8.1999999999999993</v>
      </c>
      <c r="F2983" s="46">
        <v>50.8</v>
      </c>
      <c r="G2983" s="46">
        <v>19.7</v>
      </c>
      <c r="H2983" s="46">
        <v>16.399999999999999</v>
      </c>
      <c r="I2983" s="46">
        <v>4.9000000000000004</v>
      </c>
      <c r="J2983" s="46">
        <v>7.8</v>
      </c>
      <c r="K2983" s="59">
        <v>50</v>
      </c>
    </row>
    <row r="2984" spans="1:25" x14ac:dyDescent="0.2">
      <c r="B2984" s="77"/>
      <c r="C2984" s="39" t="s">
        <v>68</v>
      </c>
      <c r="D2984" s="45">
        <v>416</v>
      </c>
      <c r="E2984" s="46">
        <v>8.6999999999999993</v>
      </c>
      <c r="F2984" s="46">
        <v>41.6</v>
      </c>
      <c r="G2984" s="46">
        <v>18.8</v>
      </c>
      <c r="H2984" s="46">
        <v>24.5</v>
      </c>
      <c r="I2984" s="46">
        <v>6.5</v>
      </c>
      <c r="J2984" s="46">
        <v>-4.8</v>
      </c>
      <c r="K2984" s="59">
        <v>50</v>
      </c>
    </row>
    <row r="2985" spans="1:25" x14ac:dyDescent="0.2">
      <c r="B2985" s="77"/>
      <c r="C2985" s="40" t="s">
        <v>69</v>
      </c>
      <c r="D2985" s="48">
        <v>498</v>
      </c>
      <c r="E2985" s="49">
        <v>9.6</v>
      </c>
      <c r="F2985" s="49">
        <v>36.299999999999997</v>
      </c>
      <c r="G2985" s="49">
        <v>22.5</v>
      </c>
      <c r="H2985" s="49">
        <v>23.9</v>
      </c>
      <c r="I2985" s="49">
        <v>7.6</v>
      </c>
      <c r="J2985" s="49">
        <v>-7.9</v>
      </c>
      <c r="K2985" s="60">
        <v>-50</v>
      </c>
    </row>
    <row r="2986" spans="1:25" x14ac:dyDescent="0.2">
      <c r="B2986" s="7" t="s">
        <v>71</v>
      </c>
      <c r="C2986" s="4" t="s">
        <v>153</v>
      </c>
    </row>
    <row r="2987" spans="1:25" x14ac:dyDescent="0.2">
      <c r="B2987" s="4"/>
      <c r="C2987" s="4" t="s">
        <v>73</v>
      </c>
    </row>
    <row r="2989" spans="1:25" x14ac:dyDescent="0.2">
      <c r="A2989" s="26" t="s">
        <v>25</v>
      </c>
      <c r="B2989" t="s">
        <v>35</v>
      </c>
      <c r="C2989" t="s">
        <v>35</v>
      </c>
    </row>
    <row r="2990" spans="1:25" x14ac:dyDescent="0.2">
      <c r="B2990" s="75" t="s">
        <v>154</v>
      </c>
      <c r="C2990" s="76"/>
      <c r="D2990" s="76"/>
      <c r="E2990" s="76"/>
      <c r="F2990" s="76"/>
      <c r="G2990" s="76"/>
      <c r="H2990" s="76"/>
      <c r="I2990" s="76"/>
      <c r="J2990" s="76"/>
      <c r="K2990" s="76"/>
      <c r="L2990" s="76"/>
      <c r="M2990" s="76"/>
      <c r="N2990" s="76"/>
      <c r="O2990" s="76"/>
      <c r="P2990" s="76"/>
      <c r="Q2990" s="76"/>
      <c r="R2990" s="76"/>
      <c r="S2990" s="76"/>
      <c r="T2990" s="76"/>
      <c r="U2990" s="76"/>
      <c r="V2990" s="76"/>
      <c r="W2990" s="76"/>
      <c r="X2990" s="76"/>
      <c r="Y2990" s="76"/>
    </row>
    <row r="2991" spans="1:25" s="32" customFormat="1" ht="68.849999999999994" customHeight="1" x14ac:dyDescent="0.15">
      <c r="A2991" s="31"/>
      <c r="D2991" s="33" t="s">
        <v>378</v>
      </c>
      <c r="E2991" s="36" t="s">
        <v>563</v>
      </c>
      <c r="F2991" s="55" t="s">
        <v>564</v>
      </c>
      <c r="G2991" s="55" t="s">
        <v>565</v>
      </c>
      <c r="H2991" s="55" t="s">
        <v>566</v>
      </c>
      <c r="I2991" s="55" t="s">
        <v>480</v>
      </c>
      <c r="J2991" s="56" t="s">
        <v>387</v>
      </c>
      <c r="K2991" s="57" t="s">
        <v>388</v>
      </c>
      <c r="L2991" s="54" t="s">
        <v>381</v>
      </c>
    </row>
    <row r="2992" spans="1:25" x14ac:dyDescent="0.2">
      <c r="B2992" s="5"/>
      <c r="C2992" s="41" t="s">
        <v>38</v>
      </c>
      <c r="D2992" s="42">
        <v>2000</v>
      </c>
      <c r="E2992" s="43">
        <v>7.4</v>
      </c>
      <c r="F2992" s="43">
        <v>32.9</v>
      </c>
      <c r="G2992" s="43">
        <v>27.6</v>
      </c>
      <c r="H2992" s="43">
        <v>21.8</v>
      </c>
      <c r="I2992" s="43">
        <v>10.5</v>
      </c>
      <c r="J2992" s="43">
        <v>-13.1</v>
      </c>
      <c r="K2992" s="58">
        <v>-50</v>
      </c>
    </row>
    <row r="2993" spans="2:11" x14ac:dyDescent="0.2">
      <c r="B2993" s="77" t="s">
        <v>37</v>
      </c>
      <c r="C2993" s="39" t="s">
        <v>39</v>
      </c>
      <c r="D2993" s="45">
        <v>111</v>
      </c>
      <c r="E2993" s="46">
        <v>9.9</v>
      </c>
      <c r="F2993" s="46">
        <v>30.6</v>
      </c>
      <c r="G2993" s="46">
        <v>29.7</v>
      </c>
      <c r="H2993" s="46">
        <v>19.8</v>
      </c>
      <c r="I2993" s="46">
        <v>9.9</v>
      </c>
      <c r="J2993" s="46">
        <v>-10.5</v>
      </c>
      <c r="K2993" s="59">
        <v>-50</v>
      </c>
    </row>
    <row r="2994" spans="2:11" x14ac:dyDescent="0.2">
      <c r="B2994" s="77"/>
      <c r="C2994" s="39" t="s">
        <v>40</v>
      </c>
      <c r="D2994" s="45">
        <v>450</v>
      </c>
      <c r="E2994" s="46">
        <v>7.6</v>
      </c>
      <c r="F2994" s="46">
        <v>28.2</v>
      </c>
      <c r="G2994" s="46">
        <v>31.6</v>
      </c>
      <c r="H2994" s="46">
        <v>25.3</v>
      </c>
      <c r="I2994" s="46">
        <v>7.3</v>
      </c>
      <c r="J2994" s="46">
        <v>-21</v>
      </c>
      <c r="K2994" s="59">
        <v>-50</v>
      </c>
    </row>
    <row r="2995" spans="2:11" ht="21.6" x14ac:dyDescent="0.2">
      <c r="B2995" s="77"/>
      <c r="C2995" s="39" t="s">
        <v>41</v>
      </c>
      <c r="D2995" s="45">
        <v>30</v>
      </c>
      <c r="E2995" s="46">
        <v>10</v>
      </c>
      <c r="F2995" s="46">
        <v>36.700000000000003</v>
      </c>
      <c r="G2995" s="46">
        <v>20</v>
      </c>
      <c r="H2995" s="46">
        <v>13.3</v>
      </c>
      <c r="I2995" s="46">
        <v>20</v>
      </c>
      <c r="J2995" s="46">
        <v>6.3</v>
      </c>
      <c r="K2995" s="59">
        <v>50</v>
      </c>
    </row>
    <row r="2996" spans="2:11" ht="21.6" x14ac:dyDescent="0.2">
      <c r="B2996" s="77"/>
      <c r="C2996" s="39" t="s">
        <v>42</v>
      </c>
      <c r="D2996" s="45">
        <v>336</v>
      </c>
      <c r="E2996" s="46">
        <v>7.1</v>
      </c>
      <c r="F2996" s="46">
        <v>37.799999999999997</v>
      </c>
      <c r="G2996" s="46">
        <v>25.6</v>
      </c>
      <c r="H2996" s="46">
        <v>20.5</v>
      </c>
      <c r="I2996" s="46">
        <v>8.9</v>
      </c>
      <c r="J2996" s="46">
        <v>-8</v>
      </c>
      <c r="K2996" s="59">
        <v>-50</v>
      </c>
    </row>
    <row r="2997" spans="2:11" ht="21.6" x14ac:dyDescent="0.2">
      <c r="B2997" s="77"/>
      <c r="C2997" s="39" t="s">
        <v>43</v>
      </c>
      <c r="D2997" s="45">
        <v>327</v>
      </c>
      <c r="E2997" s="46">
        <v>7</v>
      </c>
      <c r="F2997" s="46">
        <v>31.8</v>
      </c>
      <c r="G2997" s="46">
        <v>28.1</v>
      </c>
      <c r="H2997" s="46">
        <v>21.1</v>
      </c>
      <c r="I2997" s="46">
        <v>11.9</v>
      </c>
      <c r="J2997" s="46">
        <v>-13.9</v>
      </c>
      <c r="K2997" s="59">
        <v>-50</v>
      </c>
    </row>
    <row r="2998" spans="2:11" ht="21.6" x14ac:dyDescent="0.2">
      <c r="B2998" s="77"/>
      <c r="C2998" s="39" t="s">
        <v>44</v>
      </c>
      <c r="D2998" s="45">
        <v>181</v>
      </c>
      <c r="E2998" s="46">
        <v>4.4000000000000004</v>
      </c>
      <c r="F2998" s="46">
        <v>30.4</v>
      </c>
      <c r="G2998" s="46">
        <v>29.8</v>
      </c>
      <c r="H2998" s="46">
        <v>24.9</v>
      </c>
      <c r="I2998" s="46">
        <v>10.5</v>
      </c>
      <c r="J2998" s="46">
        <v>-22.5</v>
      </c>
      <c r="K2998" s="59">
        <v>-50</v>
      </c>
    </row>
    <row r="2999" spans="2:11" ht="21.6" x14ac:dyDescent="0.2">
      <c r="B2999" s="77"/>
      <c r="C2999" s="39" t="s">
        <v>45</v>
      </c>
      <c r="D2999" s="45">
        <v>565</v>
      </c>
      <c r="E2999" s="46">
        <v>7.8</v>
      </c>
      <c r="F2999" s="46">
        <v>35.4</v>
      </c>
      <c r="G2999" s="46">
        <v>24.4</v>
      </c>
      <c r="H2999" s="46">
        <v>19.8</v>
      </c>
      <c r="I2999" s="46">
        <v>12.6</v>
      </c>
      <c r="J2999" s="46">
        <v>-7.5</v>
      </c>
      <c r="K2999" s="59">
        <v>-50</v>
      </c>
    </row>
    <row r="3000" spans="2:11" ht="21.6" x14ac:dyDescent="0.2">
      <c r="B3000" s="77"/>
      <c r="C3000" s="39" t="s">
        <v>46</v>
      </c>
      <c r="D3000" s="45">
        <v>473</v>
      </c>
      <c r="E3000" s="46">
        <v>5.0999999999999996</v>
      </c>
      <c r="F3000" s="46">
        <v>27.9</v>
      </c>
      <c r="G3000" s="46">
        <v>26</v>
      </c>
      <c r="H3000" s="46">
        <v>29.4</v>
      </c>
      <c r="I3000" s="46">
        <v>11.6</v>
      </c>
      <c r="J3000" s="46">
        <v>-26.4</v>
      </c>
      <c r="K3000" s="59">
        <v>-50</v>
      </c>
    </row>
    <row r="3001" spans="2:11" ht="21.6" x14ac:dyDescent="0.2">
      <c r="B3001" s="77"/>
      <c r="C3001" s="39" t="s">
        <v>47</v>
      </c>
      <c r="D3001" s="45">
        <v>441</v>
      </c>
      <c r="E3001" s="46">
        <v>8.1999999999999993</v>
      </c>
      <c r="F3001" s="46">
        <v>33.299999999999997</v>
      </c>
      <c r="G3001" s="46">
        <v>29.7</v>
      </c>
      <c r="H3001" s="46">
        <v>19</v>
      </c>
      <c r="I3001" s="46">
        <v>9.8000000000000007</v>
      </c>
      <c r="J3001" s="46">
        <v>-10.1</v>
      </c>
      <c r="K3001" s="59">
        <v>-50</v>
      </c>
    </row>
    <row r="3002" spans="2:11" ht="21.6" x14ac:dyDescent="0.2">
      <c r="B3002" s="77"/>
      <c r="C3002" s="39" t="s">
        <v>48</v>
      </c>
      <c r="D3002" s="45">
        <v>305</v>
      </c>
      <c r="E3002" s="46">
        <v>9.1999999999999993</v>
      </c>
      <c r="F3002" s="46">
        <v>36.700000000000003</v>
      </c>
      <c r="G3002" s="46">
        <v>27.9</v>
      </c>
      <c r="H3002" s="46">
        <v>19</v>
      </c>
      <c r="I3002" s="46">
        <v>7.2</v>
      </c>
      <c r="J3002" s="46">
        <v>-5.8</v>
      </c>
      <c r="K3002" s="59">
        <v>-50</v>
      </c>
    </row>
    <row r="3003" spans="2:11" ht="21.6" x14ac:dyDescent="0.2">
      <c r="B3003" s="77"/>
      <c r="C3003" s="39" t="s">
        <v>49</v>
      </c>
      <c r="D3003" s="45">
        <v>223</v>
      </c>
      <c r="E3003" s="46">
        <v>9.4</v>
      </c>
      <c r="F3003" s="46">
        <v>40.4</v>
      </c>
      <c r="G3003" s="46">
        <v>26.9</v>
      </c>
      <c r="H3003" s="46">
        <v>19.3</v>
      </c>
      <c r="I3003" s="46">
        <v>4</v>
      </c>
      <c r="J3003" s="46">
        <v>-3.3</v>
      </c>
      <c r="K3003" s="59">
        <v>50</v>
      </c>
    </row>
    <row r="3004" spans="2:11" ht="21.6" x14ac:dyDescent="0.2">
      <c r="B3004" s="77"/>
      <c r="C3004" s="39" t="s">
        <v>50</v>
      </c>
      <c r="D3004" s="45">
        <v>123</v>
      </c>
      <c r="E3004" s="46">
        <v>8.9</v>
      </c>
      <c r="F3004" s="46">
        <v>42.3</v>
      </c>
      <c r="G3004" s="46">
        <v>28.5</v>
      </c>
      <c r="H3004" s="46">
        <v>17.899999999999999</v>
      </c>
      <c r="I3004" s="46">
        <v>2.4</v>
      </c>
      <c r="J3004" s="46">
        <v>-2.1</v>
      </c>
      <c r="K3004" s="59">
        <v>50</v>
      </c>
    </row>
    <row r="3005" spans="2:11" ht="21.6" x14ac:dyDescent="0.2">
      <c r="B3005" s="77"/>
      <c r="C3005" s="39" t="s">
        <v>51</v>
      </c>
      <c r="D3005" s="45">
        <v>124</v>
      </c>
      <c r="E3005" s="46">
        <v>11.3</v>
      </c>
      <c r="F3005" s="46">
        <v>44.4</v>
      </c>
      <c r="G3005" s="46">
        <v>25.8</v>
      </c>
      <c r="H3005" s="46">
        <v>11.3</v>
      </c>
      <c r="I3005" s="46">
        <v>7.3</v>
      </c>
      <c r="J3005" s="46">
        <v>10</v>
      </c>
      <c r="K3005" s="59">
        <v>50</v>
      </c>
    </row>
    <row r="3006" spans="2:11" ht="21.6" x14ac:dyDescent="0.2">
      <c r="B3006" s="77"/>
      <c r="C3006" s="39" t="s">
        <v>52</v>
      </c>
      <c r="D3006" s="45">
        <v>312</v>
      </c>
      <c r="E3006" s="46">
        <v>5.8</v>
      </c>
      <c r="F3006" s="46">
        <v>36.9</v>
      </c>
      <c r="G3006" s="46">
        <v>25</v>
      </c>
      <c r="H3006" s="46">
        <v>19.899999999999999</v>
      </c>
      <c r="I3006" s="46">
        <v>12.5</v>
      </c>
      <c r="J3006" s="46">
        <v>-9.3000000000000007</v>
      </c>
      <c r="K3006" s="59">
        <v>-50</v>
      </c>
    </row>
    <row r="3007" spans="2:11" x14ac:dyDescent="0.2">
      <c r="B3007" s="77"/>
      <c r="C3007" s="39" t="s">
        <v>53</v>
      </c>
      <c r="D3007" s="45">
        <v>269</v>
      </c>
      <c r="E3007" s="46">
        <v>8.1999999999999993</v>
      </c>
      <c r="F3007" s="46">
        <v>26.8</v>
      </c>
      <c r="G3007" s="46">
        <v>32.299999999999997</v>
      </c>
      <c r="H3007" s="46">
        <v>24.2</v>
      </c>
      <c r="I3007" s="46">
        <v>8.6</v>
      </c>
      <c r="J3007" s="46">
        <v>-20.5</v>
      </c>
      <c r="K3007" s="59">
        <v>-50</v>
      </c>
    </row>
    <row r="3008" spans="2:11" ht="21.6" x14ac:dyDescent="0.2">
      <c r="B3008" s="77"/>
      <c r="C3008" s="39" t="s">
        <v>54</v>
      </c>
      <c r="D3008" s="45">
        <v>511</v>
      </c>
      <c r="E3008" s="46">
        <v>7.8</v>
      </c>
      <c r="F3008" s="46">
        <v>35</v>
      </c>
      <c r="G3008" s="46">
        <v>26.6</v>
      </c>
      <c r="H3008" s="46">
        <v>22.3</v>
      </c>
      <c r="I3008" s="46">
        <v>8.1999999999999993</v>
      </c>
      <c r="J3008" s="46">
        <v>-11.2</v>
      </c>
      <c r="K3008" s="59">
        <v>-50</v>
      </c>
    </row>
    <row r="3009" spans="1:25" ht="21.6" x14ac:dyDescent="0.2">
      <c r="B3009" s="77"/>
      <c r="C3009" s="39" t="s">
        <v>55</v>
      </c>
      <c r="D3009" s="45">
        <v>615</v>
      </c>
      <c r="E3009" s="46">
        <v>9.3000000000000007</v>
      </c>
      <c r="F3009" s="46">
        <v>36.1</v>
      </c>
      <c r="G3009" s="46">
        <v>28.6</v>
      </c>
      <c r="H3009" s="46">
        <v>19.7</v>
      </c>
      <c r="I3009" s="46">
        <v>6.3</v>
      </c>
      <c r="J3009" s="46">
        <v>-7.1</v>
      </c>
      <c r="K3009" s="59">
        <v>-50</v>
      </c>
    </row>
    <row r="3010" spans="1:25" ht="21.6" x14ac:dyDescent="0.2">
      <c r="B3010" s="77"/>
      <c r="C3010" s="39" t="s">
        <v>56</v>
      </c>
      <c r="D3010" s="45">
        <v>800</v>
      </c>
      <c r="E3010" s="46">
        <v>8.4</v>
      </c>
      <c r="F3010" s="46">
        <v>35.799999999999997</v>
      </c>
      <c r="G3010" s="46">
        <v>27.9</v>
      </c>
      <c r="H3010" s="46">
        <v>20.100000000000001</v>
      </c>
      <c r="I3010" s="46">
        <v>7.9</v>
      </c>
      <c r="J3010" s="46">
        <v>-8.5</v>
      </c>
      <c r="K3010" s="59">
        <v>-50</v>
      </c>
    </row>
    <row r="3011" spans="1:25" x14ac:dyDescent="0.2">
      <c r="B3011" s="77"/>
      <c r="C3011" s="40" t="s">
        <v>57</v>
      </c>
      <c r="D3011" s="48">
        <v>798</v>
      </c>
      <c r="E3011" s="49">
        <v>7.6</v>
      </c>
      <c r="F3011" s="49">
        <v>33.799999999999997</v>
      </c>
      <c r="G3011" s="49">
        <v>27.4</v>
      </c>
      <c r="H3011" s="49">
        <v>21.9</v>
      </c>
      <c r="I3011" s="49">
        <v>9.1</v>
      </c>
      <c r="J3011" s="49">
        <v>-12.2</v>
      </c>
      <c r="K3011" s="60">
        <v>-50</v>
      </c>
    </row>
    <row r="3012" spans="1:25" x14ac:dyDescent="0.2">
      <c r="B3012" s="7" t="s">
        <v>71</v>
      </c>
      <c r="C3012" s="4" t="s">
        <v>155</v>
      </c>
    </row>
    <row r="3013" spans="1:25" x14ac:dyDescent="0.2">
      <c r="B3013" s="4"/>
      <c r="C3013" s="4" t="s">
        <v>73</v>
      </c>
    </row>
    <row r="3015" spans="1:25" x14ac:dyDescent="0.2">
      <c r="C3015" t="s">
        <v>35</v>
      </c>
    </row>
    <row r="3016" spans="1:25" x14ac:dyDescent="0.2">
      <c r="B3016" s="75" t="s">
        <v>315</v>
      </c>
      <c r="C3016" s="76"/>
      <c r="D3016" s="76"/>
      <c r="E3016" s="76"/>
      <c r="F3016" s="76"/>
      <c r="G3016" s="76"/>
      <c r="H3016" s="76"/>
      <c r="I3016" s="76"/>
      <c r="J3016" s="76"/>
      <c r="K3016" s="76"/>
      <c r="L3016" s="76"/>
      <c r="M3016" s="76"/>
      <c r="N3016" s="76"/>
      <c r="O3016" s="76"/>
      <c r="P3016" s="76"/>
      <c r="Q3016" s="76"/>
      <c r="R3016" s="76"/>
      <c r="S3016" s="76"/>
      <c r="T3016" s="76"/>
      <c r="U3016" s="76"/>
      <c r="V3016" s="76"/>
      <c r="W3016" s="76"/>
      <c r="X3016" s="76"/>
      <c r="Y3016" s="76"/>
    </row>
    <row r="3017" spans="1:25" s="32" customFormat="1" ht="68.849999999999994" customHeight="1" x14ac:dyDescent="0.15">
      <c r="A3017" s="31"/>
      <c r="D3017" s="33" t="s">
        <v>378</v>
      </c>
      <c r="E3017" s="36" t="s">
        <v>563</v>
      </c>
      <c r="F3017" s="55" t="s">
        <v>564</v>
      </c>
      <c r="G3017" s="55" t="s">
        <v>565</v>
      </c>
      <c r="H3017" s="55" t="s">
        <v>566</v>
      </c>
      <c r="I3017" s="55" t="s">
        <v>480</v>
      </c>
      <c r="J3017" s="56" t="s">
        <v>387</v>
      </c>
      <c r="K3017" s="57" t="s">
        <v>388</v>
      </c>
      <c r="L3017" s="54" t="s">
        <v>381</v>
      </c>
    </row>
    <row r="3018" spans="1:25" ht="21.6" x14ac:dyDescent="0.2">
      <c r="B3018" s="77" t="s">
        <v>37</v>
      </c>
      <c r="C3018" s="38" t="s">
        <v>58</v>
      </c>
      <c r="D3018" s="51">
        <v>609</v>
      </c>
      <c r="E3018" s="52">
        <v>8.6999999999999993</v>
      </c>
      <c r="F3018" s="52">
        <v>34.299999999999997</v>
      </c>
      <c r="G3018" s="52">
        <v>27.6</v>
      </c>
      <c r="H3018" s="52">
        <v>20.5</v>
      </c>
      <c r="I3018" s="52">
        <v>8.9</v>
      </c>
      <c r="J3018" s="52">
        <v>-9.3000000000000007</v>
      </c>
      <c r="K3018" s="61">
        <v>-50</v>
      </c>
    </row>
    <row r="3019" spans="1:25" ht="21.6" x14ac:dyDescent="0.2">
      <c r="B3019" s="77"/>
      <c r="C3019" s="39" t="s">
        <v>59</v>
      </c>
      <c r="D3019" s="45">
        <v>1391</v>
      </c>
      <c r="E3019" s="46">
        <v>6.8</v>
      </c>
      <c r="F3019" s="46">
        <v>32.299999999999997</v>
      </c>
      <c r="G3019" s="46">
        <v>27.5</v>
      </c>
      <c r="H3019" s="46">
        <v>22.3</v>
      </c>
      <c r="I3019" s="46">
        <v>11.1</v>
      </c>
      <c r="J3019" s="46">
        <v>-14.8</v>
      </c>
      <c r="K3019" s="59">
        <v>-50</v>
      </c>
    </row>
    <row r="3020" spans="1:25" x14ac:dyDescent="0.2">
      <c r="B3020" s="77"/>
      <c r="C3020" s="39" t="s">
        <v>60</v>
      </c>
      <c r="D3020" s="45">
        <v>1325</v>
      </c>
      <c r="E3020" s="46">
        <v>7.1</v>
      </c>
      <c r="F3020" s="46">
        <v>34.799999999999997</v>
      </c>
      <c r="G3020" s="46">
        <v>26.9</v>
      </c>
      <c r="H3020" s="46">
        <v>21.4</v>
      </c>
      <c r="I3020" s="46">
        <v>9.6999999999999993</v>
      </c>
      <c r="J3020" s="46">
        <v>-11.5</v>
      </c>
      <c r="K3020" s="59">
        <v>-50</v>
      </c>
    </row>
    <row r="3021" spans="1:25" x14ac:dyDescent="0.2">
      <c r="B3021" s="77"/>
      <c r="C3021" s="39" t="s">
        <v>61</v>
      </c>
      <c r="D3021" s="45">
        <v>675</v>
      </c>
      <c r="E3021" s="46">
        <v>7.9</v>
      </c>
      <c r="F3021" s="46">
        <v>29.2</v>
      </c>
      <c r="G3021" s="46">
        <v>28.7</v>
      </c>
      <c r="H3021" s="46">
        <v>22.4</v>
      </c>
      <c r="I3021" s="46">
        <v>11.9</v>
      </c>
      <c r="J3021" s="46">
        <v>-16.2</v>
      </c>
      <c r="K3021" s="59">
        <v>-50</v>
      </c>
    </row>
    <row r="3022" spans="1:25" x14ac:dyDescent="0.2">
      <c r="B3022" s="77"/>
      <c r="C3022" s="39" t="s">
        <v>62</v>
      </c>
      <c r="D3022" s="45">
        <v>1086</v>
      </c>
      <c r="E3022" s="46">
        <v>8</v>
      </c>
      <c r="F3022" s="46">
        <v>31.8</v>
      </c>
      <c r="G3022" s="46">
        <v>27.9</v>
      </c>
      <c r="H3022" s="46">
        <v>22</v>
      </c>
      <c r="I3022" s="46">
        <v>10.3</v>
      </c>
      <c r="J3022" s="46">
        <v>-13.4</v>
      </c>
      <c r="K3022" s="59">
        <v>-50</v>
      </c>
    </row>
    <row r="3023" spans="1:25" ht="21.6" x14ac:dyDescent="0.2">
      <c r="B3023" s="77"/>
      <c r="C3023" s="39" t="s">
        <v>63</v>
      </c>
      <c r="D3023" s="45">
        <v>203</v>
      </c>
      <c r="E3023" s="46">
        <v>6.9</v>
      </c>
      <c r="F3023" s="46">
        <v>30</v>
      </c>
      <c r="G3023" s="46">
        <v>25.1</v>
      </c>
      <c r="H3023" s="46">
        <v>23.6</v>
      </c>
      <c r="I3023" s="46">
        <v>14.3</v>
      </c>
      <c r="J3023" s="46">
        <v>-16.7</v>
      </c>
      <c r="K3023" s="59">
        <v>-50</v>
      </c>
    </row>
    <row r="3024" spans="1:25" x14ac:dyDescent="0.2">
      <c r="B3024" s="77"/>
      <c r="C3024" s="39" t="s">
        <v>64</v>
      </c>
      <c r="D3024" s="45">
        <v>263</v>
      </c>
      <c r="E3024" s="46">
        <v>10.3</v>
      </c>
      <c r="F3024" s="46">
        <v>28.1</v>
      </c>
      <c r="G3024" s="46">
        <v>30.4</v>
      </c>
      <c r="H3024" s="46">
        <v>22.1</v>
      </c>
      <c r="I3024" s="46">
        <v>9.1</v>
      </c>
      <c r="J3024" s="46">
        <v>-14.2</v>
      </c>
      <c r="K3024" s="59">
        <v>-50</v>
      </c>
    </row>
    <row r="3025" spans="2:11" x14ac:dyDescent="0.2">
      <c r="B3025" s="77"/>
      <c r="C3025" s="39" t="s">
        <v>65</v>
      </c>
      <c r="D3025" s="45">
        <v>312</v>
      </c>
      <c r="E3025" s="46">
        <v>6.7</v>
      </c>
      <c r="F3025" s="46">
        <v>32.4</v>
      </c>
      <c r="G3025" s="46">
        <v>28.8</v>
      </c>
      <c r="H3025" s="46">
        <v>19.899999999999999</v>
      </c>
      <c r="I3025" s="46">
        <v>12.2</v>
      </c>
      <c r="J3025" s="46">
        <v>-13</v>
      </c>
      <c r="K3025" s="59">
        <v>-50</v>
      </c>
    </row>
    <row r="3026" spans="2:11" x14ac:dyDescent="0.2">
      <c r="B3026" s="77"/>
      <c r="C3026" s="39" t="s">
        <v>66</v>
      </c>
      <c r="D3026" s="45">
        <v>230</v>
      </c>
      <c r="E3026" s="46">
        <v>7.8</v>
      </c>
      <c r="F3026" s="46">
        <v>33.9</v>
      </c>
      <c r="G3026" s="46">
        <v>27</v>
      </c>
      <c r="H3026" s="46">
        <v>24.3</v>
      </c>
      <c r="I3026" s="46">
        <v>7</v>
      </c>
      <c r="J3026" s="46">
        <v>-14</v>
      </c>
      <c r="K3026" s="59">
        <v>-50</v>
      </c>
    </row>
    <row r="3027" spans="2:11" x14ac:dyDescent="0.2">
      <c r="B3027" s="77"/>
      <c r="C3027" s="39" t="s">
        <v>67</v>
      </c>
      <c r="D3027" s="45">
        <v>78</v>
      </c>
      <c r="E3027" s="46">
        <v>9</v>
      </c>
      <c r="F3027" s="46">
        <v>39.700000000000003</v>
      </c>
      <c r="G3027" s="46">
        <v>25.6</v>
      </c>
      <c r="H3027" s="46">
        <v>19.2</v>
      </c>
      <c r="I3027" s="46">
        <v>6.4</v>
      </c>
      <c r="J3027" s="46">
        <v>-3.4</v>
      </c>
      <c r="K3027" s="59">
        <v>50</v>
      </c>
    </row>
    <row r="3028" spans="2:11" x14ac:dyDescent="0.2">
      <c r="B3028" s="77"/>
      <c r="C3028" s="39" t="s">
        <v>68</v>
      </c>
      <c r="D3028" s="45">
        <v>897</v>
      </c>
      <c r="E3028" s="46">
        <v>8.9</v>
      </c>
      <c r="F3028" s="46">
        <v>33.299999999999997</v>
      </c>
      <c r="G3028" s="46">
        <v>28.4</v>
      </c>
      <c r="H3028" s="46">
        <v>20.100000000000001</v>
      </c>
      <c r="I3028" s="46">
        <v>9.3000000000000007</v>
      </c>
      <c r="J3028" s="46">
        <v>-9.6</v>
      </c>
      <c r="K3028" s="59">
        <v>-50</v>
      </c>
    </row>
    <row r="3029" spans="2:11" x14ac:dyDescent="0.2">
      <c r="B3029" s="77"/>
      <c r="C3029" s="39" t="s">
        <v>69</v>
      </c>
      <c r="D3029" s="45">
        <v>189</v>
      </c>
      <c r="E3029" s="46">
        <v>3.7</v>
      </c>
      <c r="F3029" s="46">
        <v>24.3</v>
      </c>
      <c r="G3029" s="46">
        <v>25.4</v>
      </c>
      <c r="H3029" s="46">
        <v>31.2</v>
      </c>
      <c r="I3029" s="46">
        <v>15.3</v>
      </c>
      <c r="J3029" s="46">
        <v>-33.1</v>
      </c>
      <c r="K3029" s="59">
        <v>-50</v>
      </c>
    </row>
    <row r="3030" spans="2:11" x14ac:dyDescent="0.2">
      <c r="B3030" s="77"/>
      <c r="C3030" s="39" t="s">
        <v>70</v>
      </c>
      <c r="D3030" s="45">
        <v>914</v>
      </c>
      <c r="E3030" s="46">
        <v>6.6</v>
      </c>
      <c r="F3030" s="46">
        <v>34.200000000000003</v>
      </c>
      <c r="G3030" s="46">
        <v>27.1</v>
      </c>
      <c r="H3030" s="46">
        <v>21.4</v>
      </c>
      <c r="I3030" s="46">
        <v>10.6</v>
      </c>
      <c r="J3030" s="46">
        <v>-12.7</v>
      </c>
      <c r="K3030" s="59">
        <v>-50</v>
      </c>
    </row>
    <row r="3031" spans="2:11" ht="21.6" x14ac:dyDescent="0.2">
      <c r="B3031" s="77"/>
      <c r="C3031" s="39" t="s">
        <v>63</v>
      </c>
      <c r="D3031" s="45">
        <v>193</v>
      </c>
      <c r="E3031" s="46">
        <v>8.8000000000000007</v>
      </c>
      <c r="F3031" s="46">
        <v>29.5</v>
      </c>
      <c r="G3031" s="46">
        <v>29.5</v>
      </c>
      <c r="H3031" s="46">
        <v>18.100000000000001</v>
      </c>
      <c r="I3031" s="46">
        <v>14</v>
      </c>
      <c r="J3031" s="46">
        <v>-10.8</v>
      </c>
      <c r="K3031" s="59">
        <v>-50</v>
      </c>
    </row>
    <row r="3032" spans="2:11" x14ac:dyDescent="0.2">
      <c r="B3032" s="77"/>
      <c r="C3032" s="39" t="s">
        <v>64</v>
      </c>
      <c r="D3032" s="45">
        <v>203</v>
      </c>
      <c r="E3032" s="46">
        <v>9.4</v>
      </c>
      <c r="F3032" s="46">
        <v>29.1</v>
      </c>
      <c r="G3032" s="46">
        <v>27.6</v>
      </c>
      <c r="H3032" s="46">
        <v>22.7</v>
      </c>
      <c r="I3032" s="46">
        <v>11.3</v>
      </c>
      <c r="J3032" s="46">
        <v>-14.2</v>
      </c>
      <c r="K3032" s="59">
        <v>-50</v>
      </c>
    </row>
    <row r="3033" spans="2:11" x14ac:dyDescent="0.2">
      <c r="B3033" s="77"/>
      <c r="C3033" s="39" t="s">
        <v>65</v>
      </c>
      <c r="D3033" s="45">
        <v>263</v>
      </c>
      <c r="E3033" s="46">
        <v>5.7</v>
      </c>
      <c r="F3033" s="46">
        <v>35.700000000000003</v>
      </c>
      <c r="G3033" s="46">
        <v>25.9</v>
      </c>
      <c r="H3033" s="46">
        <v>24</v>
      </c>
      <c r="I3033" s="46">
        <v>8.6999999999999993</v>
      </c>
      <c r="J3033" s="46">
        <v>-14.6</v>
      </c>
      <c r="K3033" s="59">
        <v>-50</v>
      </c>
    </row>
    <row r="3034" spans="2:11" x14ac:dyDescent="0.2">
      <c r="B3034" s="77"/>
      <c r="C3034" s="39" t="s">
        <v>66</v>
      </c>
      <c r="D3034" s="45">
        <v>194</v>
      </c>
      <c r="E3034" s="46">
        <v>2.6</v>
      </c>
      <c r="F3034" s="46">
        <v>37.6</v>
      </c>
      <c r="G3034" s="46">
        <v>28.9</v>
      </c>
      <c r="H3034" s="46">
        <v>21.6</v>
      </c>
      <c r="I3034" s="46">
        <v>9.3000000000000007</v>
      </c>
      <c r="J3034" s="46">
        <v>-16.2</v>
      </c>
      <c r="K3034" s="59">
        <v>-50</v>
      </c>
    </row>
    <row r="3035" spans="2:11" x14ac:dyDescent="0.2">
      <c r="B3035" s="77"/>
      <c r="C3035" s="39" t="s">
        <v>67</v>
      </c>
      <c r="D3035" s="45">
        <v>61</v>
      </c>
      <c r="E3035" s="46">
        <v>6.6</v>
      </c>
      <c r="F3035" s="46">
        <v>49.2</v>
      </c>
      <c r="G3035" s="46">
        <v>18</v>
      </c>
      <c r="H3035" s="46">
        <v>16.399999999999999</v>
      </c>
      <c r="I3035" s="46">
        <v>9.8000000000000007</v>
      </c>
      <c r="J3035" s="46">
        <v>6.4</v>
      </c>
      <c r="K3035" s="59">
        <v>50</v>
      </c>
    </row>
    <row r="3036" spans="2:11" x14ac:dyDescent="0.2">
      <c r="B3036" s="77"/>
      <c r="C3036" s="39" t="s">
        <v>68</v>
      </c>
      <c r="D3036" s="45">
        <v>416</v>
      </c>
      <c r="E3036" s="46">
        <v>7.5</v>
      </c>
      <c r="F3036" s="46">
        <v>37</v>
      </c>
      <c r="G3036" s="46">
        <v>27.4</v>
      </c>
      <c r="H3036" s="46">
        <v>18.3</v>
      </c>
      <c r="I3036" s="46">
        <v>9.9</v>
      </c>
      <c r="J3036" s="46">
        <v>-6.7</v>
      </c>
      <c r="K3036" s="59">
        <v>-50</v>
      </c>
    </row>
    <row r="3037" spans="2:11" x14ac:dyDescent="0.2">
      <c r="B3037" s="77"/>
      <c r="C3037" s="40" t="s">
        <v>69</v>
      </c>
      <c r="D3037" s="48">
        <v>498</v>
      </c>
      <c r="E3037" s="49">
        <v>5.8</v>
      </c>
      <c r="F3037" s="49">
        <v>31.9</v>
      </c>
      <c r="G3037" s="49">
        <v>26.9</v>
      </c>
      <c r="H3037" s="49">
        <v>24.1</v>
      </c>
      <c r="I3037" s="49">
        <v>11.2</v>
      </c>
      <c r="J3037" s="49">
        <v>-17.8</v>
      </c>
      <c r="K3037" s="60">
        <v>-50</v>
      </c>
    </row>
    <row r="3038" spans="2:11" x14ac:dyDescent="0.2">
      <c r="B3038" s="7" t="s">
        <v>71</v>
      </c>
      <c r="C3038" s="4" t="s">
        <v>155</v>
      </c>
    </row>
    <row r="3039" spans="2:11" x14ac:dyDescent="0.2">
      <c r="B3039" s="4"/>
      <c r="C3039" s="4" t="s">
        <v>73</v>
      </c>
    </row>
    <row r="3041" spans="1:25" x14ac:dyDescent="0.2">
      <c r="A3041" s="26" t="s">
        <v>25</v>
      </c>
      <c r="B3041" t="s">
        <v>35</v>
      </c>
      <c r="C3041" t="s">
        <v>35</v>
      </c>
    </row>
    <row r="3042" spans="1:25" x14ac:dyDescent="0.2">
      <c r="B3042" s="75" t="s">
        <v>156</v>
      </c>
      <c r="C3042" s="76"/>
      <c r="D3042" s="76"/>
      <c r="E3042" s="76"/>
      <c r="F3042" s="76"/>
      <c r="G3042" s="76"/>
      <c r="H3042" s="76"/>
      <c r="I3042" s="76"/>
      <c r="J3042" s="76"/>
      <c r="K3042" s="76"/>
      <c r="L3042" s="76"/>
      <c r="M3042" s="76"/>
      <c r="N3042" s="76"/>
      <c r="O3042" s="76"/>
      <c r="P3042" s="76"/>
      <c r="Q3042" s="76"/>
      <c r="R3042" s="76"/>
      <c r="S3042" s="76"/>
      <c r="T3042" s="76"/>
      <c r="U3042" s="76"/>
      <c r="V3042" s="76"/>
      <c r="W3042" s="76"/>
      <c r="X3042" s="76"/>
      <c r="Y3042" s="76"/>
    </row>
    <row r="3043" spans="1:25" s="32" customFormat="1" ht="68.849999999999994" customHeight="1" x14ac:dyDescent="0.15">
      <c r="A3043" s="31"/>
      <c r="D3043" s="33" t="s">
        <v>378</v>
      </c>
      <c r="E3043" s="36" t="s">
        <v>563</v>
      </c>
      <c r="F3043" s="55" t="s">
        <v>564</v>
      </c>
      <c r="G3043" s="55" t="s">
        <v>565</v>
      </c>
      <c r="H3043" s="55" t="s">
        <v>566</v>
      </c>
      <c r="I3043" s="55" t="s">
        <v>480</v>
      </c>
      <c r="J3043" s="56" t="s">
        <v>387</v>
      </c>
      <c r="K3043" s="57" t="s">
        <v>388</v>
      </c>
      <c r="L3043" s="54" t="s">
        <v>381</v>
      </c>
    </row>
    <row r="3044" spans="1:25" x14ac:dyDescent="0.2">
      <c r="B3044" s="5"/>
      <c r="C3044" s="41" t="s">
        <v>38</v>
      </c>
      <c r="D3044" s="42">
        <v>2000</v>
      </c>
      <c r="E3044" s="43">
        <v>4.5</v>
      </c>
      <c r="F3044" s="43">
        <v>25.8</v>
      </c>
      <c r="G3044" s="43">
        <v>28.4</v>
      </c>
      <c r="H3044" s="43">
        <v>32.1</v>
      </c>
      <c r="I3044" s="43">
        <v>9.3000000000000007</v>
      </c>
      <c r="J3044" s="43">
        <v>-31.8</v>
      </c>
      <c r="K3044" s="58">
        <v>-50</v>
      </c>
    </row>
    <row r="3045" spans="1:25" x14ac:dyDescent="0.2">
      <c r="B3045" s="77" t="s">
        <v>37</v>
      </c>
      <c r="C3045" s="39" t="s">
        <v>39</v>
      </c>
      <c r="D3045" s="45">
        <v>111</v>
      </c>
      <c r="E3045" s="46">
        <v>6.3</v>
      </c>
      <c r="F3045" s="46">
        <v>27.9</v>
      </c>
      <c r="G3045" s="46">
        <v>24.3</v>
      </c>
      <c r="H3045" s="46">
        <v>32.4</v>
      </c>
      <c r="I3045" s="46">
        <v>9</v>
      </c>
      <c r="J3045" s="46">
        <v>-26.7</v>
      </c>
      <c r="K3045" s="59">
        <v>-50</v>
      </c>
    </row>
    <row r="3046" spans="1:25" x14ac:dyDescent="0.2">
      <c r="B3046" s="77"/>
      <c r="C3046" s="39" t="s">
        <v>40</v>
      </c>
      <c r="D3046" s="45">
        <v>450</v>
      </c>
      <c r="E3046" s="46">
        <v>5.3</v>
      </c>
      <c r="F3046" s="46">
        <v>26.7</v>
      </c>
      <c r="G3046" s="46">
        <v>28.2</v>
      </c>
      <c r="H3046" s="46">
        <v>33.1</v>
      </c>
      <c r="I3046" s="46">
        <v>6.7</v>
      </c>
      <c r="J3046" s="46">
        <v>-30.6</v>
      </c>
      <c r="K3046" s="59">
        <v>-50</v>
      </c>
    </row>
    <row r="3047" spans="1:25" ht="21.6" x14ac:dyDescent="0.2">
      <c r="B3047" s="77"/>
      <c r="C3047" s="39" t="s">
        <v>41</v>
      </c>
      <c r="D3047" s="45">
        <v>30</v>
      </c>
      <c r="E3047" s="46">
        <v>10</v>
      </c>
      <c r="F3047" s="46">
        <v>30</v>
      </c>
      <c r="G3047" s="46">
        <v>23.3</v>
      </c>
      <c r="H3047" s="46">
        <v>26.7</v>
      </c>
      <c r="I3047" s="46">
        <v>10</v>
      </c>
      <c r="J3047" s="46">
        <v>-14.8</v>
      </c>
      <c r="K3047" s="59">
        <v>-50</v>
      </c>
    </row>
    <row r="3048" spans="1:25" ht="21.6" x14ac:dyDescent="0.2">
      <c r="B3048" s="77"/>
      <c r="C3048" s="39" t="s">
        <v>42</v>
      </c>
      <c r="D3048" s="45">
        <v>336</v>
      </c>
      <c r="E3048" s="46">
        <v>6</v>
      </c>
      <c r="F3048" s="46">
        <v>28.9</v>
      </c>
      <c r="G3048" s="46">
        <v>29.8</v>
      </c>
      <c r="H3048" s="46">
        <v>26.8</v>
      </c>
      <c r="I3048" s="46">
        <v>8.6</v>
      </c>
      <c r="J3048" s="46">
        <v>-23.3</v>
      </c>
      <c r="K3048" s="59">
        <v>-50</v>
      </c>
    </row>
    <row r="3049" spans="1:25" ht="21.6" x14ac:dyDescent="0.2">
      <c r="B3049" s="77"/>
      <c r="C3049" s="39" t="s">
        <v>43</v>
      </c>
      <c r="D3049" s="45">
        <v>327</v>
      </c>
      <c r="E3049" s="46">
        <v>2.1</v>
      </c>
      <c r="F3049" s="46">
        <v>20.8</v>
      </c>
      <c r="G3049" s="46">
        <v>28.1</v>
      </c>
      <c r="H3049" s="46">
        <v>37</v>
      </c>
      <c r="I3049" s="46">
        <v>11.9</v>
      </c>
      <c r="J3049" s="46">
        <v>-43.8</v>
      </c>
      <c r="K3049" s="59">
        <v>-50</v>
      </c>
    </row>
    <row r="3050" spans="1:25" ht="21.6" x14ac:dyDescent="0.2">
      <c r="B3050" s="77"/>
      <c r="C3050" s="39" t="s">
        <v>44</v>
      </c>
      <c r="D3050" s="45">
        <v>181</v>
      </c>
      <c r="E3050" s="46">
        <v>3.9</v>
      </c>
      <c r="F3050" s="46">
        <v>32.6</v>
      </c>
      <c r="G3050" s="46">
        <v>28.7</v>
      </c>
      <c r="H3050" s="46">
        <v>26</v>
      </c>
      <c r="I3050" s="46">
        <v>8.8000000000000007</v>
      </c>
      <c r="J3050" s="46">
        <v>-22.1</v>
      </c>
      <c r="K3050" s="59">
        <v>-50</v>
      </c>
    </row>
    <row r="3051" spans="1:25" ht="21.6" x14ac:dyDescent="0.2">
      <c r="B3051" s="77"/>
      <c r="C3051" s="39" t="s">
        <v>45</v>
      </c>
      <c r="D3051" s="45">
        <v>565</v>
      </c>
      <c r="E3051" s="46">
        <v>3.9</v>
      </c>
      <c r="F3051" s="46">
        <v>23.2</v>
      </c>
      <c r="G3051" s="46">
        <v>28.8</v>
      </c>
      <c r="H3051" s="46">
        <v>33.6</v>
      </c>
      <c r="I3051" s="46">
        <v>10.4</v>
      </c>
      <c r="J3051" s="46">
        <v>-36.4</v>
      </c>
      <c r="K3051" s="59">
        <v>-50</v>
      </c>
    </row>
    <row r="3052" spans="1:25" ht="21.6" x14ac:dyDescent="0.2">
      <c r="B3052" s="77"/>
      <c r="C3052" s="39" t="s">
        <v>46</v>
      </c>
      <c r="D3052" s="45">
        <v>473</v>
      </c>
      <c r="E3052" s="46">
        <v>3.8</v>
      </c>
      <c r="F3052" s="46">
        <v>16.5</v>
      </c>
      <c r="G3052" s="46">
        <v>26.8</v>
      </c>
      <c r="H3052" s="46">
        <v>42.7</v>
      </c>
      <c r="I3052" s="46">
        <v>10.1</v>
      </c>
      <c r="J3052" s="46">
        <v>-49.1</v>
      </c>
      <c r="K3052" s="59">
        <v>-50</v>
      </c>
    </row>
    <row r="3053" spans="1:25" ht="21.6" x14ac:dyDescent="0.2">
      <c r="B3053" s="77"/>
      <c r="C3053" s="39" t="s">
        <v>47</v>
      </c>
      <c r="D3053" s="45">
        <v>441</v>
      </c>
      <c r="E3053" s="46">
        <v>4.8</v>
      </c>
      <c r="F3053" s="46">
        <v>24.7</v>
      </c>
      <c r="G3053" s="46">
        <v>31.5</v>
      </c>
      <c r="H3053" s="46">
        <v>31.1</v>
      </c>
      <c r="I3053" s="46">
        <v>7.9</v>
      </c>
      <c r="J3053" s="46">
        <v>-32.299999999999997</v>
      </c>
      <c r="K3053" s="59">
        <v>-50</v>
      </c>
    </row>
    <row r="3054" spans="1:25" ht="21.6" x14ac:dyDescent="0.2">
      <c r="B3054" s="77"/>
      <c r="C3054" s="39" t="s">
        <v>48</v>
      </c>
      <c r="D3054" s="45">
        <v>305</v>
      </c>
      <c r="E3054" s="46">
        <v>5.2</v>
      </c>
      <c r="F3054" s="46">
        <v>28.9</v>
      </c>
      <c r="G3054" s="46">
        <v>30.8</v>
      </c>
      <c r="H3054" s="46">
        <v>29.2</v>
      </c>
      <c r="I3054" s="46">
        <v>5.9</v>
      </c>
      <c r="J3054" s="46">
        <v>-26.5</v>
      </c>
      <c r="K3054" s="59">
        <v>-50</v>
      </c>
    </row>
    <row r="3055" spans="1:25" ht="21.6" x14ac:dyDescent="0.2">
      <c r="B3055" s="77"/>
      <c r="C3055" s="39" t="s">
        <v>49</v>
      </c>
      <c r="D3055" s="45">
        <v>223</v>
      </c>
      <c r="E3055" s="46">
        <v>5.4</v>
      </c>
      <c r="F3055" s="46">
        <v>32.700000000000003</v>
      </c>
      <c r="G3055" s="46">
        <v>30.9</v>
      </c>
      <c r="H3055" s="46">
        <v>27.4</v>
      </c>
      <c r="I3055" s="46">
        <v>3.6</v>
      </c>
      <c r="J3055" s="46">
        <v>-21.9</v>
      </c>
      <c r="K3055" s="59">
        <v>-50</v>
      </c>
    </row>
    <row r="3056" spans="1:25" ht="21.6" x14ac:dyDescent="0.2">
      <c r="B3056" s="77"/>
      <c r="C3056" s="39" t="s">
        <v>50</v>
      </c>
      <c r="D3056" s="45">
        <v>123</v>
      </c>
      <c r="E3056" s="46">
        <v>4.9000000000000004</v>
      </c>
      <c r="F3056" s="46">
        <v>41.5</v>
      </c>
      <c r="G3056" s="46">
        <v>26.8</v>
      </c>
      <c r="H3056" s="46">
        <v>25.2</v>
      </c>
      <c r="I3056" s="46">
        <v>1.6</v>
      </c>
      <c r="J3056" s="46">
        <v>-13.2</v>
      </c>
      <c r="K3056" s="59">
        <v>-50</v>
      </c>
    </row>
    <row r="3057" spans="1:25" ht="21.6" x14ac:dyDescent="0.2">
      <c r="B3057" s="77"/>
      <c r="C3057" s="39" t="s">
        <v>51</v>
      </c>
      <c r="D3057" s="45">
        <v>124</v>
      </c>
      <c r="E3057" s="46">
        <v>8.1</v>
      </c>
      <c r="F3057" s="46">
        <v>37.9</v>
      </c>
      <c r="G3057" s="46">
        <v>25.8</v>
      </c>
      <c r="H3057" s="46">
        <v>20.2</v>
      </c>
      <c r="I3057" s="46">
        <v>8.1</v>
      </c>
      <c r="J3057" s="46">
        <v>-6.6</v>
      </c>
      <c r="K3057" s="59">
        <v>0</v>
      </c>
    </row>
    <row r="3058" spans="1:25" ht="21.6" x14ac:dyDescent="0.2">
      <c r="B3058" s="77"/>
      <c r="C3058" s="39" t="s">
        <v>52</v>
      </c>
      <c r="D3058" s="45">
        <v>312</v>
      </c>
      <c r="E3058" s="46">
        <v>1.9</v>
      </c>
      <c r="F3058" s="46">
        <v>19.600000000000001</v>
      </c>
      <c r="G3058" s="46">
        <v>29.5</v>
      </c>
      <c r="H3058" s="46">
        <v>39.1</v>
      </c>
      <c r="I3058" s="46">
        <v>9.9</v>
      </c>
      <c r="J3058" s="46">
        <v>-46.8</v>
      </c>
      <c r="K3058" s="59">
        <v>-50</v>
      </c>
    </row>
    <row r="3059" spans="1:25" x14ac:dyDescent="0.2">
      <c r="B3059" s="77"/>
      <c r="C3059" s="39" t="s">
        <v>53</v>
      </c>
      <c r="D3059" s="45">
        <v>269</v>
      </c>
      <c r="E3059" s="46">
        <v>3</v>
      </c>
      <c r="F3059" s="46">
        <v>21.9</v>
      </c>
      <c r="G3059" s="46">
        <v>32.299999999999997</v>
      </c>
      <c r="H3059" s="46">
        <v>36.799999999999997</v>
      </c>
      <c r="I3059" s="46">
        <v>5.9</v>
      </c>
      <c r="J3059" s="46">
        <v>-41.5</v>
      </c>
      <c r="K3059" s="59">
        <v>-50</v>
      </c>
    </row>
    <row r="3060" spans="1:25" ht="21.6" x14ac:dyDescent="0.2">
      <c r="B3060" s="77"/>
      <c r="C3060" s="39" t="s">
        <v>54</v>
      </c>
      <c r="D3060" s="45">
        <v>511</v>
      </c>
      <c r="E3060" s="46">
        <v>5.3</v>
      </c>
      <c r="F3060" s="46">
        <v>26.4</v>
      </c>
      <c r="G3060" s="46">
        <v>29</v>
      </c>
      <c r="H3060" s="46">
        <v>31.9</v>
      </c>
      <c r="I3060" s="46">
        <v>7.4</v>
      </c>
      <c r="J3060" s="46">
        <v>-30.1</v>
      </c>
      <c r="K3060" s="59">
        <v>-50</v>
      </c>
    </row>
    <row r="3061" spans="1:25" ht="21.6" x14ac:dyDescent="0.2">
      <c r="B3061" s="77"/>
      <c r="C3061" s="39" t="s">
        <v>55</v>
      </c>
      <c r="D3061" s="45">
        <v>615</v>
      </c>
      <c r="E3061" s="46">
        <v>7.2</v>
      </c>
      <c r="F3061" s="46">
        <v>35</v>
      </c>
      <c r="G3061" s="46">
        <v>28.1</v>
      </c>
      <c r="H3061" s="46">
        <v>23.9</v>
      </c>
      <c r="I3061" s="46">
        <v>5.9</v>
      </c>
      <c r="J3061" s="46">
        <v>-14.2</v>
      </c>
      <c r="K3061" s="59">
        <v>-50</v>
      </c>
    </row>
    <row r="3062" spans="1:25" ht="21.6" x14ac:dyDescent="0.2">
      <c r="B3062" s="77"/>
      <c r="C3062" s="39" t="s">
        <v>56</v>
      </c>
      <c r="D3062" s="45">
        <v>800</v>
      </c>
      <c r="E3062" s="46">
        <v>5.9</v>
      </c>
      <c r="F3062" s="46">
        <v>33.799999999999997</v>
      </c>
      <c r="G3062" s="46">
        <v>29.3</v>
      </c>
      <c r="H3062" s="46">
        <v>23.8</v>
      </c>
      <c r="I3062" s="46">
        <v>7.4</v>
      </c>
      <c r="J3062" s="46">
        <v>-16.899999999999999</v>
      </c>
      <c r="K3062" s="59">
        <v>-50</v>
      </c>
    </row>
    <row r="3063" spans="1:25" x14ac:dyDescent="0.2">
      <c r="B3063" s="77"/>
      <c r="C3063" s="40" t="s">
        <v>57</v>
      </c>
      <c r="D3063" s="48">
        <v>798</v>
      </c>
      <c r="E3063" s="49">
        <v>4.3</v>
      </c>
      <c r="F3063" s="49">
        <v>23.3</v>
      </c>
      <c r="G3063" s="49">
        <v>27.9</v>
      </c>
      <c r="H3063" s="49">
        <v>37</v>
      </c>
      <c r="I3063" s="49">
        <v>7.5</v>
      </c>
      <c r="J3063" s="49">
        <v>-37.9</v>
      </c>
      <c r="K3063" s="60">
        <v>-50</v>
      </c>
    </row>
    <row r="3064" spans="1:25" x14ac:dyDescent="0.2">
      <c r="B3064" s="7" t="s">
        <v>71</v>
      </c>
      <c r="C3064" s="4" t="s">
        <v>157</v>
      </c>
    </row>
    <row r="3065" spans="1:25" x14ac:dyDescent="0.2">
      <c r="B3065" s="4"/>
      <c r="C3065" s="4" t="s">
        <v>73</v>
      </c>
    </row>
    <row r="3067" spans="1:25" x14ac:dyDescent="0.2">
      <c r="C3067" t="s">
        <v>35</v>
      </c>
    </row>
    <row r="3068" spans="1:25" x14ac:dyDescent="0.2">
      <c r="B3068" s="75" t="s">
        <v>316</v>
      </c>
      <c r="C3068" s="76"/>
      <c r="D3068" s="76"/>
      <c r="E3068" s="76"/>
      <c r="F3068" s="76"/>
      <c r="G3068" s="76"/>
      <c r="H3068" s="76"/>
      <c r="I3068" s="76"/>
      <c r="J3068" s="76"/>
      <c r="K3068" s="76"/>
      <c r="L3068" s="76"/>
      <c r="M3068" s="76"/>
      <c r="N3068" s="76"/>
      <c r="O3068" s="76"/>
      <c r="P3068" s="76"/>
      <c r="Q3068" s="76"/>
      <c r="R3068" s="76"/>
      <c r="S3068" s="76"/>
      <c r="T3068" s="76"/>
      <c r="U3068" s="76"/>
      <c r="V3068" s="76"/>
      <c r="W3068" s="76"/>
      <c r="X3068" s="76"/>
      <c r="Y3068" s="76"/>
    </row>
    <row r="3069" spans="1:25" s="32" customFormat="1" ht="68.849999999999994" customHeight="1" x14ac:dyDescent="0.15">
      <c r="A3069" s="31"/>
      <c r="D3069" s="33" t="s">
        <v>378</v>
      </c>
      <c r="E3069" s="36" t="s">
        <v>563</v>
      </c>
      <c r="F3069" s="55" t="s">
        <v>564</v>
      </c>
      <c r="G3069" s="55" t="s">
        <v>565</v>
      </c>
      <c r="H3069" s="55" t="s">
        <v>566</v>
      </c>
      <c r="I3069" s="55" t="s">
        <v>480</v>
      </c>
      <c r="J3069" s="56" t="s">
        <v>387</v>
      </c>
      <c r="K3069" s="57" t="s">
        <v>388</v>
      </c>
      <c r="L3069" s="54" t="s">
        <v>381</v>
      </c>
    </row>
    <row r="3070" spans="1:25" ht="21.6" x14ac:dyDescent="0.2">
      <c r="B3070" s="77" t="s">
        <v>37</v>
      </c>
      <c r="C3070" s="38" t="s">
        <v>58</v>
      </c>
      <c r="D3070" s="51">
        <v>609</v>
      </c>
      <c r="E3070" s="52">
        <v>5.9</v>
      </c>
      <c r="F3070" s="52">
        <v>32.200000000000003</v>
      </c>
      <c r="G3070" s="52">
        <v>29.7</v>
      </c>
      <c r="H3070" s="52">
        <v>23.3</v>
      </c>
      <c r="I3070" s="52">
        <v>8.9</v>
      </c>
      <c r="J3070" s="52">
        <v>-17.7</v>
      </c>
      <c r="K3070" s="61">
        <v>-50</v>
      </c>
    </row>
    <row r="3071" spans="1:25" ht="21.6" x14ac:dyDescent="0.2">
      <c r="B3071" s="77"/>
      <c r="C3071" s="39" t="s">
        <v>59</v>
      </c>
      <c r="D3071" s="45">
        <v>1391</v>
      </c>
      <c r="E3071" s="46">
        <v>3.9</v>
      </c>
      <c r="F3071" s="46">
        <v>22.9</v>
      </c>
      <c r="G3071" s="46">
        <v>27.8</v>
      </c>
      <c r="H3071" s="46">
        <v>35.9</v>
      </c>
      <c r="I3071" s="46">
        <v>9.5</v>
      </c>
      <c r="J3071" s="46">
        <v>-38</v>
      </c>
      <c r="K3071" s="59">
        <v>-50</v>
      </c>
    </row>
    <row r="3072" spans="1:25" x14ac:dyDescent="0.2">
      <c r="B3072" s="77"/>
      <c r="C3072" s="39" t="s">
        <v>60</v>
      </c>
      <c r="D3072" s="45">
        <v>1325</v>
      </c>
      <c r="E3072" s="46">
        <v>4.9000000000000004</v>
      </c>
      <c r="F3072" s="46">
        <v>26.3</v>
      </c>
      <c r="G3072" s="46">
        <v>30</v>
      </c>
      <c r="H3072" s="46">
        <v>30.5</v>
      </c>
      <c r="I3072" s="46">
        <v>8.4</v>
      </c>
      <c r="J3072" s="46">
        <v>-29.9</v>
      </c>
      <c r="K3072" s="59">
        <v>-50</v>
      </c>
    </row>
    <row r="3073" spans="2:11" x14ac:dyDescent="0.2">
      <c r="B3073" s="77"/>
      <c r="C3073" s="39" t="s">
        <v>61</v>
      </c>
      <c r="D3073" s="45">
        <v>675</v>
      </c>
      <c r="E3073" s="46">
        <v>3.7</v>
      </c>
      <c r="F3073" s="46">
        <v>24.7</v>
      </c>
      <c r="G3073" s="46">
        <v>25.3</v>
      </c>
      <c r="H3073" s="46">
        <v>35.1</v>
      </c>
      <c r="I3073" s="46">
        <v>11.1</v>
      </c>
      <c r="J3073" s="46">
        <v>-35.700000000000003</v>
      </c>
      <c r="K3073" s="59">
        <v>-50</v>
      </c>
    </row>
    <row r="3074" spans="2:11" x14ac:dyDescent="0.2">
      <c r="B3074" s="77"/>
      <c r="C3074" s="39" t="s">
        <v>62</v>
      </c>
      <c r="D3074" s="45">
        <v>1086</v>
      </c>
      <c r="E3074" s="46">
        <v>4.3</v>
      </c>
      <c r="F3074" s="46">
        <v>28.6</v>
      </c>
      <c r="G3074" s="46">
        <v>29.7</v>
      </c>
      <c r="H3074" s="46">
        <v>28.4</v>
      </c>
      <c r="I3074" s="46">
        <v>8.9</v>
      </c>
      <c r="J3074" s="46">
        <v>-27</v>
      </c>
      <c r="K3074" s="59">
        <v>-50</v>
      </c>
    </row>
    <row r="3075" spans="2:11" ht="21.6" x14ac:dyDescent="0.2">
      <c r="B3075" s="77"/>
      <c r="C3075" s="39" t="s">
        <v>63</v>
      </c>
      <c r="D3075" s="45">
        <v>203</v>
      </c>
      <c r="E3075" s="46">
        <v>6.4</v>
      </c>
      <c r="F3075" s="46">
        <v>30</v>
      </c>
      <c r="G3075" s="46">
        <v>28.1</v>
      </c>
      <c r="H3075" s="46">
        <v>22.7</v>
      </c>
      <c r="I3075" s="46">
        <v>12.8</v>
      </c>
      <c r="J3075" s="46">
        <v>-17.5</v>
      </c>
      <c r="K3075" s="59">
        <v>-50</v>
      </c>
    </row>
    <row r="3076" spans="2:11" x14ac:dyDescent="0.2">
      <c r="B3076" s="77"/>
      <c r="C3076" s="39" t="s">
        <v>64</v>
      </c>
      <c r="D3076" s="45">
        <v>263</v>
      </c>
      <c r="E3076" s="46">
        <v>5.7</v>
      </c>
      <c r="F3076" s="46">
        <v>31.9</v>
      </c>
      <c r="G3076" s="46">
        <v>27.8</v>
      </c>
      <c r="H3076" s="46">
        <v>27</v>
      </c>
      <c r="I3076" s="46">
        <v>7.6</v>
      </c>
      <c r="J3076" s="46">
        <v>-20.8</v>
      </c>
      <c r="K3076" s="59">
        <v>-50</v>
      </c>
    </row>
    <row r="3077" spans="2:11" x14ac:dyDescent="0.2">
      <c r="B3077" s="77"/>
      <c r="C3077" s="39" t="s">
        <v>65</v>
      </c>
      <c r="D3077" s="45">
        <v>312</v>
      </c>
      <c r="E3077" s="46">
        <v>2.6</v>
      </c>
      <c r="F3077" s="46">
        <v>27.9</v>
      </c>
      <c r="G3077" s="46">
        <v>31.1</v>
      </c>
      <c r="H3077" s="46">
        <v>28.2</v>
      </c>
      <c r="I3077" s="46">
        <v>10.3</v>
      </c>
      <c r="J3077" s="46">
        <v>-30.4</v>
      </c>
      <c r="K3077" s="59">
        <v>-50</v>
      </c>
    </row>
    <row r="3078" spans="2:11" x14ac:dyDescent="0.2">
      <c r="B3078" s="77"/>
      <c r="C3078" s="39" t="s">
        <v>66</v>
      </c>
      <c r="D3078" s="45">
        <v>230</v>
      </c>
      <c r="E3078" s="46">
        <v>3.5</v>
      </c>
      <c r="F3078" s="46">
        <v>25.2</v>
      </c>
      <c r="G3078" s="46">
        <v>31.3</v>
      </c>
      <c r="H3078" s="46">
        <v>33.9</v>
      </c>
      <c r="I3078" s="46">
        <v>6.1</v>
      </c>
      <c r="J3078" s="46">
        <v>-35.6</v>
      </c>
      <c r="K3078" s="59">
        <v>-50</v>
      </c>
    </row>
    <row r="3079" spans="2:11" x14ac:dyDescent="0.2">
      <c r="B3079" s="77"/>
      <c r="C3079" s="39" t="s">
        <v>67</v>
      </c>
      <c r="D3079" s="45">
        <v>78</v>
      </c>
      <c r="E3079" s="46">
        <v>3.8</v>
      </c>
      <c r="F3079" s="46">
        <v>26.9</v>
      </c>
      <c r="G3079" s="46">
        <v>30.8</v>
      </c>
      <c r="H3079" s="46">
        <v>32.1</v>
      </c>
      <c r="I3079" s="46">
        <v>6.4</v>
      </c>
      <c r="J3079" s="46">
        <v>-32.200000000000003</v>
      </c>
      <c r="K3079" s="59">
        <v>-50</v>
      </c>
    </row>
    <row r="3080" spans="2:11" x14ac:dyDescent="0.2">
      <c r="B3080" s="77"/>
      <c r="C3080" s="39" t="s">
        <v>68</v>
      </c>
      <c r="D3080" s="45">
        <v>897</v>
      </c>
      <c r="E3080" s="46">
        <v>4.9000000000000004</v>
      </c>
      <c r="F3080" s="46">
        <v>31.8</v>
      </c>
      <c r="G3080" s="46">
        <v>30</v>
      </c>
      <c r="H3080" s="46">
        <v>25.3</v>
      </c>
      <c r="I3080" s="46">
        <v>8</v>
      </c>
      <c r="J3080" s="46">
        <v>-21.2</v>
      </c>
      <c r="K3080" s="59">
        <v>-50</v>
      </c>
    </row>
    <row r="3081" spans="2:11" x14ac:dyDescent="0.2">
      <c r="B3081" s="77"/>
      <c r="C3081" s="39" t="s">
        <v>69</v>
      </c>
      <c r="D3081" s="45">
        <v>189</v>
      </c>
      <c r="E3081" s="46">
        <v>1.6</v>
      </c>
      <c r="F3081" s="46">
        <v>13.8</v>
      </c>
      <c r="G3081" s="46">
        <v>28.6</v>
      </c>
      <c r="H3081" s="46">
        <v>42.9</v>
      </c>
      <c r="I3081" s="46">
        <v>13.2</v>
      </c>
      <c r="J3081" s="46">
        <v>-56.1</v>
      </c>
      <c r="K3081" s="59">
        <v>-50</v>
      </c>
    </row>
    <row r="3082" spans="2:11" x14ac:dyDescent="0.2">
      <c r="B3082" s="77"/>
      <c r="C3082" s="39" t="s">
        <v>70</v>
      </c>
      <c r="D3082" s="45">
        <v>914</v>
      </c>
      <c r="E3082" s="46">
        <v>4.7</v>
      </c>
      <c r="F3082" s="46">
        <v>22.3</v>
      </c>
      <c r="G3082" s="46">
        <v>26.8</v>
      </c>
      <c r="H3082" s="46">
        <v>36.4</v>
      </c>
      <c r="I3082" s="46">
        <v>9.6999999999999993</v>
      </c>
      <c r="J3082" s="46">
        <v>-37.6</v>
      </c>
      <c r="K3082" s="59">
        <v>-50</v>
      </c>
    </row>
    <row r="3083" spans="2:11" ht="21.6" x14ac:dyDescent="0.2">
      <c r="B3083" s="77"/>
      <c r="C3083" s="39" t="s">
        <v>63</v>
      </c>
      <c r="D3083" s="45">
        <v>193</v>
      </c>
      <c r="E3083" s="46">
        <v>6.2</v>
      </c>
      <c r="F3083" s="46">
        <v>32.1</v>
      </c>
      <c r="G3083" s="46">
        <v>25.9</v>
      </c>
      <c r="H3083" s="46">
        <v>23.8</v>
      </c>
      <c r="I3083" s="46">
        <v>11.9</v>
      </c>
      <c r="J3083" s="46">
        <v>-16.5</v>
      </c>
      <c r="K3083" s="59">
        <v>-50</v>
      </c>
    </row>
    <row r="3084" spans="2:11" x14ac:dyDescent="0.2">
      <c r="B3084" s="77"/>
      <c r="C3084" s="39" t="s">
        <v>64</v>
      </c>
      <c r="D3084" s="45">
        <v>203</v>
      </c>
      <c r="E3084" s="46">
        <v>6.9</v>
      </c>
      <c r="F3084" s="46">
        <v>20.7</v>
      </c>
      <c r="G3084" s="46">
        <v>24.6</v>
      </c>
      <c r="H3084" s="46">
        <v>40.4</v>
      </c>
      <c r="I3084" s="46">
        <v>7.4</v>
      </c>
      <c r="J3084" s="46">
        <v>-38.299999999999997</v>
      </c>
      <c r="K3084" s="59">
        <v>-50</v>
      </c>
    </row>
    <row r="3085" spans="2:11" x14ac:dyDescent="0.2">
      <c r="B3085" s="77"/>
      <c r="C3085" s="39" t="s">
        <v>65</v>
      </c>
      <c r="D3085" s="45">
        <v>263</v>
      </c>
      <c r="E3085" s="46">
        <v>3.8</v>
      </c>
      <c r="F3085" s="46">
        <v>20.9</v>
      </c>
      <c r="G3085" s="46">
        <v>28.9</v>
      </c>
      <c r="H3085" s="46">
        <v>37.299999999999997</v>
      </c>
      <c r="I3085" s="46">
        <v>9.1</v>
      </c>
      <c r="J3085" s="46">
        <v>-41.2</v>
      </c>
      <c r="K3085" s="59">
        <v>-50</v>
      </c>
    </row>
    <row r="3086" spans="2:11" x14ac:dyDescent="0.2">
      <c r="B3086" s="77"/>
      <c r="C3086" s="39" t="s">
        <v>66</v>
      </c>
      <c r="D3086" s="45">
        <v>194</v>
      </c>
      <c r="E3086" s="46">
        <v>3.6</v>
      </c>
      <c r="F3086" s="46">
        <v>17</v>
      </c>
      <c r="G3086" s="46">
        <v>25.8</v>
      </c>
      <c r="H3086" s="46">
        <v>43.8</v>
      </c>
      <c r="I3086" s="46">
        <v>9.8000000000000007</v>
      </c>
      <c r="J3086" s="46">
        <v>-49.4</v>
      </c>
      <c r="K3086" s="59">
        <v>-50</v>
      </c>
    </row>
    <row r="3087" spans="2:11" x14ac:dyDescent="0.2">
      <c r="B3087" s="77"/>
      <c r="C3087" s="39" t="s">
        <v>67</v>
      </c>
      <c r="D3087" s="45">
        <v>61</v>
      </c>
      <c r="E3087" s="46">
        <v>0</v>
      </c>
      <c r="F3087" s="46">
        <v>19.7</v>
      </c>
      <c r="G3087" s="46">
        <v>31.1</v>
      </c>
      <c r="H3087" s="46">
        <v>36.1</v>
      </c>
      <c r="I3087" s="46">
        <v>13.1</v>
      </c>
      <c r="J3087" s="46">
        <v>-48.1</v>
      </c>
      <c r="K3087" s="59">
        <v>-50</v>
      </c>
    </row>
    <row r="3088" spans="2:11" x14ac:dyDescent="0.2">
      <c r="B3088" s="77"/>
      <c r="C3088" s="39" t="s">
        <v>68</v>
      </c>
      <c r="D3088" s="45">
        <v>416</v>
      </c>
      <c r="E3088" s="46">
        <v>6.7</v>
      </c>
      <c r="F3088" s="46">
        <v>30.3</v>
      </c>
      <c r="G3088" s="46">
        <v>27.6</v>
      </c>
      <c r="H3088" s="46">
        <v>27.6</v>
      </c>
      <c r="I3088" s="46">
        <v>7.7</v>
      </c>
      <c r="J3088" s="46">
        <v>-21.2</v>
      </c>
      <c r="K3088" s="59">
        <v>-50</v>
      </c>
    </row>
    <row r="3089" spans="1:25" x14ac:dyDescent="0.2">
      <c r="B3089" s="77"/>
      <c r="C3089" s="40" t="s">
        <v>69</v>
      </c>
      <c r="D3089" s="48">
        <v>498</v>
      </c>
      <c r="E3089" s="49">
        <v>3</v>
      </c>
      <c r="F3089" s="49">
        <v>15.7</v>
      </c>
      <c r="G3089" s="49">
        <v>26.1</v>
      </c>
      <c r="H3089" s="49">
        <v>43.8</v>
      </c>
      <c r="I3089" s="49">
        <v>11.4</v>
      </c>
      <c r="J3089" s="49">
        <v>-51.9</v>
      </c>
      <c r="K3089" s="60">
        <v>-50</v>
      </c>
    </row>
    <row r="3090" spans="1:25" x14ac:dyDescent="0.2">
      <c r="B3090" s="7" t="s">
        <v>71</v>
      </c>
      <c r="C3090" s="4" t="s">
        <v>157</v>
      </c>
    </row>
    <row r="3091" spans="1:25" x14ac:dyDescent="0.2">
      <c r="B3091" s="4"/>
      <c r="C3091" s="4" t="s">
        <v>73</v>
      </c>
    </row>
    <row r="3093" spans="1:25" x14ac:dyDescent="0.2">
      <c r="A3093" s="26" t="s">
        <v>25</v>
      </c>
      <c r="B3093" t="s">
        <v>35</v>
      </c>
      <c r="C3093" t="s">
        <v>35</v>
      </c>
    </row>
    <row r="3094" spans="1:25" x14ac:dyDescent="0.2">
      <c r="B3094" s="75" t="s">
        <v>158</v>
      </c>
      <c r="C3094" s="76"/>
      <c r="D3094" s="76"/>
      <c r="E3094" s="76"/>
      <c r="F3094" s="76"/>
      <c r="G3094" s="76"/>
      <c r="H3094" s="76"/>
      <c r="I3094" s="76"/>
      <c r="J3094" s="76"/>
      <c r="K3094" s="76"/>
      <c r="L3094" s="76"/>
      <c r="M3094" s="76"/>
      <c r="N3094" s="76"/>
      <c r="O3094" s="76"/>
      <c r="P3094" s="76"/>
      <c r="Q3094" s="76"/>
      <c r="R3094" s="76"/>
      <c r="S3094" s="76"/>
      <c r="T3094" s="76"/>
      <c r="U3094" s="76"/>
      <c r="V3094" s="76"/>
      <c r="W3094" s="76"/>
      <c r="X3094" s="76"/>
      <c r="Y3094" s="76"/>
    </row>
    <row r="3095" spans="1:25" s="32" customFormat="1" ht="68.849999999999994" customHeight="1" x14ac:dyDescent="0.15">
      <c r="A3095" s="31"/>
      <c r="D3095" s="33" t="s">
        <v>378</v>
      </c>
      <c r="E3095" s="36" t="s">
        <v>563</v>
      </c>
      <c r="F3095" s="55" t="s">
        <v>564</v>
      </c>
      <c r="G3095" s="55" t="s">
        <v>565</v>
      </c>
      <c r="H3095" s="55" t="s">
        <v>566</v>
      </c>
      <c r="I3095" s="55" t="s">
        <v>480</v>
      </c>
      <c r="J3095" s="56" t="s">
        <v>387</v>
      </c>
      <c r="K3095" s="57" t="s">
        <v>388</v>
      </c>
      <c r="L3095" s="54" t="s">
        <v>381</v>
      </c>
    </row>
    <row r="3096" spans="1:25" x14ac:dyDescent="0.2">
      <c r="B3096" s="5"/>
      <c r="C3096" s="41" t="s">
        <v>38</v>
      </c>
      <c r="D3096" s="42">
        <v>2000</v>
      </c>
      <c r="E3096" s="43">
        <v>9.3000000000000007</v>
      </c>
      <c r="F3096" s="43">
        <v>37.799999999999997</v>
      </c>
      <c r="G3096" s="43">
        <v>26.1</v>
      </c>
      <c r="H3096" s="43">
        <v>19.5</v>
      </c>
      <c r="I3096" s="43">
        <v>7.5</v>
      </c>
      <c r="J3096" s="43">
        <v>-4.7</v>
      </c>
      <c r="K3096" s="58">
        <v>50</v>
      </c>
    </row>
    <row r="3097" spans="1:25" x14ac:dyDescent="0.2">
      <c r="B3097" s="77" t="s">
        <v>37</v>
      </c>
      <c r="C3097" s="39" t="s">
        <v>39</v>
      </c>
      <c r="D3097" s="45">
        <v>111</v>
      </c>
      <c r="E3097" s="46">
        <v>15.3</v>
      </c>
      <c r="F3097" s="46">
        <v>38.700000000000003</v>
      </c>
      <c r="G3097" s="46">
        <v>19.8</v>
      </c>
      <c r="H3097" s="46">
        <v>18</v>
      </c>
      <c r="I3097" s="46">
        <v>8.1</v>
      </c>
      <c r="J3097" s="46">
        <v>7.4</v>
      </c>
      <c r="K3097" s="59">
        <v>50</v>
      </c>
    </row>
    <row r="3098" spans="1:25" x14ac:dyDescent="0.2">
      <c r="B3098" s="77"/>
      <c r="C3098" s="39" t="s">
        <v>40</v>
      </c>
      <c r="D3098" s="45">
        <v>450</v>
      </c>
      <c r="E3098" s="46">
        <v>9.8000000000000007</v>
      </c>
      <c r="F3098" s="46">
        <v>37.799999999999997</v>
      </c>
      <c r="G3098" s="46">
        <v>27.6</v>
      </c>
      <c r="H3098" s="46">
        <v>19.3</v>
      </c>
      <c r="I3098" s="46">
        <v>5.6</v>
      </c>
      <c r="J3098" s="46">
        <v>-4.7</v>
      </c>
      <c r="K3098" s="59">
        <v>50</v>
      </c>
    </row>
    <row r="3099" spans="1:25" ht="21.6" x14ac:dyDescent="0.2">
      <c r="B3099" s="77"/>
      <c r="C3099" s="39" t="s">
        <v>41</v>
      </c>
      <c r="D3099" s="45">
        <v>30</v>
      </c>
      <c r="E3099" s="46">
        <v>6.7</v>
      </c>
      <c r="F3099" s="46">
        <v>33.299999999999997</v>
      </c>
      <c r="G3099" s="46">
        <v>33.299999999999997</v>
      </c>
      <c r="H3099" s="46">
        <v>16.7</v>
      </c>
      <c r="I3099" s="46">
        <v>10</v>
      </c>
      <c r="J3099" s="46">
        <v>-11.1</v>
      </c>
      <c r="K3099" s="59">
        <v>-50</v>
      </c>
    </row>
    <row r="3100" spans="1:25" ht="21.6" x14ac:dyDescent="0.2">
      <c r="B3100" s="77"/>
      <c r="C3100" s="39" t="s">
        <v>42</v>
      </c>
      <c r="D3100" s="45">
        <v>336</v>
      </c>
      <c r="E3100" s="46">
        <v>11.9</v>
      </c>
      <c r="F3100" s="46">
        <v>36.9</v>
      </c>
      <c r="G3100" s="46">
        <v>26.5</v>
      </c>
      <c r="H3100" s="46">
        <v>17.899999999999999</v>
      </c>
      <c r="I3100" s="46">
        <v>6.8</v>
      </c>
      <c r="J3100" s="46">
        <v>-0.8</v>
      </c>
      <c r="K3100" s="59">
        <v>50</v>
      </c>
    </row>
    <row r="3101" spans="1:25" ht="21.6" x14ac:dyDescent="0.2">
      <c r="B3101" s="77"/>
      <c r="C3101" s="39" t="s">
        <v>43</v>
      </c>
      <c r="D3101" s="45">
        <v>327</v>
      </c>
      <c r="E3101" s="46">
        <v>7</v>
      </c>
      <c r="F3101" s="46">
        <v>40.700000000000003</v>
      </c>
      <c r="G3101" s="46">
        <v>26</v>
      </c>
      <c r="H3101" s="46">
        <v>17.7</v>
      </c>
      <c r="I3101" s="46">
        <v>8.6</v>
      </c>
      <c r="J3101" s="46">
        <v>-3.7</v>
      </c>
      <c r="K3101" s="59">
        <v>50</v>
      </c>
    </row>
    <row r="3102" spans="1:25" ht="21.6" x14ac:dyDescent="0.2">
      <c r="B3102" s="77"/>
      <c r="C3102" s="39" t="s">
        <v>44</v>
      </c>
      <c r="D3102" s="45">
        <v>181</v>
      </c>
      <c r="E3102" s="46">
        <v>7.7</v>
      </c>
      <c r="F3102" s="46">
        <v>38.1</v>
      </c>
      <c r="G3102" s="46">
        <v>26</v>
      </c>
      <c r="H3102" s="46">
        <v>21</v>
      </c>
      <c r="I3102" s="46">
        <v>7.2</v>
      </c>
      <c r="J3102" s="46">
        <v>-7.7</v>
      </c>
      <c r="K3102" s="59">
        <v>-50</v>
      </c>
    </row>
    <row r="3103" spans="1:25" ht="21.6" x14ac:dyDescent="0.2">
      <c r="B3103" s="77"/>
      <c r="C3103" s="39" t="s">
        <v>45</v>
      </c>
      <c r="D3103" s="45">
        <v>565</v>
      </c>
      <c r="E3103" s="46">
        <v>8</v>
      </c>
      <c r="F3103" s="46">
        <v>36.6</v>
      </c>
      <c r="G3103" s="46">
        <v>25.5</v>
      </c>
      <c r="H3103" s="46">
        <v>21.4</v>
      </c>
      <c r="I3103" s="46">
        <v>8.5</v>
      </c>
      <c r="J3103" s="46">
        <v>-8.6</v>
      </c>
      <c r="K3103" s="59">
        <v>-50</v>
      </c>
    </row>
    <row r="3104" spans="1:25" ht="21.6" x14ac:dyDescent="0.2">
      <c r="B3104" s="77"/>
      <c r="C3104" s="39" t="s">
        <v>46</v>
      </c>
      <c r="D3104" s="45">
        <v>473</v>
      </c>
      <c r="E3104" s="46">
        <v>7.4</v>
      </c>
      <c r="F3104" s="46">
        <v>32.299999999999997</v>
      </c>
      <c r="G3104" s="46">
        <v>26.8</v>
      </c>
      <c r="H3104" s="46">
        <v>26.2</v>
      </c>
      <c r="I3104" s="46">
        <v>7.2</v>
      </c>
      <c r="J3104" s="46">
        <v>-17.3</v>
      </c>
      <c r="K3104" s="59">
        <v>-50</v>
      </c>
    </row>
    <row r="3105" spans="2:25" ht="21.6" x14ac:dyDescent="0.2">
      <c r="B3105" s="77"/>
      <c r="C3105" s="39" t="s">
        <v>47</v>
      </c>
      <c r="D3105" s="45">
        <v>441</v>
      </c>
      <c r="E3105" s="46">
        <v>8.1999999999999993</v>
      </c>
      <c r="F3105" s="46">
        <v>41.5</v>
      </c>
      <c r="G3105" s="46">
        <v>25.4</v>
      </c>
      <c r="H3105" s="46">
        <v>18.8</v>
      </c>
      <c r="I3105" s="46">
        <v>6.1</v>
      </c>
      <c r="J3105" s="46">
        <v>-2.8</v>
      </c>
      <c r="K3105" s="59">
        <v>50</v>
      </c>
    </row>
    <row r="3106" spans="2:25" ht="21.6" x14ac:dyDescent="0.2">
      <c r="B3106" s="77"/>
      <c r="C3106" s="39" t="s">
        <v>48</v>
      </c>
      <c r="D3106" s="45">
        <v>305</v>
      </c>
      <c r="E3106" s="46">
        <v>10.5</v>
      </c>
      <c r="F3106" s="46">
        <v>40.700000000000003</v>
      </c>
      <c r="G3106" s="46">
        <v>27.9</v>
      </c>
      <c r="H3106" s="46">
        <v>17.399999999999999</v>
      </c>
      <c r="I3106" s="46">
        <v>3.6</v>
      </c>
      <c r="J3106" s="46">
        <v>-0.5</v>
      </c>
      <c r="K3106" s="59">
        <v>50</v>
      </c>
    </row>
    <row r="3107" spans="2:25" ht="21.6" x14ac:dyDescent="0.2">
      <c r="B3107" s="77"/>
      <c r="C3107" s="39" t="s">
        <v>49</v>
      </c>
      <c r="D3107" s="45">
        <v>223</v>
      </c>
      <c r="E3107" s="46">
        <v>9.4</v>
      </c>
      <c r="F3107" s="46">
        <v>45.7</v>
      </c>
      <c r="G3107" s="46">
        <v>23.8</v>
      </c>
      <c r="H3107" s="46">
        <v>17.5</v>
      </c>
      <c r="I3107" s="46">
        <v>3.6</v>
      </c>
      <c r="J3107" s="46">
        <v>3</v>
      </c>
      <c r="K3107" s="59">
        <v>50</v>
      </c>
    </row>
    <row r="3108" spans="2:25" ht="21.6" x14ac:dyDescent="0.2">
      <c r="B3108" s="77"/>
      <c r="C3108" s="39" t="s">
        <v>50</v>
      </c>
      <c r="D3108" s="45">
        <v>123</v>
      </c>
      <c r="E3108" s="46">
        <v>15.4</v>
      </c>
      <c r="F3108" s="46">
        <v>44.7</v>
      </c>
      <c r="G3108" s="46">
        <v>28.5</v>
      </c>
      <c r="H3108" s="46">
        <v>9.8000000000000007</v>
      </c>
      <c r="I3108" s="46">
        <v>1.6</v>
      </c>
      <c r="J3108" s="46">
        <v>14</v>
      </c>
      <c r="K3108" s="59">
        <v>50</v>
      </c>
    </row>
    <row r="3109" spans="2:25" ht="21.6" x14ac:dyDescent="0.2">
      <c r="B3109" s="77"/>
      <c r="C3109" s="39" t="s">
        <v>51</v>
      </c>
      <c r="D3109" s="45">
        <v>124</v>
      </c>
      <c r="E3109" s="46">
        <v>22.6</v>
      </c>
      <c r="F3109" s="46">
        <v>43.5</v>
      </c>
      <c r="G3109" s="46">
        <v>15.3</v>
      </c>
      <c r="H3109" s="46">
        <v>13.7</v>
      </c>
      <c r="I3109" s="46">
        <v>4.8</v>
      </c>
      <c r="J3109" s="46">
        <v>24.2</v>
      </c>
      <c r="K3109" s="59">
        <v>50</v>
      </c>
    </row>
    <row r="3110" spans="2:25" ht="21.6" x14ac:dyDescent="0.2">
      <c r="B3110" s="77"/>
      <c r="C3110" s="39" t="s">
        <v>52</v>
      </c>
      <c r="D3110" s="45">
        <v>312</v>
      </c>
      <c r="E3110" s="46">
        <v>9</v>
      </c>
      <c r="F3110" s="46">
        <v>40.4</v>
      </c>
      <c r="G3110" s="46">
        <v>24.7</v>
      </c>
      <c r="H3110" s="46">
        <v>18.3</v>
      </c>
      <c r="I3110" s="46">
        <v>7.7</v>
      </c>
      <c r="J3110" s="46">
        <v>-1.6</v>
      </c>
      <c r="K3110" s="59">
        <v>50</v>
      </c>
    </row>
    <row r="3111" spans="2:25" x14ac:dyDescent="0.2">
      <c r="B3111" s="77"/>
      <c r="C3111" s="39" t="s">
        <v>53</v>
      </c>
      <c r="D3111" s="45">
        <v>269</v>
      </c>
      <c r="E3111" s="46">
        <v>8.9</v>
      </c>
      <c r="F3111" s="46">
        <v>33.799999999999997</v>
      </c>
      <c r="G3111" s="46">
        <v>31.2</v>
      </c>
      <c r="H3111" s="46">
        <v>20.8</v>
      </c>
      <c r="I3111" s="46">
        <v>5.2</v>
      </c>
      <c r="J3111" s="46">
        <v>-11.2</v>
      </c>
      <c r="K3111" s="59">
        <v>-50</v>
      </c>
    </row>
    <row r="3112" spans="2:25" ht="21.6" x14ac:dyDescent="0.2">
      <c r="B3112" s="77"/>
      <c r="C3112" s="39" t="s">
        <v>54</v>
      </c>
      <c r="D3112" s="45">
        <v>511</v>
      </c>
      <c r="E3112" s="46">
        <v>11</v>
      </c>
      <c r="F3112" s="46">
        <v>41.3</v>
      </c>
      <c r="G3112" s="46">
        <v>21.5</v>
      </c>
      <c r="H3112" s="46">
        <v>20.5</v>
      </c>
      <c r="I3112" s="46">
        <v>5.7</v>
      </c>
      <c r="J3112" s="46">
        <v>0.3</v>
      </c>
      <c r="K3112" s="59">
        <v>50</v>
      </c>
    </row>
    <row r="3113" spans="2:25" ht="21.6" x14ac:dyDescent="0.2">
      <c r="B3113" s="77"/>
      <c r="C3113" s="39" t="s">
        <v>55</v>
      </c>
      <c r="D3113" s="45">
        <v>615</v>
      </c>
      <c r="E3113" s="46">
        <v>11.2</v>
      </c>
      <c r="F3113" s="46">
        <v>42</v>
      </c>
      <c r="G3113" s="46">
        <v>27.3</v>
      </c>
      <c r="H3113" s="46">
        <v>14.6</v>
      </c>
      <c r="I3113" s="46">
        <v>4.9000000000000004</v>
      </c>
      <c r="J3113" s="46">
        <v>4.0999999999999996</v>
      </c>
      <c r="K3113" s="59">
        <v>50</v>
      </c>
    </row>
    <row r="3114" spans="2:25" ht="21.6" x14ac:dyDescent="0.2">
      <c r="B3114" s="77"/>
      <c r="C3114" s="39" t="s">
        <v>56</v>
      </c>
      <c r="D3114" s="45">
        <v>800</v>
      </c>
      <c r="E3114" s="46">
        <v>12.3</v>
      </c>
      <c r="F3114" s="46">
        <v>41</v>
      </c>
      <c r="G3114" s="46">
        <v>25.6</v>
      </c>
      <c r="H3114" s="46">
        <v>14.9</v>
      </c>
      <c r="I3114" s="46">
        <v>6.3</v>
      </c>
      <c r="J3114" s="46">
        <v>5.4</v>
      </c>
      <c r="K3114" s="59">
        <v>50</v>
      </c>
    </row>
    <row r="3115" spans="2:25" x14ac:dyDescent="0.2">
      <c r="B3115" s="77"/>
      <c r="C3115" s="40" t="s">
        <v>57</v>
      </c>
      <c r="D3115" s="48">
        <v>798</v>
      </c>
      <c r="E3115" s="49">
        <v>7.9</v>
      </c>
      <c r="F3115" s="49">
        <v>39.6</v>
      </c>
      <c r="G3115" s="49">
        <v>25.8</v>
      </c>
      <c r="H3115" s="49">
        <v>20.9</v>
      </c>
      <c r="I3115" s="49">
        <v>5.8</v>
      </c>
      <c r="J3115" s="49">
        <v>-6.5</v>
      </c>
      <c r="K3115" s="60">
        <v>50</v>
      </c>
    </row>
    <row r="3116" spans="2:25" x14ac:dyDescent="0.2">
      <c r="B3116" s="7" t="s">
        <v>71</v>
      </c>
      <c r="C3116" s="4" t="s">
        <v>159</v>
      </c>
    </row>
    <row r="3117" spans="2:25" x14ac:dyDescent="0.2">
      <c r="B3117" s="4"/>
      <c r="C3117" s="4" t="s">
        <v>73</v>
      </c>
    </row>
    <row r="3119" spans="2:25" x14ac:dyDescent="0.2">
      <c r="C3119" t="s">
        <v>35</v>
      </c>
    </row>
    <row r="3120" spans="2:25" x14ac:dyDescent="0.2">
      <c r="B3120" s="75" t="s">
        <v>317</v>
      </c>
      <c r="C3120" s="76"/>
      <c r="D3120" s="76"/>
      <c r="E3120" s="76"/>
      <c r="F3120" s="76"/>
      <c r="G3120" s="76"/>
      <c r="H3120" s="76"/>
      <c r="I3120" s="76"/>
      <c r="J3120" s="76"/>
      <c r="K3120" s="76"/>
      <c r="L3120" s="76"/>
      <c r="M3120" s="76"/>
      <c r="N3120" s="76"/>
      <c r="O3120" s="76"/>
      <c r="P3120" s="76"/>
      <c r="Q3120" s="76"/>
      <c r="R3120" s="76"/>
      <c r="S3120" s="76"/>
      <c r="T3120" s="76"/>
      <c r="U3120" s="76"/>
      <c r="V3120" s="76"/>
      <c r="W3120" s="76"/>
      <c r="X3120" s="76"/>
      <c r="Y3120" s="76"/>
    </row>
    <row r="3121" spans="1:12" s="32" customFormat="1" ht="68.849999999999994" customHeight="1" x14ac:dyDescent="0.15">
      <c r="A3121" s="31"/>
      <c r="D3121" s="33" t="s">
        <v>378</v>
      </c>
      <c r="E3121" s="36" t="s">
        <v>563</v>
      </c>
      <c r="F3121" s="55" t="s">
        <v>564</v>
      </c>
      <c r="G3121" s="55" t="s">
        <v>565</v>
      </c>
      <c r="H3121" s="55" t="s">
        <v>566</v>
      </c>
      <c r="I3121" s="55" t="s">
        <v>480</v>
      </c>
      <c r="J3121" s="56" t="s">
        <v>387</v>
      </c>
      <c r="K3121" s="57" t="s">
        <v>388</v>
      </c>
      <c r="L3121" s="54" t="s">
        <v>381</v>
      </c>
    </row>
    <row r="3122" spans="1:12" ht="21.6" x14ac:dyDescent="0.2">
      <c r="B3122" s="77" t="s">
        <v>37</v>
      </c>
      <c r="C3122" s="38" t="s">
        <v>58</v>
      </c>
      <c r="D3122" s="51">
        <v>609</v>
      </c>
      <c r="E3122" s="52">
        <v>11.7</v>
      </c>
      <c r="F3122" s="52">
        <v>39.200000000000003</v>
      </c>
      <c r="G3122" s="52">
        <v>26.8</v>
      </c>
      <c r="H3122" s="52">
        <v>14.6</v>
      </c>
      <c r="I3122" s="52">
        <v>7.7</v>
      </c>
      <c r="J3122" s="52">
        <v>3.6</v>
      </c>
      <c r="K3122" s="61">
        <v>50</v>
      </c>
    </row>
    <row r="3123" spans="1:12" ht="21.6" x14ac:dyDescent="0.2">
      <c r="B3123" s="77"/>
      <c r="C3123" s="39" t="s">
        <v>59</v>
      </c>
      <c r="D3123" s="45">
        <v>1391</v>
      </c>
      <c r="E3123" s="46">
        <v>8.1999999999999993</v>
      </c>
      <c r="F3123" s="46">
        <v>37.200000000000003</v>
      </c>
      <c r="G3123" s="46">
        <v>25.7</v>
      </c>
      <c r="H3123" s="46">
        <v>21.6</v>
      </c>
      <c r="I3123" s="46">
        <v>7.3</v>
      </c>
      <c r="J3123" s="46">
        <v>-8.3000000000000007</v>
      </c>
      <c r="K3123" s="59">
        <v>-50</v>
      </c>
    </row>
    <row r="3124" spans="1:12" x14ac:dyDescent="0.2">
      <c r="B3124" s="77"/>
      <c r="C3124" s="39" t="s">
        <v>60</v>
      </c>
      <c r="D3124" s="45">
        <v>1325</v>
      </c>
      <c r="E3124" s="46">
        <v>9.8000000000000007</v>
      </c>
      <c r="F3124" s="46">
        <v>38</v>
      </c>
      <c r="G3124" s="46">
        <v>26.4</v>
      </c>
      <c r="H3124" s="46">
        <v>18.600000000000001</v>
      </c>
      <c r="I3124" s="46">
        <v>7.1</v>
      </c>
      <c r="J3124" s="46">
        <v>-3.2</v>
      </c>
      <c r="K3124" s="59">
        <v>50</v>
      </c>
    </row>
    <row r="3125" spans="1:12" x14ac:dyDescent="0.2">
      <c r="B3125" s="77"/>
      <c r="C3125" s="39" t="s">
        <v>61</v>
      </c>
      <c r="D3125" s="45">
        <v>675</v>
      </c>
      <c r="E3125" s="46">
        <v>8.1</v>
      </c>
      <c r="F3125" s="46">
        <v>37.299999999999997</v>
      </c>
      <c r="G3125" s="46">
        <v>25.3</v>
      </c>
      <c r="H3125" s="46">
        <v>21</v>
      </c>
      <c r="I3125" s="46">
        <v>8.1</v>
      </c>
      <c r="J3125" s="46">
        <v>-7.5</v>
      </c>
      <c r="K3125" s="59">
        <v>-50</v>
      </c>
    </row>
    <row r="3126" spans="1:12" x14ac:dyDescent="0.2">
      <c r="B3126" s="77"/>
      <c r="C3126" s="39" t="s">
        <v>62</v>
      </c>
      <c r="D3126" s="45">
        <v>1086</v>
      </c>
      <c r="E3126" s="46">
        <v>10.1</v>
      </c>
      <c r="F3126" s="46">
        <v>38.4</v>
      </c>
      <c r="G3126" s="46">
        <v>26.7</v>
      </c>
      <c r="H3126" s="46">
        <v>16.5</v>
      </c>
      <c r="I3126" s="46">
        <v>8.3000000000000007</v>
      </c>
      <c r="J3126" s="46">
        <v>-0.6</v>
      </c>
      <c r="K3126" s="59">
        <v>50</v>
      </c>
    </row>
    <row r="3127" spans="1:12" ht="21.6" x14ac:dyDescent="0.2">
      <c r="B3127" s="77"/>
      <c r="C3127" s="39" t="s">
        <v>63</v>
      </c>
      <c r="D3127" s="45">
        <v>203</v>
      </c>
      <c r="E3127" s="46">
        <v>11.3</v>
      </c>
      <c r="F3127" s="46">
        <v>33</v>
      </c>
      <c r="G3127" s="46">
        <v>27.1</v>
      </c>
      <c r="H3127" s="46">
        <v>15.8</v>
      </c>
      <c r="I3127" s="46">
        <v>12.8</v>
      </c>
      <c r="J3127" s="46">
        <v>-1.7</v>
      </c>
      <c r="K3127" s="59">
        <v>50</v>
      </c>
    </row>
    <row r="3128" spans="1:12" x14ac:dyDescent="0.2">
      <c r="B3128" s="77"/>
      <c r="C3128" s="39" t="s">
        <v>64</v>
      </c>
      <c r="D3128" s="45">
        <v>263</v>
      </c>
      <c r="E3128" s="46">
        <v>9.9</v>
      </c>
      <c r="F3128" s="46">
        <v>40.299999999999997</v>
      </c>
      <c r="G3128" s="46">
        <v>28.9</v>
      </c>
      <c r="H3128" s="46">
        <v>14.1</v>
      </c>
      <c r="I3128" s="46">
        <v>6.8</v>
      </c>
      <c r="J3128" s="46">
        <v>1.6</v>
      </c>
      <c r="K3128" s="59">
        <v>50</v>
      </c>
    </row>
    <row r="3129" spans="1:12" x14ac:dyDescent="0.2">
      <c r="B3129" s="77"/>
      <c r="C3129" s="39" t="s">
        <v>65</v>
      </c>
      <c r="D3129" s="45">
        <v>312</v>
      </c>
      <c r="E3129" s="46">
        <v>9.3000000000000007</v>
      </c>
      <c r="F3129" s="46">
        <v>34.6</v>
      </c>
      <c r="G3129" s="46">
        <v>27.9</v>
      </c>
      <c r="H3129" s="46">
        <v>18.899999999999999</v>
      </c>
      <c r="I3129" s="46">
        <v>9.3000000000000007</v>
      </c>
      <c r="J3129" s="46">
        <v>-6.9</v>
      </c>
      <c r="K3129" s="59">
        <v>-50</v>
      </c>
    </row>
    <row r="3130" spans="1:12" x14ac:dyDescent="0.2">
      <c r="B3130" s="77"/>
      <c r="C3130" s="39" t="s">
        <v>66</v>
      </c>
      <c r="D3130" s="45">
        <v>230</v>
      </c>
      <c r="E3130" s="46">
        <v>10.9</v>
      </c>
      <c r="F3130" s="46">
        <v>43.9</v>
      </c>
      <c r="G3130" s="46">
        <v>23.9</v>
      </c>
      <c r="H3130" s="46">
        <v>15.2</v>
      </c>
      <c r="I3130" s="46">
        <v>6.1</v>
      </c>
      <c r="J3130" s="46">
        <v>6</v>
      </c>
      <c r="K3130" s="59">
        <v>50</v>
      </c>
    </row>
    <row r="3131" spans="1:12" x14ac:dyDescent="0.2">
      <c r="B3131" s="77"/>
      <c r="C3131" s="39" t="s">
        <v>67</v>
      </c>
      <c r="D3131" s="45">
        <v>78</v>
      </c>
      <c r="E3131" s="46">
        <v>9</v>
      </c>
      <c r="F3131" s="46">
        <v>44.9</v>
      </c>
      <c r="G3131" s="46">
        <v>21.8</v>
      </c>
      <c r="H3131" s="46">
        <v>20.5</v>
      </c>
      <c r="I3131" s="46">
        <v>3.8</v>
      </c>
      <c r="J3131" s="46">
        <v>0</v>
      </c>
      <c r="K3131" s="59">
        <v>50</v>
      </c>
    </row>
    <row r="3132" spans="1:12" x14ac:dyDescent="0.2">
      <c r="B3132" s="77"/>
      <c r="C3132" s="39" t="s">
        <v>68</v>
      </c>
      <c r="D3132" s="45">
        <v>897</v>
      </c>
      <c r="E3132" s="46">
        <v>11.5</v>
      </c>
      <c r="F3132" s="46">
        <v>40.200000000000003</v>
      </c>
      <c r="G3132" s="46">
        <v>27.3</v>
      </c>
      <c r="H3132" s="46">
        <v>13.7</v>
      </c>
      <c r="I3132" s="46">
        <v>7.2</v>
      </c>
      <c r="J3132" s="46">
        <v>4.5999999999999996</v>
      </c>
      <c r="K3132" s="59">
        <v>50</v>
      </c>
    </row>
    <row r="3133" spans="1:12" x14ac:dyDescent="0.2">
      <c r="B3133" s="77"/>
      <c r="C3133" s="39" t="s">
        <v>69</v>
      </c>
      <c r="D3133" s="45">
        <v>189</v>
      </c>
      <c r="E3133" s="46">
        <v>3.7</v>
      </c>
      <c r="F3133" s="46">
        <v>29.6</v>
      </c>
      <c r="G3133" s="46">
        <v>23.8</v>
      </c>
      <c r="H3133" s="46">
        <v>29.6</v>
      </c>
      <c r="I3133" s="46">
        <v>13.2</v>
      </c>
      <c r="J3133" s="46">
        <v>-26.5</v>
      </c>
      <c r="K3133" s="59">
        <v>-50</v>
      </c>
    </row>
    <row r="3134" spans="1:12" x14ac:dyDescent="0.2">
      <c r="B3134" s="77"/>
      <c r="C3134" s="39" t="s">
        <v>70</v>
      </c>
      <c r="D3134" s="45">
        <v>914</v>
      </c>
      <c r="E3134" s="46">
        <v>8.1999999999999993</v>
      </c>
      <c r="F3134" s="46">
        <v>37.1</v>
      </c>
      <c r="G3134" s="46">
        <v>25.3</v>
      </c>
      <c r="H3134" s="46">
        <v>23</v>
      </c>
      <c r="I3134" s="46">
        <v>6.5</v>
      </c>
      <c r="J3134" s="46">
        <v>-9.5</v>
      </c>
      <c r="K3134" s="59">
        <v>-50</v>
      </c>
    </row>
    <row r="3135" spans="1:12" ht="21.6" x14ac:dyDescent="0.2">
      <c r="B3135" s="77"/>
      <c r="C3135" s="39" t="s">
        <v>63</v>
      </c>
      <c r="D3135" s="45">
        <v>193</v>
      </c>
      <c r="E3135" s="46">
        <v>10.4</v>
      </c>
      <c r="F3135" s="46">
        <v>37.299999999999997</v>
      </c>
      <c r="G3135" s="46">
        <v>25.4</v>
      </c>
      <c r="H3135" s="46">
        <v>17.100000000000001</v>
      </c>
      <c r="I3135" s="46">
        <v>9.8000000000000007</v>
      </c>
      <c r="J3135" s="46">
        <v>-0.9</v>
      </c>
      <c r="K3135" s="59">
        <v>50</v>
      </c>
    </row>
    <row r="3136" spans="1:12" x14ac:dyDescent="0.2">
      <c r="B3136" s="77"/>
      <c r="C3136" s="39" t="s">
        <v>64</v>
      </c>
      <c r="D3136" s="45">
        <v>203</v>
      </c>
      <c r="E3136" s="46">
        <v>9.4</v>
      </c>
      <c r="F3136" s="46">
        <v>38.4</v>
      </c>
      <c r="G3136" s="46">
        <v>22.7</v>
      </c>
      <c r="H3136" s="46">
        <v>23.6</v>
      </c>
      <c r="I3136" s="46">
        <v>5.9</v>
      </c>
      <c r="J3136" s="46">
        <v>-6.8</v>
      </c>
      <c r="K3136" s="59">
        <v>50</v>
      </c>
    </row>
    <row r="3137" spans="1:25" x14ac:dyDescent="0.2">
      <c r="B3137" s="77"/>
      <c r="C3137" s="39" t="s">
        <v>65</v>
      </c>
      <c r="D3137" s="45">
        <v>263</v>
      </c>
      <c r="E3137" s="46">
        <v>6.1</v>
      </c>
      <c r="F3137" s="46">
        <v>36.1</v>
      </c>
      <c r="G3137" s="46">
        <v>27</v>
      </c>
      <c r="H3137" s="46">
        <v>24.3</v>
      </c>
      <c r="I3137" s="46">
        <v>6.5</v>
      </c>
      <c r="J3137" s="46">
        <v>-14.6</v>
      </c>
      <c r="K3137" s="59">
        <v>-50</v>
      </c>
    </row>
    <row r="3138" spans="1:25" x14ac:dyDescent="0.2">
      <c r="B3138" s="77"/>
      <c r="C3138" s="39" t="s">
        <v>66</v>
      </c>
      <c r="D3138" s="45">
        <v>194</v>
      </c>
      <c r="E3138" s="46">
        <v>7.2</v>
      </c>
      <c r="F3138" s="46">
        <v>35.6</v>
      </c>
      <c r="G3138" s="46">
        <v>24.7</v>
      </c>
      <c r="H3138" s="46">
        <v>27.8</v>
      </c>
      <c r="I3138" s="46">
        <v>4.5999999999999996</v>
      </c>
      <c r="J3138" s="46">
        <v>-15.9</v>
      </c>
      <c r="K3138" s="59">
        <v>-50</v>
      </c>
    </row>
    <row r="3139" spans="1:25" x14ac:dyDescent="0.2">
      <c r="B3139" s="77"/>
      <c r="C3139" s="39" t="s">
        <v>67</v>
      </c>
      <c r="D3139" s="45">
        <v>61</v>
      </c>
      <c r="E3139" s="46">
        <v>9.8000000000000007</v>
      </c>
      <c r="F3139" s="46">
        <v>41</v>
      </c>
      <c r="G3139" s="46">
        <v>27.9</v>
      </c>
      <c r="H3139" s="46">
        <v>18</v>
      </c>
      <c r="I3139" s="46">
        <v>3.3</v>
      </c>
      <c r="J3139" s="46">
        <v>-1.7</v>
      </c>
      <c r="K3139" s="59">
        <v>50</v>
      </c>
    </row>
    <row r="3140" spans="1:25" x14ac:dyDescent="0.2">
      <c r="B3140" s="77"/>
      <c r="C3140" s="39" t="s">
        <v>68</v>
      </c>
      <c r="D3140" s="45">
        <v>416</v>
      </c>
      <c r="E3140" s="46">
        <v>11.3</v>
      </c>
      <c r="F3140" s="46">
        <v>44</v>
      </c>
      <c r="G3140" s="46">
        <v>23.1</v>
      </c>
      <c r="H3140" s="46">
        <v>15.9</v>
      </c>
      <c r="I3140" s="46">
        <v>5.8</v>
      </c>
      <c r="J3140" s="46">
        <v>6.3</v>
      </c>
      <c r="K3140" s="59">
        <v>50</v>
      </c>
    </row>
    <row r="3141" spans="1:25" x14ac:dyDescent="0.2">
      <c r="B3141" s="77"/>
      <c r="C3141" s="40" t="s">
        <v>69</v>
      </c>
      <c r="D3141" s="48">
        <v>498</v>
      </c>
      <c r="E3141" s="49">
        <v>5.6</v>
      </c>
      <c r="F3141" s="49">
        <v>31.3</v>
      </c>
      <c r="G3141" s="49">
        <v>27.1</v>
      </c>
      <c r="H3141" s="49">
        <v>28.9</v>
      </c>
      <c r="I3141" s="49">
        <v>7</v>
      </c>
      <c r="J3141" s="49">
        <v>-22.8</v>
      </c>
      <c r="K3141" s="60">
        <v>-50</v>
      </c>
    </row>
    <row r="3142" spans="1:25" x14ac:dyDescent="0.2">
      <c r="B3142" s="7" t="s">
        <v>71</v>
      </c>
      <c r="C3142" s="4" t="s">
        <v>159</v>
      </c>
    </row>
    <row r="3143" spans="1:25" x14ac:dyDescent="0.2">
      <c r="B3143" s="4"/>
      <c r="C3143" s="4" t="s">
        <v>73</v>
      </c>
    </row>
    <row r="3145" spans="1:25" x14ac:dyDescent="0.2">
      <c r="A3145" s="26" t="s">
        <v>25</v>
      </c>
      <c r="B3145" t="s">
        <v>35</v>
      </c>
      <c r="C3145" t="s">
        <v>35</v>
      </c>
    </row>
    <row r="3146" spans="1:25" x14ac:dyDescent="0.2">
      <c r="B3146" s="75" t="s">
        <v>160</v>
      </c>
      <c r="C3146" s="76"/>
      <c r="D3146" s="76"/>
      <c r="E3146" s="76"/>
      <c r="F3146" s="76"/>
      <c r="G3146" s="76"/>
      <c r="H3146" s="76"/>
      <c r="I3146" s="76"/>
      <c r="J3146" s="76"/>
      <c r="K3146" s="76"/>
      <c r="L3146" s="76"/>
      <c r="M3146" s="76"/>
      <c r="N3146" s="76"/>
      <c r="O3146" s="76"/>
      <c r="P3146" s="76"/>
      <c r="Q3146" s="76"/>
      <c r="R3146" s="76"/>
      <c r="S3146" s="76"/>
      <c r="T3146" s="76"/>
      <c r="U3146" s="76"/>
      <c r="V3146" s="76"/>
      <c r="W3146" s="76"/>
      <c r="X3146" s="76"/>
      <c r="Y3146" s="76"/>
    </row>
    <row r="3147" spans="1:25" s="32" customFormat="1" ht="68.849999999999994" customHeight="1" x14ac:dyDescent="0.15">
      <c r="A3147" s="31"/>
      <c r="D3147" s="33" t="s">
        <v>378</v>
      </c>
      <c r="E3147" s="36" t="s">
        <v>563</v>
      </c>
      <c r="F3147" s="55" t="s">
        <v>564</v>
      </c>
      <c r="G3147" s="55" t="s">
        <v>565</v>
      </c>
      <c r="H3147" s="55" t="s">
        <v>566</v>
      </c>
      <c r="I3147" s="55" t="s">
        <v>480</v>
      </c>
      <c r="J3147" s="56" t="s">
        <v>387</v>
      </c>
      <c r="K3147" s="57" t="s">
        <v>388</v>
      </c>
      <c r="L3147" s="54" t="s">
        <v>381</v>
      </c>
    </row>
    <row r="3148" spans="1:25" x14ac:dyDescent="0.2">
      <c r="B3148" s="5"/>
      <c r="C3148" s="41" t="s">
        <v>38</v>
      </c>
      <c r="D3148" s="42">
        <v>2000</v>
      </c>
      <c r="E3148" s="43">
        <v>9.6999999999999993</v>
      </c>
      <c r="F3148" s="43">
        <v>32.4</v>
      </c>
      <c r="G3148" s="43">
        <v>28.2</v>
      </c>
      <c r="H3148" s="43">
        <v>22.5</v>
      </c>
      <c r="I3148" s="43">
        <v>7.3</v>
      </c>
      <c r="J3148" s="43">
        <v>-11.5</v>
      </c>
      <c r="K3148" s="58">
        <v>-50</v>
      </c>
    </row>
    <row r="3149" spans="1:25" x14ac:dyDescent="0.2">
      <c r="B3149" s="77" t="s">
        <v>37</v>
      </c>
      <c r="C3149" s="39" t="s">
        <v>39</v>
      </c>
      <c r="D3149" s="45">
        <v>111</v>
      </c>
      <c r="E3149" s="46">
        <v>14.4</v>
      </c>
      <c r="F3149" s="46">
        <v>38.700000000000003</v>
      </c>
      <c r="G3149" s="46">
        <v>27</v>
      </c>
      <c r="H3149" s="46">
        <v>13.5</v>
      </c>
      <c r="I3149" s="46">
        <v>6.3</v>
      </c>
      <c r="J3149" s="46">
        <v>7.2</v>
      </c>
      <c r="K3149" s="59">
        <v>50</v>
      </c>
    </row>
    <row r="3150" spans="1:25" x14ac:dyDescent="0.2">
      <c r="B3150" s="77"/>
      <c r="C3150" s="39" t="s">
        <v>40</v>
      </c>
      <c r="D3150" s="45">
        <v>450</v>
      </c>
      <c r="E3150" s="46">
        <v>13.1</v>
      </c>
      <c r="F3150" s="46">
        <v>33.799999999999997</v>
      </c>
      <c r="G3150" s="46">
        <v>30.2</v>
      </c>
      <c r="H3150" s="46">
        <v>18</v>
      </c>
      <c r="I3150" s="46">
        <v>4.9000000000000004</v>
      </c>
      <c r="J3150" s="46">
        <v>-3.3</v>
      </c>
      <c r="K3150" s="59">
        <v>-50</v>
      </c>
    </row>
    <row r="3151" spans="1:25" ht="21.6" x14ac:dyDescent="0.2">
      <c r="B3151" s="77"/>
      <c r="C3151" s="39" t="s">
        <v>41</v>
      </c>
      <c r="D3151" s="45">
        <v>30</v>
      </c>
      <c r="E3151" s="46">
        <v>10</v>
      </c>
      <c r="F3151" s="46">
        <v>36.700000000000003</v>
      </c>
      <c r="G3151" s="46">
        <v>30</v>
      </c>
      <c r="H3151" s="46">
        <v>13.3</v>
      </c>
      <c r="I3151" s="46">
        <v>10</v>
      </c>
      <c r="J3151" s="46">
        <v>0</v>
      </c>
      <c r="K3151" s="59">
        <v>50</v>
      </c>
    </row>
    <row r="3152" spans="1:25" ht="21.6" x14ac:dyDescent="0.2">
      <c r="B3152" s="77"/>
      <c r="C3152" s="39" t="s">
        <v>42</v>
      </c>
      <c r="D3152" s="45">
        <v>336</v>
      </c>
      <c r="E3152" s="46">
        <v>14.9</v>
      </c>
      <c r="F3152" s="46">
        <v>38.1</v>
      </c>
      <c r="G3152" s="46">
        <v>21.4</v>
      </c>
      <c r="H3152" s="46">
        <v>19</v>
      </c>
      <c r="I3152" s="46">
        <v>6.5</v>
      </c>
      <c r="J3152" s="46">
        <v>4.5</v>
      </c>
      <c r="K3152" s="59">
        <v>50</v>
      </c>
    </row>
    <row r="3153" spans="2:11" ht="21.6" x14ac:dyDescent="0.2">
      <c r="B3153" s="77"/>
      <c r="C3153" s="39" t="s">
        <v>43</v>
      </c>
      <c r="D3153" s="45">
        <v>327</v>
      </c>
      <c r="E3153" s="46">
        <v>5.5</v>
      </c>
      <c r="F3153" s="46">
        <v>26.9</v>
      </c>
      <c r="G3153" s="46">
        <v>29.1</v>
      </c>
      <c r="H3153" s="46">
        <v>29.7</v>
      </c>
      <c r="I3153" s="46">
        <v>8.9</v>
      </c>
      <c r="J3153" s="46">
        <v>-27.7</v>
      </c>
      <c r="K3153" s="59">
        <v>-50</v>
      </c>
    </row>
    <row r="3154" spans="2:11" ht="21.6" x14ac:dyDescent="0.2">
      <c r="B3154" s="77"/>
      <c r="C3154" s="39" t="s">
        <v>44</v>
      </c>
      <c r="D3154" s="45">
        <v>181</v>
      </c>
      <c r="E3154" s="46">
        <v>8.8000000000000007</v>
      </c>
      <c r="F3154" s="46">
        <v>33.700000000000003</v>
      </c>
      <c r="G3154" s="46">
        <v>29.3</v>
      </c>
      <c r="H3154" s="46">
        <v>21.5</v>
      </c>
      <c r="I3154" s="46">
        <v>6.6</v>
      </c>
      <c r="J3154" s="46">
        <v>-11.2</v>
      </c>
      <c r="K3154" s="59">
        <v>-50</v>
      </c>
    </row>
    <row r="3155" spans="2:11" ht="21.6" x14ac:dyDescent="0.2">
      <c r="B3155" s="77"/>
      <c r="C3155" s="39" t="s">
        <v>45</v>
      </c>
      <c r="D3155" s="45">
        <v>565</v>
      </c>
      <c r="E3155" s="46">
        <v>5.7</v>
      </c>
      <c r="F3155" s="46">
        <v>29</v>
      </c>
      <c r="G3155" s="46">
        <v>29.9</v>
      </c>
      <c r="H3155" s="46">
        <v>26.4</v>
      </c>
      <c r="I3155" s="46">
        <v>9</v>
      </c>
      <c r="J3155" s="46">
        <v>-23.2</v>
      </c>
      <c r="K3155" s="59">
        <v>-50</v>
      </c>
    </row>
    <row r="3156" spans="2:11" ht="21.6" x14ac:dyDescent="0.2">
      <c r="B3156" s="77"/>
      <c r="C3156" s="39" t="s">
        <v>46</v>
      </c>
      <c r="D3156" s="45">
        <v>473</v>
      </c>
      <c r="E3156" s="46">
        <v>6.8</v>
      </c>
      <c r="F3156" s="46">
        <v>24.9</v>
      </c>
      <c r="G3156" s="46">
        <v>31.3</v>
      </c>
      <c r="H3156" s="46">
        <v>29</v>
      </c>
      <c r="I3156" s="46">
        <v>8</v>
      </c>
      <c r="J3156" s="46">
        <v>-27.6</v>
      </c>
      <c r="K3156" s="59">
        <v>-50</v>
      </c>
    </row>
    <row r="3157" spans="2:11" ht="21.6" x14ac:dyDescent="0.2">
      <c r="B3157" s="77"/>
      <c r="C3157" s="39" t="s">
        <v>47</v>
      </c>
      <c r="D3157" s="45">
        <v>441</v>
      </c>
      <c r="E3157" s="46">
        <v>6.6</v>
      </c>
      <c r="F3157" s="46">
        <v>35.1</v>
      </c>
      <c r="G3157" s="46">
        <v>29.9</v>
      </c>
      <c r="H3157" s="46">
        <v>23.4</v>
      </c>
      <c r="I3157" s="46">
        <v>5</v>
      </c>
      <c r="J3157" s="46">
        <v>-14.9</v>
      </c>
      <c r="K3157" s="59">
        <v>-50</v>
      </c>
    </row>
    <row r="3158" spans="2:11" ht="21.6" x14ac:dyDescent="0.2">
      <c r="B3158" s="77"/>
      <c r="C3158" s="39" t="s">
        <v>48</v>
      </c>
      <c r="D3158" s="45">
        <v>305</v>
      </c>
      <c r="E3158" s="46">
        <v>9.5</v>
      </c>
      <c r="F3158" s="46">
        <v>40</v>
      </c>
      <c r="G3158" s="46">
        <v>27.5</v>
      </c>
      <c r="H3158" s="46">
        <v>19</v>
      </c>
      <c r="I3158" s="46">
        <v>3.9</v>
      </c>
      <c r="J3158" s="46">
        <v>-3.4</v>
      </c>
      <c r="K3158" s="59">
        <v>50</v>
      </c>
    </row>
    <row r="3159" spans="2:11" ht="21.6" x14ac:dyDescent="0.2">
      <c r="B3159" s="77"/>
      <c r="C3159" s="39" t="s">
        <v>49</v>
      </c>
      <c r="D3159" s="45">
        <v>223</v>
      </c>
      <c r="E3159" s="46">
        <v>15.7</v>
      </c>
      <c r="F3159" s="46">
        <v>39</v>
      </c>
      <c r="G3159" s="46">
        <v>25.6</v>
      </c>
      <c r="H3159" s="46">
        <v>17.899999999999999</v>
      </c>
      <c r="I3159" s="46">
        <v>1.8</v>
      </c>
      <c r="J3159" s="46">
        <v>4.5999999999999996</v>
      </c>
      <c r="K3159" s="59">
        <v>50</v>
      </c>
    </row>
    <row r="3160" spans="2:11" ht="21.6" x14ac:dyDescent="0.2">
      <c r="B3160" s="77"/>
      <c r="C3160" s="39" t="s">
        <v>50</v>
      </c>
      <c r="D3160" s="45">
        <v>123</v>
      </c>
      <c r="E3160" s="46">
        <v>17.899999999999999</v>
      </c>
      <c r="F3160" s="46">
        <v>37.4</v>
      </c>
      <c r="G3160" s="46">
        <v>27.6</v>
      </c>
      <c r="H3160" s="46">
        <v>14.6</v>
      </c>
      <c r="I3160" s="46">
        <v>2.4</v>
      </c>
      <c r="J3160" s="46">
        <v>8.3000000000000007</v>
      </c>
      <c r="K3160" s="59">
        <v>50</v>
      </c>
    </row>
    <row r="3161" spans="2:11" ht="21.6" x14ac:dyDescent="0.2">
      <c r="B3161" s="77"/>
      <c r="C3161" s="39" t="s">
        <v>51</v>
      </c>
      <c r="D3161" s="45">
        <v>124</v>
      </c>
      <c r="E3161" s="46">
        <v>25</v>
      </c>
      <c r="F3161" s="46">
        <v>39.5</v>
      </c>
      <c r="G3161" s="46">
        <v>16.100000000000001</v>
      </c>
      <c r="H3161" s="46">
        <v>15.3</v>
      </c>
      <c r="I3161" s="46">
        <v>4</v>
      </c>
      <c r="J3161" s="46">
        <v>22.3</v>
      </c>
      <c r="K3161" s="59">
        <v>50</v>
      </c>
    </row>
    <row r="3162" spans="2:11" ht="21.6" x14ac:dyDescent="0.2">
      <c r="B3162" s="77"/>
      <c r="C3162" s="39" t="s">
        <v>52</v>
      </c>
      <c r="D3162" s="45">
        <v>312</v>
      </c>
      <c r="E3162" s="46">
        <v>7.7</v>
      </c>
      <c r="F3162" s="46">
        <v>29.5</v>
      </c>
      <c r="G3162" s="46">
        <v>26.9</v>
      </c>
      <c r="H3162" s="46">
        <v>29.2</v>
      </c>
      <c r="I3162" s="46">
        <v>6.7</v>
      </c>
      <c r="J3162" s="46">
        <v>-21.6</v>
      </c>
      <c r="K3162" s="59">
        <v>-50</v>
      </c>
    </row>
    <row r="3163" spans="2:11" x14ac:dyDescent="0.2">
      <c r="B3163" s="77"/>
      <c r="C3163" s="39" t="s">
        <v>53</v>
      </c>
      <c r="D3163" s="45">
        <v>269</v>
      </c>
      <c r="E3163" s="46">
        <v>5.2</v>
      </c>
      <c r="F3163" s="46">
        <v>27.9</v>
      </c>
      <c r="G3163" s="46">
        <v>36.4</v>
      </c>
      <c r="H3163" s="46">
        <v>24.2</v>
      </c>
      <c r="I3163" s="46">
        <v>6.3</v>
      </c>
      <c r="J3163" s="46">
        <v>-24.8</v>
      </c>
      <c r="K3163" s="59">
        <v>-50</v>
      </c>
    </row>
    <row r="3164" spans="2:11" ht="21.6" x14ac:dyDescent="0.2">
      <c r="B3164" s="77"/>
      <c r="C3164" s="39" t="s">
        <v>54</v>
      </c>
      <c r="D3164" s="45">
        <v>511</v>
      </c>
      <c r="E3164" s="46">
        <v>12.5</v>
      </c>
      <c r="F3164" s="46">
        <v>34.6</v>
      </c>
      <c r="G3164" s="46">
        <v>28.4</v>
      </c>
      <c r="H3164" s="46">
        <v>19.600000000000001</v>
      </c>
      <c r="I3164" s="46">
        <v>4.9000000000000004</v>
      </c>
      <c r="J3164" s="46">
        <v>-4.0999999999999996</v>
      </c>
      <c r="K3164" s="59">
        <v>-50</v>
      </c>
    </row>
    <row r="3165" spans="2:11" ht="21.6" x14ac:dyDescent="0.2">
      <c r="B3165" s="77"/>
      <c r="C3165" s="39" t="s">
        <v>55</v>
      </c>
      <c r="D3165" s="45">
        <v>615</v>
      </c>
      <c r="E3165" s="46">
        <v>13.5</v>
      </c>
      <c r="F3165" s="46">
        <v>40.200000000000003</v>
      </c>
      <c r="G3165" s="46">
        <v>25.9</v>
      </c>
      <c r="H3165" s="46">
        <v>16.100000000000001</v>
      </c>
      <c r="I3165" s="46">
        <v>4.4000000000000004</v>
      </c>
      <c r="J3165" s="46">
        <v>4.8</v>
      </c>
      <c r="K3165" s="59">
        <v>50</v>
      </c>
    </row>
    <row r="3166" spans="2:11" ht="21.6" x14ac:dyDescent="0.2">
      <c r="B3166" s="77"/>
      <c r="C3166" s="39" t="s">
        <v>56</v>
      </c>
      <c r="D3166" s="45">
        <v>800</v>
      </c>
      <c r="E3166" s="46">
        <v>14</v>
      </c>
      <c r="F3166" s="46">
        <v>37.9</v>
      </c>
      <c r="G3166" s="46">
        <v>25.3</v>
      </c>
      <c r="H3166" s="46">
        <v>16.5</v>
      </c>
      <c r="I3166" s="46">
        <v>6.4</v>
      </c>
      <c r="J3166" s="46">
        <v>4.0999999999999996</v>
      </c>
      <c r="K3166" s="59">
        <v>50</v>
      </c>
    </row>
    <row r="3167" spans="2:11" x14ac:dyDescent="0.2">
      <c r="B3167" s="77"/>
      <c r="C3167" s="40" t="s">
        <v>57</v>
      </c>
      <c r="D3167" s="48">
        <v>798</v>
      </c>
      <c r="E3167" s="49">
        <v>8.8000000000000007</v>
      </c>
      <c r="F3167" s="49">
        <v>31.3</v>
      </c>
      <c r="G3167" s="49">
        <v>30.2</v>
      </c>
      <c r="H3167" s="49">
        <v>25.1</v>
      </c>
      <c r="I3167" s="49">
        <v>4.5999999999999996</v>
      </c>
      <c r="J3167" s="49">
        <v>-16.5</v>
      </c>
      <c r="K3167" s="60">
        <v>-50</v>
      </c>
    </row>
    <row r="3168" spans="2:11" x14ac:dyDescent="0.2">
      <c r="B3168" s="7" t="s">
        <v>71</v>
      </c>
      <c r="C3168" s="4" t="s">
        <v>161</v>
      </c>
    </row>
    <row r="3169" spans="1:25" x14ac:dyDescent="0.2">
      <c r="B3169" s="4"/>
      <c r="C3169" s="4" t="s">
        <v>73</v>
      </c>
    </row>
    <row r="3171" spans="1:25" x14ac:dyDescent="0.2">
      <c r="C3171" t="s">
        <v>35</v>
      </c>
    </row>
    <row r="3172" spans="1:25" x14ac:dyDescent="0.2">
      <c r="B3172" s="75" t="s">
        <v>318</v>
      </c>
      <c r="C3172" s="76"/>
      <c r="D3172" s="76"/>
      <c r="E3172" s="76"/>
      <c r="F3172" s="76"/>
      <c r="G3172" s="76"/>
      <c r="H3172" s="76"/>
      <c r="I3172" s="76"/>
      <c r="J3172" s="76"/>
      <c r="K3172" s="76"/>
      <c r="L3172" s="76"/>
      <c r="M3172" s="76"/>
      <c r="N3172" s="76"/>
      <c r="O3172" s="76"/>
      <c r="P3172" s="76"/>
      <c r="Q3172" s="76"/>
      <c r="R3172" s="76"/>
      <c r="S3172" s="76"/>
      <c r="T3172" s="76"/>
      <c r="U3172" s="76"/>
      <c r="V3172" s="76"/>
      <c r="W3172" s="76"/>
      <c r="X3172" s="76"/>
      <c r="Y3172" s="76"/>
    </row>
    <row r="3173" spans="1:25" s="32" customFormat="1" ht="68.849999999999994" customHeight="1" x14ac:dyDescent="0.15">
      <c r="A3173" s="31"/>
      <c r="D3173" s="33" t="s">
        <v>378</v>
      </c>
      <c r="E3173" s="36" t="s">
        <v>563</v>
      </c>
      <c r="F3173" s="55" t="s">
        <v>564</v>
      </c>
      <c r="G3173" s="55" t="s">
        <v>565</v>
      </c>
      <c r="H3173" s="55" t="s">
        <v>566</v>
      </c>
      <c r="I3173" s="55" t="s">
        <v>480</v>
      </c>
      <c r="J3173" s="56" t="s">
        <v>387</v>
      </c>
      <c r="K3173" s="57" t="s">
        <v>388</v>
      </c>
      <c r="L3173" s="54" t="s">
        <v>381</v>
      </c>
    </row>
    <row r="3174" spans="1:25" ht="21.6" x14ac:dyDescent="0.2">
      <c r="B3174" s="77" t="s">
        <v>37</v>
      </c>
      <c r="C3174" s="38" t="s">
        <v>58</v>
      </c>
      <c r="D3174" s="51">
        <v>609</v>
      </c>
      <c r="E3174" s="52">
        <v>12.5</v>
      </c>
      <c r="F3174" s="52">
        <v>36.799999999999997</v>
      </c>
      <c r="G3174" s="52">
        <v>26.8</v>
      </c>
      <c r="H3174" s="52">
        <v>17.100000000000001</v>
      </c>
      <c r="I3174" s="52">
        <v>6.9</v>
      </c>
      <c r="J3174" s="52">
        <v>0.4</v>
      </c>
      <c r="K3174" s="61">
        <v>50</v>
      </c>
    </row>
    <row r="3175" spans="1:25" ht="21.6" x14ac:dyDescent="0.2">
      <c r="B3175" s="77"/>
      <c r="C3175" s="39" t="s">
        <v>59</v>
      </c>
      <c r="D3175" s="45">
        <v>1391</v>
      </c>
      <c r="E3175" s="46">
        <v>8.5</v>
      </c>
      <c r="F3175" s="46">
        <v>30.4</v>
      </c>
      <c r="G3175" s="46">
        <v>28.8</v>
      </c>
      <c r="H3175" s="46">
        <v>24.8</v>
      </c>
      <c r="I3175" s="46">
        <v>7.5</v>
      </c>
      <c r="J3175" s="46">
        <v>-16.8</v>
      </c>
      <c r="K3175" s="59">
        <v>-50</v>
      </c>
    </row>
    <row r="3176" spans="1:25" x14ac:dyDescent="0.2">
      <c r="B3176" s="77"/>
      <c r="C3176" s="39" t="s">
        <v>60</v>
      </c>
      <c r="D3176" s="45">
        <v>1325</v>
      </c>
      <c r="E3176" s="46">
        <v>10.5</v>
      </c>
      <c r="F3176" s="46">
        <v>32.5</v>
      </c>
      <c r="G3176" s="46">
        <v>29.4</v>
      </c>
      <c r="H3176" s="46">
        <v>20.8</v>
      </c>
      <c r="I3176" s="46">
        <v>6.8</v>
      </c>
      <c r="J3176" s="46">
        <v>-9.5</v>
      </c>
      <c r="K3176" s="59">
        <v>-50</v>
      </c>
    </row>
    <row r="3177" spans="1:25" x14ac:dyDescent="0.2">
      <c r="B3177" s="77"/>
      <c r="C3177" s="39" t="s">
        <v>61</v>
      </c>
      <c r="D3177" s="45">
        <v>675</v>
      </c>
      <c r="E3177" s="46">
        <v>8.1</v>
      </c>
      <c r="F3177" s="46">
        <v>32.1</v>
      </c>
      <c r="G3177" s="46">
        <v>25.8</v>
      </c>
      <c r="H3177" s="46">
        <v>25.6</v>
      </c>
      <c r="I3177" s="46">
        <v>8.3000000000000007</v>
      </c>
      <c r="J3177" s="46">
        <v>-15.6</v>
      </c>
      <c r="K3177" s="59">
        <v>-50</v>
      </c>
    </row>
    <row r="3178" spans="1:25" x14ac:dyDescent="0.2">
      <c r="B3178" s="77"/>
      <c r="C3178" s="39" t="s">
        <v>62</v>
      </c>
      <c r="D3178" s="45">
        <v>1086</v>
      </c>
      <c r="E3178" s="46">
        <v>10.8</v>
      </c>
      <c r="F3178" s="46">
        <v>34.799999999999997</v>
      </c>
      <c r="G3178" s="46">
        <v>28.2</v>
      </c>
      <c r="H3178" s="46">
        <v>17.600000000000001</v>
      </c>
      <c r="I3178" s="46">
        <v>8.6999999999999993</v>
      </c>
      <c r="J3178" s="46">
        <v>-3.8</v>
      </c>
      <c r="K3178" s="59">
        <v>-50</v>
      </c>
    </row>
    <row r="3179" spans="1:25" ht="21.6" x14ac:dyDescent="0.2">
      <c r="B3179" s="77"/>
      <c r="C3179" s="39" t="s">
        <v>63</v>
      </c>
      <c r="D3179" s="45">
        <v>203</v>
      </c>
      <c r="E3179" s="46">
        <v>9.4</v>
      </c>
      <c r="F3179" s="46">
        <v>30</v>
      </c>
      <c r="G3179" s="46">
        <v>28.6</v>
      </c>
      <c r="H3179" s="46">
        <v>17.2</v>
      </c>
      <c r="I3179" s="46">
        <v>14.8</v>
      </c>
      <c r="J3179" s="46">
        <v>-8.4</v>
      </c>
      <c r="K3179" s="59">
        <v>-50</v>
      </c>
    </row>
    <row r="3180" spans="1:25" x14ac:dyDescent="0.2">
      <c r="B3180" s="77"/>
      <c r="C3180" s="39" t="s">
        <v>64</v>
      </c>
      <c r="D3180" s="45">
        <v>263</v>
      </c>
      <c r="E3180" s="46">
        <v>12.5</v>
      </c>
      <c r="F3180" s="46">
        <v>33.799999999999997</v>
      </c>
      <c r="G3180" s="46">
        <v>31.2</v>
      </c>
      <c r="H3180" s="46">
        <v>15.6</v>
      </c>
      <c r="I3180" s="46">
        <v>6.8</v>
      </c>
      <c r="J3180" s="46">
        <v>-1.8</v>
      </c>
      <c r="K3180" s="59">
        <v>-50</v>
      </c>
    </row>
    <row r="3181" spans="1:25" x14ac:dyDescent="0.2">
      <c r="B3181" s="77"/>
      <c r="C3181" s="39" t="s">
        <v>65</v>
      </c>
      <c r="D3181" s="45">
        <v>312</v>
      </c>
      <c r="E3181" s="46">
        <v>8.6999999999999993</v>
      </c>
      <c r="F3181" s="46">
        <v>38.1</v>
      </c>
      <c r="G3181" s="46">
        <v>24</v>
      </c>
      <c r="H3181" s="46">
        <v>19.600000000000001</v>
      </c>
      <c r="I3181" s="46">
        <v>9.6</v>
      </c>
      <c r="J3181" s="46">
        <v>-4.3</v>
      </c>
      <c r="K3181" s="59">
        <v>50</v>
      </c>
    </row>
    <row r="3182" spans="1:25" x14ac:dyDescent="0.2">
      <c r="B3182" s="77"/>
      <c r="C3182" s="39" t="s">
        <v>66</v>
      </c>
      <c r="D3182" s="45">
        <v>230</v>
      </c>
      <c r="E3182" s="46">
        <v>14.3</v>
      </c>
      <c r="F3182" s="46">
        <v>34.799999999999997</v>
      </c>
      <c r="G3182" s="46">
        <v>28.7</v>
      </c>
      <c r="H3182" s="46">
        <v>16.100000000000001</v>
      </c>
      <c r="I3182" s="46">
        <v>6.1</v>
      </c>
      <c r="J3182" s="46">
        <v>1.4</v>
      </c>
      <c r="K3182" s="59">
        <v>50</v>
      </c>
    </row>
    <row r="3183" spans="1:25" x14ac:dyDescent="0.2">
      <c r="B3183" s="77"/>
      <c r="C3183" s="39" t="s">
        <v>67</v>
      </c>
      <c r="D3183" s="45">
        <v>78</v>
      </c>
      <c r="E3183" s="46">
        <v>6.4</v>
      </c>
      <c r="F3183" s="46">
        <v>37.200000000000003</v>
      </c>
      <c r="G3183" s="46">
        <v>32.1</v>
      </c>
      <c r="H3183" s="46">
        <v>21.8</v>
      </c>
      <c r="I3183" s="46">
        <v>2.6</v>
      </c>
      <c r="J3183" s="46">
        <v>-13.2</v>
      </c>
      <c r="K3183" s="59">
        <v>-50</v>
      </c>
    </row>
    <row r="3184" spans="1:25" x14ac:dyDescent="0.2">
      <c r="B3184" s="77"/>
      <c r="C3184" s="39" t="s">
        <v>68</v>
      </c>
      <c r="D3184" s="45">
        <v>897</v>
      </c>
      <c r="E3184" s="46">
        <v>12.6</v>
      </c>
      <c r="F3184" s="46">
        <v>37.200000000000003</v>
      </c>
      <c r="G3184" s="46">
        <v>27.1</v>
      </c>
      <c r="H3184" s="46">
        <v>15.3</v>
      </c>
      <c r="I3184" s="46">
        <v>7.8</v>
      </c>
      <c r="J3184" s="46">
        <v>2.6</v>
      </c>
      <c r="K3184" s="59">
        <v>50</v>
      </c>
    </row>
    <row r="3185" spans="1:25" x14ac:dyDescent="0.2">
      <c r="B3185" s="77"/>
      <c r="C3185" s="39" t="s">
        <v>69</v>
      </c>
      <c r="D3185" s="45">
        <v>189</v>
      </c>
      <c r="E3185" s="46">
        <v>2.1</v>
      </c>
      <c r="F3185" s="46">
        <v>23.3</v>
      </c>
      <c r="G3185" s="46">
        <v>33.299999999999997</v>
      </c>
      <c r="H3185" s="46">
        <v>28.6</v>
      </c>
      <c r="I3185" s="46">
        <v>12.7</v>
      </c>
      <c r="J3185" s="46">
        <v>-36.1</v>
      </c>
      <c r="K3185" s="59">
        <v>-50</v>
      </c>
    </row>
    <row r="3186" spans="1:25" x14ac:dyDescent="0.2">
      <c r="B3186" s="77"/>
      <c r="C3186" s="39" t="s">
        <v>70</v>
      </c>
      <c r="D3186" s="45">
        <v>914</v>
      </c>
      <c r="E3186" s="46">
        <v>8.4</v>
      </c>
      <c r="F3186" s="46">
        <v>29.4</v>
      </c>
      <c r="G3186" s="46">
        <v>28.2</v>
      </c>
      <c r="H3186" s="46">
        <v>28.2</v>
      </c>
      <c r="I3186" s="46">
        <v>5.7</v>
      </c>
      <c r="J3186" s="46">
        <v>-20.399999999999999</v>
      </c>
      <c r="K3186" s="59">
        <v>-50</v>
      </c>
    </row>
    <row r="3187" spans="1:25" ht="21.6" x14ac:dyDescent="0.2">
      <c r="B3187" s="77"/>
      <c r="C3187" s="39" t="s">
        <v>63</v>
      </c>
      <c r="D3187" s="45">
        <v>193</v>
      </c>
      <c r="E3187" s="46">
        <v>10.4</v>
      </c>
      <c r="F3187" s="46">
        <v>34.700000000000003</v>
      </c>
      <c r="G3187" s="46">
        <v>28.5</v>
      </c>
      <c r="H3187" s="46">
        <v>18.100000000000001</v>
      </c>
      <c r="I3187" s="46">
        <v>8.3000000000000007</v>
      </c>
      <c r="J3187" s="46">
        <v>-5.0999999999999996</v>
      </c>
      <c r="K3187" s="59">
        <v>-50</v>
      </c>
    </row>
    <row r="3188" spans="1:25" x14ac:dyDescent="0.2">
      <c r="B3188" s="77"/>
      <c r="C3188" s="39" t="s">
        <v>64</v>
      </c>
      <c r="D3188" s="45">
        <v>203</v>
      </c>
      <c r="E3188" s="46">
        <v>10.3</v>
      </c>
      <c r="F3188" s="46">
        <v>30</v>
      </c>
      <c r="G3188" s="46">
        <v>25.6</v>
      </c>
      <c r="H3188" s="46">
        <v>30</v>
      </c>
      <c r="I3188" s="46">
        <v>3.9</v>
      </c>
      <c r="J3188" s="46">
        <v>-18.2</v>
      </c>
      <c r="K3188" s="59">
        <v>-50</v>
      </c>
    </row>
    <row r="3189" spans="1:25" x14ac:dyDescent="0.2">
      <c r="B3189" s="77"/>
      <c r="C3189" s="39" t="s">
        <v>65</v>
      </c>
      <c r="D3189" s="45">
        <v>263</v>
      </c>
      <c r="E3189" s="46">
        <v>9.9</v>
      </c>
      <c r="F3189" s="46">
        <v>31.6</v>
      </c>
      <c r="G3189" s="46">
        <v>27.8</v>
      </c>
      <c r="H3189" s="46">
        <v>25.1</v>
      </c>
      <c r="I3189" s="46">
        <v>5.7</v>
      </c>
      <c r="J3189" s="46">
        <v>-14.1</v>
      </c>
      <c r="K3189" s="59">
        <v>-50</v>
      </c>
    </row>
    <row r="3190" spans="1:25" x14ac:dyDescent="0.2">
      <c r="B3190" s="77"/>
      <c r="C3190" s="39" t="s">
        <v>66</v>
      </c>
      <c r="D3190" s="45">
        <v>194</v>
      </c>
      <c r="E3190" s="46">
        <v>3.1</v>
      </c>
      <c r="F3190" s="46">
        <v>24.7</v>
      </c>
      <c r="G3190" s="46">
        <v>30.9</v>
      </c>
      <c r="H3190" s="46">
        <v>36.6</v>
      </c>
      <c r="I3190" s="46">
        <v>4.5999999999999996</v>
      </c>
      <c r="J3190" s="46">
        <v>-38.4</v>
      </c>
      <c r="K3190" s="59">
        <v>-50</v>
      </c>
    </row>
    <row r="3191" spans="1:25" x14ac:dyDescent="0.2">
      <c r="B3191" s="77"/>
      <c r="C3191" s="39" t="s">
        <v>67</v>
      </c>
      <c r="D3191" s="45">
        <v>61</v>
      </c>
      <c r="E3191" s="46">
        <v>6.6</v>
      </c>
      <c r="F3191" s="46">
        <v>16.399999999999999</v>
      </c>
      <c r="G3191" s="46">
        <v>29.5</v>
      </c>
      <c r="H3191" s="46">
        <v>41</v>
      </c>
      <c r="I3191" s="46">
        <v>6.6</v>
      </c>
      <c r="J3191" s="46">
        <v>-43.9</v>
      </c>
      <c r="K3191" s="59">
        <v>-50</v>
      </c>
    </row>
    <row r="3192" spans="1:25" x14ac:dyDescent="0.2">
      <c r="B3192" s="77"/>
      <c r="C3192" s="39" t="s">
        <v>68</v>
      </c>
      <c r="D3192" s="45">
        <v>416</v>
      </c>
      <c r="E3192" s="46">
        <v>12.7</v>
      </c>
      <c r="F3192" s="46">
        <v>39.4</v>
      </c>
      <c r="G3192" s="46">
        <v>29.1</v>
      </c>
      <c r="H3192" s="46">
        <v>15.1</v>
      </c>
      <c r="I3192" s="46">
        <v>3.6</v>
      </c>
      <c r="J3192" s="46">
        <v>2.9</v>
      </c>
      <c r="K3192" s="59">
        <v>50</v>
      </c>
    </row>
    <row r="3193" spans="1:25" x14ac:dyDescent="0.2">
      <c r="B3193" s="77"/>
      <c r="C3193" s="40" t="s">
        <v>69</v>
      </c>
      <c r="D3193" s="48">
        <v>498</v>
      </c>
      <c r="E3193" s="49">
        <v>4.8</v>
      </c>
      <c r="F3193" s="49">
        <v>21.1</v>
      </c>
      <c r="G3193" s="49">
        <v>27.5</v>
      </c>
      <c r="H3193" s="49">
        <v>39.200000000000003</v>
      </c>
      <c r="I3193" s="49">
        <v>7.4</v>
      </c>
      <c r="J3193" s="49">
        <v>-40.6</v>
      </c>
      <c r="K3193" s="60">
        <v>-50</v>
      </c>
    </row>
    <row r="3194" spans="1:25" x14ac:dyDescent="0.2">
      <c r="B3194" s="7" t="s">
        <v>71</v>
      </c>
      <c r="C3194" s="4" t="s">
        <v>161</v>
      </c>
    </row>
    <row r="3195" spans="1:25" x14ac:dyDescent="0.2">
      <c r="B3195" s="4"/>
      <c r="C3195" s="4" t="s">
        <v>73</v>
      </c>
    </row>
    <row r="3197" spans="1:25" x14ac:dyDescent="0.2">
      <c r="A3197" s="26" t="s">
        <v>25</v>
      </c>
      <c r="B3197" t="s">
        <v>35</v>
      </c>
      <c r="C3197" t="s">
        <v>35</v>
      </c>
    </row>
    <row r="3198" spans="1:25" x14ac:dyDescent="0.2">
      <c r="B3198" s="75" t="s">
        <v>162</v>
      </c>
      <c r="C3198" s="76"/>
      <c r="D3198" s="76"/>
      <c r="E3198" s="76"/>
      <c r="F3198" s="76"/>
      <c r="G3198" s="76"/>
      <c r="H3198" s="76"/>
      <c r="I3198" s="76"/>
      <c r="J3198" s="76"/>
      <c r="K3198" s="76"/>
      <c r="L3198" s="76"/>
      <c r="M3198" s="76"/>
      <c r="N3198" s="76"/>
      <c r="O3198" s="76"/>
      <c r="P3198" s="76"/>
      <c r="Q3198" s="76"/>
      <c r="R3198" s="76"/>
      <c r="S3198" s="76"/>
      <c r="T3198" s="76"/>
      <c r="U3198" s="76"/>
      <c r="V3198" s="76"/>
      <c r="W3198" s="76"/>
      <c r="X3198" s="76"/>
      <c r="Y3198" s="76"/>
    </row>
    <row r="3199" spans="1:25" s="32" customFormat="1" ht="68.849999999999994" customHeight="1" x14ac:dyDescent="0.15">
      <c r="A3199" s="31"/>
      <c r="D3199" s="33" t="s">
        <v>378</v>
      </c>
      <c r="E3199" s="36" t="s">
        <v>563</v>
      </c>
      <c r="F3199" s="55" t="s">
        <v>564</v>
      </c>
      <c r="G3199" s="55" t="s">
        <v>565</v>
      </c>
      <c r="H3199" s="55" t="s">
        <v>566</v>
      </c>
      <c r="I3199" s="55" t="s">
        <v>480</v>
      </c>
      <c r="J3199" s="56" t="s">
        <v>387</v>
      </c>
      <c r="K3199" s="57" t="s">
        <v>388</v>
      </c>
      <c r="L3199" s="54" t="s">
        <v>381</v>
      </c>
    </row>
    <row r="3200" spans="1:25" x14ac:dyDescent="0.2">
      <c r="B3200" s="5"/>
      <c r="C3200" s="41" t="s">
        <v>38</v>
      </c>
      <c r="D3200" s="42">
        <v>2000</v>
      </c>
      <c r="E3200" s="43">
        <v>6.6</v>
      </c>
      <c r="F3200" s="43">
        <v>30.8</v>
      </c>
      <c r="G3200" s="43">
        <v>32.799999999999997</v>
      </c>
      <c r="H3200" s="43">
        <v>22</v>
      </c>
      <c r="I3200" s="43">
        <v>8</v>
      </c>
      <c r="J3200" s="43">
        <v>-17.8</v>
      </c>
      <c r="K3200" s="58">
        <v>-50</v>
      </c>
    </row>
    <row r="3201" spans="2:11" x14ac:dyDescent="0.2">
      <c r="B3201" s="77" t="s">
        <v>37</v>
      </c>
      <c r="C3201" s="39" t="s">
        <v>39</v>
      </c>
      <c r="D3201" s="45">
        <v>111</v>
      </c>
      <c r="E3201" s="46">
        <v>10.8</v>
      </c>
      <c r="F3201" s="46">
        <v>33.299999999999997</v>
      </c>
      <c r="G3201" s="46">
        <v>34.200000000000003</v>
      </c>
      <c r="H3201" s="46">
        <v>16.2</v>
      </c>
      <c r="I3201" s="46">
        <v>5.4</v>
      </c>
      <c r="J3201" s="46">
        <v>-6.2</v>
      </c>
      <c r="K3201" s="59">
        <v>-50</v>
      </c>
    </row>
    <row r="3202" spans="2:11" x14ac:dyDescent="0.2">
      <c r="B3202" s="77"/>
      <c r="C3202" s="39" t="s">
        <v>40</v>
      </c>
      <c r="D3202" s="45">
        <v>450</v>
      </c>
      <c r="E3202" s="46">
        <v>8</v>
      </c>
      <c r="F3202" s="46">
        <v>28.2</v>
      </c>
      <c r="G3202" s="46">
        <v>33.799999999999997</v>
      </c>
      <c r="H3202" s="46">
        <v>24.4</v>
      </c>
      <c r="I3202" s="46">
        <v>5.6</v>
      </c>
      <c r="J3202" s="46">
        <v>-20.399999999999999</v>
      </c>
      <c r="K3202" s="59">
        <v>-50</v>
      </c>
    </row>
    <row r="3203" spans="2:11" ht="21.6" x14ac:dyDescent="0.2">
      <c r="B3203" s="77"/>
      <c r="C3203" s="39" t="s">
        <v>41</v>
      </c>
      <c r="D3203" s="45">
        <v>30</v>
      </c>
      <c r="E3203" s="46">
        <v>6.7</v>
      </c>
      <c r="F3203" s="46">
        <v>33.299999999999997</v>
      </c>
      <c r="G3203" s="46">
        <v>36.700000000000003</v>
      </c>
      <c r="H3203" s="46">
        <v>13.3</v>
      </c>
      <c r="I3203" s="46">
        <v>10</v>
      </c>
      <c r="J3203" s="46">
        <v>-9.3000000000000007</v>
      </c>
      <c r="K3203" s="59">
        <v>-50</v>
      </c>
    </row>
    <row r="3204" spans="2:11" ht="21.6" x14ac:dyDescent="0.2">
      <c r="B3204" s="77"/>
      <c r="C3204" s="39" t="s">
        <v>42</v>
      </c>
      <c r="D3204" s="45">
        <v>336</v>
      </c>
      <c r="E3204" s="46">
        <v>8.3000000000000007</v>
      </c>
      <c r="F3204" s="46">
        <v>33.299999999999997</v>
      </c>
      <c r="G3204" s="46">
        <v>30.4</v>
      </c>
      <c r="H3204" s="46">
        <v>19.600000000000001</v>
      </c>
      <c r="I3204" s="46">
        <v>8.3000000000000007</v>
      </c>
      <c r="J3204" s="46">
        <v>-10.7</v>
      </c>
      <c r="K3204" s="59">
        <v>-50</v>
      </c>
    </row>
    <row r="3205" spans="2:11" ht="21.6" x14ac:dyDescent="0.2">
      <c r="B3205" s="77"/>
      <c r="C3205" s="39" t="s">
        <v>43</v>
      </c>
      <c r="D3205" s="45">
        <v>327</v>
      </c>
      <c r="E3205" s="46">
        <v>4</v>
      </c>
      <c r="F3205" s="46">
        <v>34.6</v>
      </c>
      <c r="G3205" s="46">
        <v>30.3</v>
      </c>
      <c r="H3205" s="46">
        <v>21.7</v>
      </c>
      <c r="I3205" s="46">
        <v>9.5</v>
      </c>
      <c r="J3205" s="46">
        <v>-17.2</v>
      </c>
      <c r="K3205" s="59">
        <v>-50</v>
      </c>
    </row>
    <row r="3206" spans="2:11" ht="21.6" x14ac:dyDescent="0.2">
      <c r="B3206" s="77"/>
      <c r="C3206" s="39" t="s">
        <v>44</v>
      </c>
      <c r="D3206" s="45">
        <v>181</v>
      </c>
      <c r="E3206" s="46">
        <v>5.5</v>
      </c>
      <c r="F3206" s="46">
        <v>29.3</v>
      </c>
      <c r="G3206" s="46">
        <v>31.5</v>
      </c>
      <c r="H3206" s="46">
        <v>25.4</v>
      </c>
      <c r="I3206" s="46">
        <v>8.3000000000000007</v>
      </c>
      <c r="J3206" s="46">
        <v>-22.9</v>
      </c>
      <c r="K3206" s="59">
        <v>-50</v>
      </c>
    </row>
    <row r="3207" spans="2:11" ht="21.6" x14ac:dyDescent="0.2">
      <c r="B3207" s="77"/>
      <c r="C3207" s="39" t="s">
        <v>45</v>
      </c>
      <c r="D3207" s="45">
        <v>565</v>
      </c>
      <c r="E3207" s="46">
        <v>5.3</v>
      </c>
      <c r="F3207" s="46">
        <v>29</v>
      </c>
      <c r="G3207" s="46">
        <v>34.700000000000003</v>
      </c>
      <c r="H3207" s="46">
        <v>21.9</v>
      </c>
      <c r="I3207" s="46">
        <v>9</v>
      </c>
      <c r="J3207" s="46">
        <v>-21.4</v>
      </c>
      <c r="K3207" s="59">
        <v>-50</v>
      </c>
    </row>
    <row r="3208" spans="2:11" ht="21.6" x14ac:dyDescent="0.2">
      <c r="B3208" s="77"/>
      <c r="C3208" s="39" t="s">
        <v>46</v>
      </c>
      <c r="D3208" s="45">
        <v>473</v>
      </c>
      <c r="E3208" s="46">
        <v>5.7</v>
      </c>
      <c r="F3208" s="46">
        <v>27.7</v>
      </c>
      <c r="G3208" s="46">
        <v>31.3</v>
      </c>
      <c r="H3208" s="46">
        <v>26.4</v>
      </c>
      <c r="I3208" s="46">
        <v>8.9</v>
      </c>
      <c r="J3208" s="46">
        <v>-24.7</v>
      </c>
      <c r="K3208" s="59">
        <v>-50</v>
      </c>
    </row>
    <row r="3209" spans="2:11" ht="21.6" x14ac:dyDescent="0.2">
      <c r="B3209" s="77"/>
      <c r="C3209" s="39" t="s">
        <v>47</v>
      </c>
      <c r="D3209" s="45">
        <v>441</v>
      </c>
      <c r="E3209" s="46">
        <v>5.7</v>
      </c>
      <c r="F3209" s="46">
        <v>33.299999999999997</v>
      </c>
      <c r="G3209" s="46">
        <v>31.5</v>
      </c>
      <c r="H3209" s="46">
        <v>23.8</v>
      </c>
      <c r="I3209" s="46">
        <v>5.7</v>
      </c>
      <c r="J3209" s="46">
        <v>-18.3</v>
      </c>
      <c r="K3209" s="59">
        <v>-50</v>
      </c>
    </row>
    <row r="3210" spans="2:11" ht="21.6" x14ac:dyDescent="0.2">
      <c r="B3210" s="77"/>
      <c r="C3210" s="39" t="s">
        <v>48</v>
      </c>
      <c r="D3210" s="45">
        <v>305</v>
      </c>
      <c r="E3210" s="46">
        <v>6.6</v>
      </c>
      <c r="F3210" s="46">
        <v>31.8</v>
      </c>
      <c r="G3210" s="46">
        <v>36.700000000000003</v>
      </c>
      <c r="H3210" s="46">
        <v>20.3</v>
      </c>
      <c r="I3210" s="46">
        <v>4.5999999999999996</v>
      </c>
      <c r="J3210" s="46">
        <v>-17</v>
      </c>
      <c r="K3210" s="59">
        <v>-50</v>
      </c>
    </row>
    <row r="3211" spans="2:11" ht="21.6" x14ac:dyDescent="0.2">
      <c r="B3211" s="77"/>
      <c r="C3211" s="39" t="s">
        <v>49</v>
      </c>
      <c r="D3211" s="45">
        <v>223</v>
      </c>
      <c r="E3211" s="46">
        <v>9</v>
      </c>
      <c r="F3211" s="46">
        <v>32.299999999999997</v>
      </c>
      <c r="G3211" s="46">
        <v>37.700000000000003</v>
      </c>
      <c r="H3211" s="46">
        <v>18.399999999999999</v>
      </c>
      <c r="I3211" s="46">
        <v>2.7</v>
      </c>
      <c r="J3211" s="46">
        <v>-12.4</v>
      </c>
      <c r="K3211" s="59">
        <v>-50</v>
      </c>
    </row>
    <row r="3212" spans="2:11" ht="21.6" x14ac:dyDescent="0.2">
      <c r="B3212" s="77"/>
      <c r="C3212" s="39" t="s">
        <v>50</v>
      </c>
      <c r="D3212" s="45">
        <v>123</v>
      </c>
      <c r="E3212" s="46">
        <v>13</v>
      </c>
      <c r="F3212" s="46">
        <v>39</v>
      </c>
      <c r="G3212" s="46">
        <v>31.7</v>
      </c>
      <c r="H3212" s="46">
        <v>13.8</v>
      </c>
      <c r="I3212" s="46">
        <v>2.4</v>
      </c>
      <c r="J3212" s="46">
        <v>2.9</v>
      </c>
      <c r="K3212" s="59">
        <v>50</v>
      </c>
    </row>
    <row r="3213" spans="2:11" ht="21.6" x14ac:dyDescent="0.2">
      <c r="B3213" s="77"/>
      <c r="C3213" s="39" t="s">
        <v>51</v>
      </c>
      <c r="D3213" s="45">
        <v>124</v>
      </c>
      <c r="E3213" s="46">
        <v>12.1</v>
      </c>
      <c r="F3213" s="46">
        <v>37.1</v>
      </c>
      <c r="G3213" s="46">
        <v>27.4</v>
      </c>
      <c r="H3213" s="46">
        <v>16.899999999999999</v>
      </c>
      <c r="I3213" s="46">
        <v>6.5</v>
      </c>
      <c r="J3213" s="46">
        <v>0</v>
      </c>
      <c r="K3213" s="59">
        <v>50</v>
      </c>
    </row>
    <row r="3214" spans="2:11" ht="21.6" x14ac:dyDescent="0.2">
      <c r="B3214" s="77"/>
      <c r="C3214" s="39" t="s">
        <v>52</v>
      </c>
      <c r="D3214" s="45">
        <v>312</v>
      </c>
      <c r="E3214" s="46">
        <v>6.1</v>
      </c>
      <c r="F3214" s="46">
        <v>32.1</v>
      </c>
      <c r="G3214" s="46">
        <v>31.7</v>
      </c>
      <c r="H3214" s="46">
        <v>23.1</v>
      </c>
      <c r="I3214" s="46">
        <v>7.1</v>
      </c>
      <c r="J3214" s="46">
        <v>-18.100000000000001</v>
      </c>
      <c r="K3214" s="59">
        <v>-50</v>
      </c>
    </row>
    <row r="3215" spans="2:11" x14ac:dyDescent="0.2">
      <c r="B3215" s="77"/>
      <c r="C3215" s="39" t="s">
        <v>53</v>
      </c>
      <c r="D3215" s="45">
        <v>269</v>
      </c>
      <c r="E3215" s="46">
        <v>3.3</v>
      </c>
      <c r="F3215" s="46">
        <v>26.8</v>
      </c>
      <c r="G3215" s="46">
        <v>37.9</v>
      </c>
      <c r="H3215" s="46">
        <v>23.4</v>
      </c>
      <c r="I3215" s="46">
        <v>8.6</v>
      </c>
      <c r="J3215" s="46">
        <v>-28</v>
      </c>
      <c r="K3215" s="59">
        <v>-50</v>
      </c>
    </row>
    <row r="3216" spans="2:11" ht="21.6" x14ac:dyDescent="0.2">
      <c r="B3216" s="77"/>
      <c r="C3216" s="39" t="s">
        <v>54</v>
      </c>
      <c r="D3216" s="45">
        <v>511</v>
      </c>
      <c r="E3216" s="46">
        <v>9.1999999999999993</v>
      </c>
      <c r="F3216" s="46">
        <v>30.9</v>
      </c>
      <c r="G3216" s="46">
        <v>30.3</v>
      </c>
      <c r="H3216" s="46">
        <v>24.1</v>
      </c>
      <c r="I3216" s="46">
        <v>5.5</v>
      </c>
      <c r="J3216" s="46">
        <v>-15.4</v>
      </c>
      <c r="K3216" s="59">
        <v>-50</v>
      </c>
    </row>
    <row r="3217" spans="1:25" ht="21.6" x14ac:dyDescent="0.2">
      <c r="B3217" s="77"/>
      <c r="C3217" s="39" t="s">
        <v>55</v>
      </c>
      <c r="D3217" s="45">
        <v>615</v>
      </c>
      <c r="E3217" s="46">
        <v>7.8</v>
      </c>
      <c r="F3217" s="46">
        <v>34</v>
      </c>
      <c r="G3217" s="46">
        <v>34.1</v>
      </c>
      <c r="H3217" s="46">
        <v>18.5</v>
      </c>
      <c r="I3217" s="46">
        <v>5.5</v>
      </c>
      <c r="J3217" s="46">
        <v>-11.4</v>
      </c>
      <c r="K3217" s="59">
        <v>-50</v>
      </c>
    </row>
    <row r="3218" spans="1:25" ht="21.6" x14ac:dyDescent="0.2">
      <c r="B3218" s="77"/>
      <c r="C3218" s="39" t="s">
        <v>56</v>
      </c>
      <c r="D3218" s="45">
        <v>800</v>
      </c>
      <c r="E3218" s="46">
        <v>8.6</v>
      </c>
      <c r="F3218" s="46">
        <v>34</v>
      </c>
      <c r="G3218" s="46">
        <v>31.3</v>
      </c>
      <c r="H3218" s="46">
        <v>19</v>
      </c>
      <c r="I3218" s="46">
        <v>7.1</v>
      </c>
      <c r="J3218" s="46">
        <v>-9.6999999999999993</v>
      </c>
      <c r="K3218" s="59">
        <v>-50</v>
      </c>
    </row>
    <row r="3219" spans="1:25" x14ac:dyDescent="0.2">
      <c r="B3219" s="77"/>
      <c r="C3219" s="40" t="s">
        <v>57</v>
      </c>
      <c r="D3219" s="48">
        <v>798</v>
      </c>
      <c r="E3219" s="49">
        <v>5.5</v>
      </c>
      <c r="F3219" s="49">
        <v>28.8</v>
      </c>
      <c r="G3219" s="49">
        <v>35.299999999999997</v>
      </c>
      <c r="H3219" s="49">
        <v>24.7</v>
      </c>
      <c r="I3219" s="49">
        <v>5.6</v>
      </c>
      <c r="J3219" s="49">
        <v>-23.8</v>
      </c>
      <c r="K3219" s="60">
        <v>-50</v>
      </c>
    </row>
    <row r="3220" spans="1:25" x14ac:dyDescent="0.2">
      <c r="B3220" s="7" t="s">
        <v>71</v>
      </c>
      <c r="C3220" s="4" t="s">
        <v>163</v>
      </c>
    </row>
    <row r="3221" spans="1:25" x14ac:dyDescent="0.2">
      <c r="B3221" s="4"/>
      <c r="C3221" s="4" t="s">
        <v>73</v>
      </c>
    </row>
    <row r="3223" spans="1:25" x14ac:dyDescent="0.2">
      <c r="C3223" t="s">
        <v>35</v>
      </c>
    </row>
    <row r="3224" spans="1:25" x14ac:dyDescent="0.2">
      <c r="B3224" s="75" t="s">
        <v>319</v>
      </c>
      <c r="C3224" s="76"/>
      <c r="D3224" s="76"/>
      <c r="E3224" s="76"/>
      <c r="F3224" s="76"/>
      <c r="G3224" s="76"/>
      <c r="H3224" s="76"/>
      <c r="I3224" s="76"/>
      <c r="J3224" s="76"/>
      <c r="K3224" s="76"/>
      <c r="L3224" s="76"/>
      <c r="M3224" s="76"/>
      <c r="N3224" s="76"/>
      <c r="O3224" s="76"/>
      <c r="P3224" s="76"/>
      <c r="Q3224" s="76"/>
      <c r="R3224" s="76"/>
      <c r="S3224" s="76"/>
      <c r="T3224" s="76"/>
      <c r="U3224" s="76"/>
      <c r="V3224" s="76"/>
      <c r="W3224" s="76"/>
      <c r="X3224" s="76"/>
      <c r="Y3224" s="76"/>
    </row>
    <row r="3225" spans="1:25" s="32" customFormat="1" ht="68.849999999999994" customHeight="1" x14ac:dyDescent="0.15">
      <c r="A3225" s="31"/>
      <c r="D3225" s="33" t="s">
        <v>378</v>
      </c>
      <c r="E3225" s="36" t="s">
        <v>563</v>
      </c>
      <c r="F3225" s="55" t="s">
        <v>564</v>
      </c>
      <c r="G3225" s="55" t="s">
        <v>565</v>
      </c>
      <c r="H3225" s="55" t="s">
        <v>566</v>
      </c>
      <c r="I3225" s="55" t="s">
        <v>480</v>
      </c>
      <c r="J3225" s="56" t="s">
        <v>387</v>
      </c>
      <c r="K3225" s="57" t="s">
        <v>388</v>
      </c>
      <c r="L3225" s="54" t="s">
        <v>381</v>
      </c>
    </row>
    <row r="3226" spans="1:25" ht="21.6" x14ac:dyDescent="0.2">
      <c r="B3226" s="77" t="s">
        <v>37</v>
      </c>
      <c r="C3226" s="38" t="s">
        <v>58</v>
      </c>
      <c r="D3226" s="51">
        <v>609</v>
      </c>
      <c r="E3226" s="52">
        <v>7.9</v>
      </c>
      <c r="F3226" s="52">
        <v>33.299999999999997</v>
      </c>
      <c r="G3226" s="52">
        <v>30.9</v>
      </c>
      <c r="H3226" s="52">
        <v>19.7</v>
      </c>
      <c r="I3226" s="52">
        <v>8.1999999999999993</v>
      </c>
      <c r="J3226" s="52">
        <v>-11.5</v>
      </c>
      <c r="K3226" s="61">
        <v>-50</v>
      </c>
    </row>
    <row r="3227" spans="1:25" ht="21.6" x14ac:dyDescent="0.2">
      <c r="B3227" s="77"/>
      <c r="C3227" s="39" t="s">
        <v>59</v>
      </c>
      <c r="D3227" s="45">
        <v>1391</v>
      </c>
      <c r="E3227" s="46">
        <v>6</v>
      </c>
      <c r="F3227" s="46">
        <v>29.7</v>
      </c>
      <c r="G3227" s="46">
        <v>33.6</v>
      </c>
      <c r="H3227" s="46">
        <v>22.9</v>
      </c>
      <c r="I3227" s="46">
        <v>7.8</v>
      </c>
      <c r="J3227" s="46">
        <v>-20.5</v>
      </c>
      <c r="K3227" s="59">
        <v>-50</v>
      </c>
    </row>
    <row r="3228" spans="1:25" x14ac:dyDescent="0.2">
      <c r="B3228" s="77"/>
      <c r="C3228" s="39" t="s">
        <v>60</v>
      </c>
      <c r="D3228" s="45">
        <v>1325</v>
      </c>
      <c r="E3228" s="46">
        <v>6.2</v>
      </c>
      <c r="F3228" s="46">
        <v>32.5</v>
      </c>
      <c r="G3228" s="46">
        <v>33.1</v>
      </c>
      <c r="H3228" s="46">
        <v>21</v>
      </c>
      <c r="I3228" s="46">
        <v>7.2</v>
      </c>
      <c r="J3228" s="46">
        <v>-16.3</v>
      </c>
      <c r="K3228" s="59">
        <v>-50</v>
      </c>
    </row>
    <row r="3229" spans="1:25" x14ac:dyDescent="0.2">
      <c r="B3229" s="77"/>
      <c r="C3229" s="39" t="s">
        <v>61</v>
      </c>
      <c r="D3229" s="45">
        <v>675</v>
      </c>
      <c r="E3229" s="46">
        <v>7.3</v>
      </c>
      <c r="F3229" s="46">
        <v>27.6</v>
      </c>
      <c r="G3229" s="46">
        <v>32</v>
      </c>
      <c r="H3229" s="46">
        <v>23.9</v>
      </c>
      <c r="I3229" s="46">
        <v>9.3000000000000007</v>
      </c>
      <c r="J3229" s="46">
        <v>-20.8</v>
      </c>
      <c r="K3229" s="59">
        <v>-50</v>
      </c>
    </row>
    <row r="3230" spans="1:25" x14ac:dyDescent="0.2">
      <c r="B3230" s="77"/>
      <c r="C3230" s="39" t="s">
        <v>62</v>
      </c>
      <c r="D3230" s="45">
        <v>1086</v>
      </c>
      <c r="E3230" s="46">
        <v>7</v>
      </c>
      <c r="F3230" s="46">
        <v>29</v>
      </c>
      <c r="G3230" s="46">
        <v>34.1</v>
      </c>
      <c r="H3230" s="46">
        <v>21</v>
      </c>
      <c r="I3230" s="46">
        <v>8.9</v>
      </c>
      <c r="J3230" s="46">
        <v>-18.100000000000001</v>
      </c>
      <c r="K3230" s="59">
        <v>-50</v>
      </c>
    </row>
    <row r="3231" spans="1:25" ht="21.6" x14ac:dyDescent="0.2">
      <c r="B3231" s="77"/>
      <c r="C3231" s="39" t="s">
        <v>63</v>
      </c>
      <c r="D3231" s="45">
        <v>203</v>
      </c>
      <c r="E3231" s="46">
        <v>9.4</v>
      </c>
      <c r="F3231" s="46">
        <v>31</v>
      </c>
      <c r="G3231" s="46">
        <v>28.6</v>
      </c>
      <c r="H3231" s="46">
        <v>16.7</v>
      </c>
      <c r="I3231" s="46">
        <v>14.3</v>
      </c>
      <c r="J3231" s="46">
        <v>-7.2</v>
      </c>
      <c r="K3231" s="59">
        <v>-50</v>
      </c>
    </row>
    <row r="3232" spans="1:25" x14ac:dyDescent="0.2">
      <c r="B3232" s="77"/>
      <c r="C3232" s="39" t="s">
        <v>64</v>
      </c>
      <c r="D3232" s="45">
        <v>263</v>
      </c>
      <c r="E3232" s="46">
        <v>8.6999999999999993</v>
      </c>
      <c r="F3232" s="46">
        <v>28.1</v>
      </c>
      <c r="G3232" s="46">
        <v>33.799999999999997</v>
      </c>
      <c r="H3232" s="46">
        <v>21.3</v>
      </c>
      <c r="I3232" s="46">
        <v>8</v>
      </c>
      <c r="J3232" s="46">
        <v>-16.7</v>
      </c>
      <c r="K3232" s="59">
        <v>-50</v>
      </c>
    </row>
    <row r="3233" spans="2:11" x14ac:dyDescent="0.2">
      <c r="B3233" s="77"/>
      <c r="C3233" s="39" t="s">
        <v>65</v>
      </c>
      <c r="D3233" s="45">
        <v>312</v>
      </c>
      <c r="E3233" s="46">
        <v>5.0999999999999996</v>
      </c>
      <c r="F3233" s="46">
        <v>27.6</v>
      </c>
      <c r="G3233" s="46">
        <v>34</v>
      </c>
      <c r="H3233" s="46">
        <v>23.7</v>
      </c>
      <c r="I3233" s="46">
        <v>9.6</v>
      </c>
      <c r="J3233" s="46">
        <v>-24.1</v>
      </c>
      <c r="K3233" s="59">
        <v>-50</v>
      </c>
    </row>
    <row r="3234" spans="2:11" x14ac:dyDescent="0.2">
      <c r="B3234" s="77"/>
      <c r="C3234" s="39" t="s">
        <v>66</v>
      </c>
      <c r="D3234" s="45">
        <v>230</v>
      </c>
      <c r="E3234" s="46">
        <v>6.5</v>
      </c>
      <c r="F3234" s="46">
        <v>27</v>
      </c>
      <c r="G3234" s="46">
        <v>37.4</v>
      </c>
      <c r="H3234" s="46">
        <v>23</v>
      </c>
      <c r="I3234" s="46">
        <v>6.1</v>
      </c>
      <c r="J3234" s="46">
        <v>-23.1</v>
      </c>
      <c r="K3234" s="59">
        <v>-50</v>
      </c>
    </row>
    <row r="3235" spans="2:11" x14ac:dyDescent="0.2">
      <c r="B3235" s="77"/>
      <c r="C3235" s="39" t="s">
        <v>67</v>
      </c>
      <c r="D3235" s="45">
        <v>78</v>
      </c>
      <c r="E3235" s="46">
        <v>3.8</v>
      </c>
      <c r="F3235" s="46">
        <v>38.5</v>
      </c>
      <c r="G3235" s="46">
        <v>39.700000000000003</v>
      </c>
      <c r="H3235" s="46">
        <v>14.1</v>
      </c>
      <c r="I3235" s="46">
        <v>3.8</v>
      </c>
      <c r="J3235" s="46">
        <v>-11.3</v>
      </c>
      <c r="K3235" s="59">
        <v>-50</v>
      </c>
    </row>
    <row r="3236" spans="2:11" x14ac:dyDescent="0.2">
      <c r="B3236" s="77"/>
      <c r="C3236" s="39" t="s">
        <v>68</v>
      </c>
      <c r="D3236" s="45">
        <v>897</v>
      </c>
      <c r="E3236" s="46">
        <v>7.6</v>
      </c>
      <c r="F3236" s="46">
        <v>29.4</v>
      </c>
      <c r="G3236" s="46">
        <v>33.700000000000003</v>
      </c>
      <c r="H3236" s="46">
        <v>21.4</v>
      </c>
      <c r="I3236" s="46">
        <v>7.9</v>
      </c>
      <c r="J3236" s="46">
        <v>-17.3</v>
      </c>
      <c r="K3236" s="59">
        <v>-50</v>
      </c>
    </row>
    <row r="3237" spans="2:11" x14ac:dyDescent="0.2">
      <c r="B3237" s="77"/>
      <c r="C3237" s="39" t="s">
        <v>69</v>
      </c>
      <c r="D3237" s="45">
        <v>189</v>
      </c>
      <c r="E3237" s="46">
        <v>4.2</v>
      </c>
      <c r="F3237" s="46">
        <v>27</v>
      </c>
      <c r="G3237" s="46">
        <v>36</v>
      </c>
      <c r="H3237" s="46">
        <v>19</v>
      </c>
      <c r="I3237" s="46">
        <v>13.8</v>
      </c>
      <c r="J3237" s="46">
        <v>-22.4</v>
      </c>
      <c r="K3237" s="59">
        <v>-50</v>
      </c>
    </row>
    <row r="3238" spans="2:11" x14ac:dyDescent="0.2">
      <c r="B3238" s="77"/>
      <c r="C3238" s="39" t="s">
        <v>70</v>
      </c>
      <c r="D3238" s="45">
        <v>914</v>
      </c>
      <c r="E3238" s="46">
        <v>6</v>
      </c>
      <c r="F3238" s="46">
        <v>32.9</v>
      </c>
      <c r="G3238" s="46">
        <v>31.2</v>
      </c>
      <c r="H3238" s="46">
        <v>23.1</v>
      </c>
      <c r="I3238" s="46">
        <v>6.8</v>
      </c>
      <c r="J3238" s="46">
        <v>-17.399999999999999</v>
      </c>
      <c r="K3238" s="59">
        <v>-50</v>
      </c>
    </row>
    <row r="3239" spans="2:11" ht="21.6" x14ac:dyDescent="0.2">
      <c r="B3239" s="77"/>
      <c r="C3239" s="39" t="s">
        <v>63</v>
      </c>
      <c r="D3239" s="45">
        <v>193</v>
      </c>
      <c r="E3239" s="46">
        <v>9.3000000000000007</v>
      </c>
      <c r="F3239" s="46">
        <v>33.200000000000003</v>
      </c>
      <c r="G3239" s="46">
        <v>33.700000000000003</v>
      </c>
      <c r="H3239" s="46">
        <v>15</v>
      </c>
      <c r="I3239" s="46">
        <v>8.8000000000000007</v>
      </c>
      <c r="J3239" s="46">
        <v>-6.5</v>
      </c>
      <c r="K3239" s="59">
        <v>-50</v>
      </c>
    </row>
    <row r="3240" spans="2:11" x14ac:dyDescent="0.2">
      <c r="B3240" s="77"/>
      <c r="C3240" s="39" t="s">
        <v>64</v>
      </c>
      <c r="D3240" s="45">
        <v>203</v>
      </c>
      <c r="E3240" s="46">
        <v>6.9</v>
      </c>
      <c r="F3240" s="46">
        <v>28.1</v>
      </c>
      <c r="G3240" s="46">
        <v>33</v>
      </c>
      <c r="H3240" s="46">
        <v>24.1</v>
      </c>
      <c r="I3240" s="46">
        <v>7.9</v>
      </c>
      <c r="J3240" s="46">
        <v>-21.4</v>
      </c>
      <c r="K3240" s="59">
        <v>-50</v>
      </c>
    </row>
    <row r="3241" spans="2:11" x14ac:dyDescent="0.2">
      <c r="B3241" s="77"/>
      <c r="C3241" s="39" t="s">
        <v>65</v>
      </c>
      <c r="D3241" s="45">
        <v>263</v>
      </c>
      <c r="E3241" s="46">
        <v>4.9000000000000004</v>
      </c>
      <c r="F3241" s="46">
        <v>35</v>
      </c>
      <c r="G3241" s="46">
        <v>29.7</v>
      </c>
      <c r="H3241" s="46">
        <v>24</v>
      </c>
      <c r="I3241" s="46">
        <v>6.5</v>
      </c>
      <c r="J3241" s="46">
        <v>-17.5</v>
      </c>
      <c r="K3241" s="59">
        <v>-50</v>
      </c>
    </row>
    <row r="3242" spans="2:11" x14ac:dyDescent="0.2">
      <c r="B3242" s="77"/>
      <c r="C3242" s="39" t="s">
        <v>66</v>
      </c>
      <c r="D3242" s="45">
        <v>194</v>
      </c>
      <c r="E3242" s="46">
        <v>3.6</v>
      </c>
      <c r="F3242" s="46">
        <v>37.6</v>
      </c>
      <c r="G3242" s="46">
        <v>27.3</v>
      </c>
      <c r="H3242" s="46">
        <v>27.8</v>
      </c>
      <c r="I3242" s="46">
        <v>3.6</v>
      </c>
      <c r="J3242" s="46">
        <v>-19.8</v>
      </c>
      <c r="K3242" s="59">
        <v>-50</v>
      </c>
    </row>
    <row r="3243" spans="2:11" x14ac:dyDescent="0.2">
      <c r="B3243" s="77"/>
      <c r="C3243" s="39" t="s">
        <v>67</v>
      </c>
      <c r="D3243" s="45">
        <v>61</v>
      </c>
      <c r="E3243" s="46">
        <v>4.9000000000000004</v>
      </c>
      <c r="F3243" s="46">
        <v>24.6</v>
      </c>
      <c r="G3243" s="46">
        <v>36.1</v>
      </c>
      <c r="H3243" s="46">
        <v>26.2</v>
      </c>
      <c r="I3243" s="46">
        <v>8.1999999999999993</v>
      </c>
      <c r="J3243" s="46">
        <v>-29.5</v>
      </c>
      <c r="K3243" s="59">
        <v>-50</v>
      </c>
    </row>
    <row r="3244" spans="2:11" x14ac:dyDescent="0.2">
      <c r="B3244" s="77"/>
      <c r="C3244" s="39" t="s">
        <v>68</v>
      </c>
      <c r="D3244" s="45">
        <v>416</v>
      </c>
      <c r="E3244" s="46">
        <v>7.7</v>
      </c>
      <c r="F3244" s="46">
        <v>34.1</v>
      </c>
      <c r="G3244" s="46">
        <v>32.200000000000003</v>
      </c>
      <c r="H3244" s="46">
        <v>19.2</v>
      </c>
      <c r="I3244" s="46">
        <v>6.7</v>
      </c>
      <c r="J3244" s="46">
        <v>-11.3</v>
      </c>
      <c r="K3244" s="59">
        <v>-50</v>
      </c>
    </row>
    <row r="3245" spans="2:11" x14ac:dyDescent="0.2">
      <c r="B3245" s="77"/>
      <c r="C3245" s="40" t="s">
        <v>69</v>
      </c>
      <c r="D3245" s="48">
        <v>498</v>
      </c>
      <c r="E3245" s="49">
        <v>4.5999999999999996</v>
      </c>
      <c r="F3245" s="49">
        <v>31.9</v>
      </c>
      <c r="G3245" s="49">
        <v>30.3</v>
      </c>
      <c r="H3245" s="49">
        <v>26.3</v>
      </c>
      <c r="I3245" s="49">
        <v>6.8</v>
      </c>
      <c r="J3245" s="49">
        <v>-22.4</v>
      </c>
      <c r="K3245" s="60">
        <v>-50</v>
      </c>
    </row>
    <row r="3246" spans="2:11" x14ac:dyDescent="0.2">
      <c r="B3246" s="7" t="s">
        <v>71</v>
      </c>
      <c r="C3246" s="4" t="s">
        <v>163</v>
      </c>
    </row>
    <row r="3247" spans="2:11" x14ac:dyDescent="0.2">
      <c r="B3247" s="4"/>
      <c r="C3247" s="4" t="s">
        <v>73</v>
      </c>
    </row>
    <row r="3249" spans="1:25" x14ac:dyDescent="0.2">
      <c r="A3249" s="26" t="s">
        <v>25</v>
      </c>
      <c r="B3249" t="s">
        <v>35</v>
      </c>
      <c r="C3249" t="s">
        <v>35</v>
      </c>
    </row>
    <row r="3250" spans="1:25" x14ac:dyDescent="0.2">
      <c r="B3250" s="75" t="s">
        <v>164</v>
      </c>
      <c r="C3250" s="76"/>
      <c r="D3250" s="76"/>
      <c r="E3250" s="76"/>
      <c r="F3250" s="76"/>
      <c r="G3250" s="76"/>
      <c r="H3250" s="76"/>
      <c r="I3250" s="76"/>
      <c r="J3250" s="76"/>
      <c r="K3250" s="76"/>
      <c r="L3250" s="76"/>
      <c r="M3250" s="76"/>
      <c r="N3250" s="76"/>
      <c r="O3250" s="76"/>
      <c r="P3250" s="76"/>
      <c r="Q3250" s="76"/>
      <c r="R3250" s="76"/>
      <c r="S3250" s="76"/>
      <c r="T3250" s="76"/>
      <c r="U3250" s="76"/>
      <c r="V3250" s="76"/>
      <c r="W3250" s="76"/>
      <c r="X3250" s="76"/>
      <c r="Y3250" s="76"/>
    </row>
    <row r="3251" spans="1:25" s="32" customFormat="1" ht="68.849999999999994" customHeight="1" x14ac:dyDescent="0.15">
      <c r="A3251" s="31"/>
      <c r="D3251" s="33" t="s">
        <v>378</v>
      </c>
      <c r="E3251" s="36" t="s">
        <v>563</v>
      </c>
      <c r="F3251" s="55" t="s">
        <v>564</v>
      </c>
      <c r="G3251" s="55" t="s">
        <v>565</v>
      </c>
      <c r="H3251" s="55" t="s">
        <v>566</v>
      </c>
      <c r="I3251" s="55" t="s">
        <v>480</v>
      </c>
      <c r="J3251" s="56" t="s">
        <v>387</v>
      </c>
      <c r="K3251" s="57" t="s">
        <v>388</v>
      </c>
      <c r="L3251" s="54" t="s">
        <v>381</v>
      </c>
    </row>
    <row r="3252" spans="1:25" x14ac:dyDescent="0.2">
      <c r="B3252" s="5"/>
      <c r="C3252" s="41" t="s">
        <v>38</v>
      </c>
      <c r="D3252" s="42">
        <v>2000</v>
      </c>
      <c r="E3252" s="43">
        <v>11.7</v>
      </c>
      <c r="F3252" s="43">
        <v>27.1</v>
      </c>
      <c r="G3252" s="43">
        <v>26.6</v>
      </c>
      <c r="H3252" s="43">
        <v>28.8</v>
      </c>
      <c r="I3252" s="43">
        <v>5.9</v>
      </c>
      <c r="J3252" s="43">
        <v>-17.899999999999999</v>
      </c>
      <c r="K3252" s="58">
        <v>-50</v>
      </c>
    </row>
    <row r="3253" spans="1:25" x14ac:dyDescent="0.2">
      <c r="B3253" s="77" t="s">
        <v>37</v>
      </c>
      <c r="C3253" s="39" t="s">
        <v>39</v>
      </c>
      <c r="D3253" s="45">
        <v>111</v>
      </c>
      <c r="E3253" s="46">
        <v>15.3</v>
      </c>
      <c r="F3253" s="46">
        <v>21.6</v>
      </c>
      <c r="G3253" s="46">
        <v>33.299999999999997</v>
      </c>
      <c r="H3253" s="46">
        <v>24.3</v>
      </c>
      <c r="I3253" s="46">
        <v>5.4</v>
      </c>
      <c r="J3253" s="46">
        <v>-15.7</v>
      </c>
      <c r="K3253" s="59">
        <v>-50</v>
      </c>
    </row>
    <row r="3254" spans="1:25" x14ac:dyDescent="0.2">
      <c r="B3254" s="77"/>
      <c r="C3254" s="39" t="s">
        <v>40</v>
      </c>
      <c r="D3254" s="45">
        <v>450</v>
      </c>
      <c r="E3254" s="46">
        <v>11.8</v>
      </c>
      <c r="F3254" s="46">
        <v>30.7</v>
      </c>
      <c r="G3254" s="46">
        <v>27.3</v>
      </c>
      <c r="H3254" s="46">
        <v>26.9</v>
      </c>
      <c r="I3254" s="46">
        <v>3.3</v>
      </c>
      <c r="J3254" s="46">
        <v>-13.9</v>
      </c>
      <c r="K3254" s="59">
        <v>-50</v>
      </c>
    </row>
    <row r="3255" spans="1:25" ht="21.6" x14ac:dyDescent="0.2">
      <c r="B3255" s="77"/>
      <c r="C3255" s="39" t="s">
        <v>41</v>
      </c>
      <c r="D3255" s="45">
        <v>30</v>
      </c>
      <c r="E3255" s="46">
        <v>16.7</v>
      </c>
      <c r="F3255" s="46">
        <v>33.299999999999997</v>
      </c>
      <c r="G3255" s="46">
        <v>20</v>
      </c>
      <c r="H3255" s="46">
        <v>23.3</v>
      </c>
      <c r="I3255" s="46">
        <v>6.7</v>
      </c>
      <c r="J3255" s="46">
        <v>0</v>
      </c>
      <c r="K3255" s="59">
        <v>50</v>
      </c>
    </row>
    <row r="3256" spans="1:25" ht="21.6" x14ac:dyDescent="0.2">
      <c r="B3256" s="77"/>
      <c r="C3256" s="39" t="s">
        <v>42</v>
      </c>
      <c r="D3256" s="45">
        <v>336</v>
      </c>
      <c r="E3256" s="46">
        <v>12.2</v>
      </c>
      <c r="F3256" s="46">
        <v>28.6</v>
      </c>
      <c r="G3256" s="46">
        <v>25.9</v>
      </c>
      <c r="H3256" s="46">
        <v>27.1</v>
      </c>
      <c r="I3256" s="46">
        <v>6.3</v>
      </c>
      <c r="J3256" s="46">
        <v>-14.4</v>
      </c>
      <c r="K3256" s="59">
        <v>-50</v>
      </c>
    </row>
    <row r="3257" spans="1:25" ht="21.6" x14ac:dyDescent="0.2">
      <c r="B3257" s="77"/>
      <c r="C3257" s="39" t="s">
        <v>43</v>
      </c>
      <c r="D3257" s="45">
        <v>327</v>
      </c>
      <c r="E3257" s="46">
        <v>9.1999999999999993</v>
      </c>
      <c r="F3257" s="46">
        <v>25.4</v>
      </c>
      <c r="G3257" s="46">
        <v>25.1</v>
      </c>
      <c r="H3257" s="46">
        <v>32.4</v>
      </c>
      <c r="I3257" s="46">
        <v>8</v>
      </c>
      <c r="J3257" s="46">
        <v>-25.1</v>
      </c>
      <c r="K3257" s="59">
        <v>-50</v>
      </c>
    </row>
    <row r="3258" spans="1:25" ht="21.6" x14ac:dyDescent="0.2">
      <c r="B3258" s="77"/>
      <c r="C3258" s="39" t="s">
        <v>44</v>
      </c>
      <c r="D3258" s="45">
        <v>181</v>
      </c>
      <c r="E3258" s="46">
        <v>17.100000000000001</v>
      </c>
      <c r="F3258" s="46">
        <v>30.4</v>
      </c>
      <c r="G3258" s="46">
        <v>22.7</v>
      </c>
      <c r="H3258" s="46">
        <v>23.8</v>
      </c>
      <c r="I3258" s="46">
        <v>6.1</v>
      </c>
      <c r="J3258" s="46">
        <v>-2.9</v>
      </c>
      <c r="K3258" s="59">
        <v>50</v>
      </c>
    </row>
    <row r="3259" spans="1:25" ht="21.6" x14ac:dyDescent="0.2">
      <c r="B3259" s="77"/>
      <c r="C3259" s="39" t="s">
        <v>45</v>
      </c>
      <c r="D3259" s="45">
        <v>565</v>
      </c>
      <c r="E3259" s="46">
        <v>10.1</v>
      </c>
      <c r="F3259" s="46">
        <v>23.9</v>
      </c>
      <c r="G3259" s="46">
        <v>27.6</v>
      </c>
      <c r="H3259" s="46">
        <v>31.9</v>
      </c>
      <c r="I3259" s="46">
        <v>6.5</v>
      </c>
      <c r="J3259" s="46">
        <v>-25.3</v>
      </c>
      <c r="K3259" s="59">
        <v>-50</v>
      </c>
    </row>
    <row r="3260" spans="1:25" ht="21.6" x14ac:dyDescent="0.2">
      <c r="B3260" s="77"/>
      <c r="C3260" s="39" t="s">
        <v>46</v>
      </c>
      <c r="D3260" s="45">
        <v>473</v>
      </c>
      <c r="E3260" s="46">
        <v>10.4</v>
      </c>
      <c r="F3260" s="46">
        <v>24.3</v>
      </c>
      <c r="G3260" s="46">
        <v>25.8</v>
      </c>
      <c r="H3260" s="46">
        <v>33.6</v>
      </c>
      <c r="I3260" s="46">
        <v>5.9</v>
      </c>
      <c r="J3260" s="46">
        <v>-25.5</v>
      </c>
      <c r="K3260" s="59">
        <v>-50</v>
      </c>
    </row>
    <row r="3261" spans="1:25" ht="21.6" x14ac:dyDescent="0.2">
      <c r="B3261" s="77"/>
      <c r="C3261" s="39" t="s">
        <v>47</v>
      </c>
      <c r="D3261" s="45">
        <v>441</v>
      </c>
      <c r="E3261" s="46">
        <v>12.5</v>
      </c>
      <c r="F3261" s="46">
        <v>23.8</v>
      </c>
      <c r="G3261" s="46">
        <v>27</v>
      </c>
      <c r="H3261" s="46">
        <v>31.3</v>
      </c>
      <c r="I3261" s="46">
        <v>5.4</v>
      </c>
      <c r="J3261" s="46">
        <v>-21.6</v>
      </c>
      <c r="K3261" s="59">
        <v>-50</v>
      </c>
    </row>
    <row r="3262" spans="1:25" ht="21.6" x14ac:dyDescent="0.2">
      <c r="B3262" s="77"/>
      <c r="C3262" s="39" t="s">
        <v>48</v>
      </c>
      <c r="D3262" s="45">
        <v>305</v>
      </c>
      <c r="E3262" s="46">
        <v>13.1</v>
      </c>
      <c r="F3262" s="46">
        <v>30.5</v>
      </c>
      <c r="G3262" s="46">
        <v>31.8</v>
      </c>
      <c r="H3262" s="46">
        <v>22</v>
      </c>
      <c r="I3262" s="46">
        <v>2.6</v>
      </c>
      <c r="J3262" s="46">
        <v>-9.8000000000000007</v>
      </c>
      <c r="K3262" s="59">
        <v>-50</v>
      </c>
    </row>
    <row r="3263" spans="1:25" ht="21.6" x14ac:dyDescent="0.2">
      <c r="B3263" s="77"/>
      <c r="C3263" s="39" t="s">
        <v>49</v>
      </c>
      <c r="D3263" s="45">
        <v>223</v>
      </c>
      <c r="E3263" s="46">
        <v>11.7</v>
      </c>
      <c r="F3263" s="46">
        <v>36.299999999999997</v>
      </c>
      <c r="G3263" s="46">
        <v>26.9</v>
      </c>
      <c r="H3263" s="46">
        <v>23.3</v>
      </c>
      <c r="I3263" s="46">
        <v>1.8</v>
      </c>
      <c r="J3263" s="46">
        <v>-7.1</v>
      </c>
      <c r="K3263" s="59">
        <v>-50</v>
      </c>
    </row>
    <row r="3264" spans="1:25" ht="21.6" x14ac:dyDescent="0.2">
      <c r="B3264" s="77"/>
      <c r="C3264" s="39" t="s">
        <v>50</v>
      </c>
      <c r="D3264" s="45">
        <v>123</v>
      </c>
      <c r="E3264" s="46">
        <v>17.100000000000001</v>
      </c>
      <c r="F3264" s="46">
        <v>35</v>
      </c>
      <c r="G3264" s="46">
        <v>22</v>
      </c>
      <c r="H3264" s="46">
        <v>24.4</v>
      </c>
      <c r="I3264" s="46">
        <v>1.6</v>
      </c>
      <c r="J3264" s="46">
        <v>-0.8</v>
      </c>
      <c r="K3264" s="59">
        <v>50</v>
      </c>
    </row>
    <row r="3265" spans="1:25" ht="21.6" x14ac:dyDescent="0.2">
      <c r="B3265" s="77"/>
      <c r="C3265" s="39" t="s">
        <v>51</v>
      </c>
      <c r="D3265" s="45">
        <v>124</v>
      </c>
      <c r="E3265" s="46">
        <v>16.100000000000001</v>
      </c>
      <c r="F3265" s="46">
        <v>29.8</v>
      </c>
      <c r="G3265" s="46">
        <v>22.6</v>
      </c>
      <c r="H3265" s="46">
        <v>27.4</v>
      </c>
      <c r="I3265" s="46">
        <v>4</v>
      </c>
      <c r="J3265" s="46">
        <v>-8</v>
      </c>
      <c r="K3265" s="59">
        <v>-50</v>
      </c>
    </row>
    <row r="3266" spans="1:25" ht="21.6" x14ac:dyDescent="0.2">
      <c r="B3266" s="77"/>
      <c r="C3266" s="39" t="s">
        <v>52</v>
      </c>
      <c r="D3266" s="45">
        <v>312</v>
      </c>
      <c r="E3266" s="46">
        <v>14.4</v>
      </c>
      <c r="F3266" s="46">
        <v>24.7</v>
      </c>
      <c r="G3266" s="46">
        <v>26.3</v>
      </c>
      <c r="H3266" s="46">
        <v>27.9</v>
      </c>
      <c r="I3266" s="46">
        <v>6.7</v>
      </c>
      <c r="J3266" s="46">
        <v>-15.3</v>
      </c>
      <c r="K3266" s="59">
        <v>-50</v>
      </c>
    </row>
    <row r="3267" spans="1:25" x14ac:dyDescent="0.2">
      <c r="B3267" s="77"/>
      <c r="C3267" s="39" t="s">
        <v>53</v>
      </c>
      <c r="D3267" s="45">
        <v>269</v>
      </c>
      <c r="E3267" s="46">
        <v>8.1999999999999993</v>
      </c>
      <c r="F3267" s="46">
        <v>25.7</v>
      </c>
      <c r="G3267" s="46">
        <v>29.7</v>
      </c>
      <c r="H3267" s="46">
        <v>32.700000000000003</v>
      </c>
      <c r="I3267" s="46">
        <v>3.7</v>
      </c>
      <c r="J3267" s="46">
        <v>-27.6</v>
      </c>
      <c r="K3267" s="59">
        <v>-50</v>
      </c>
    </row>
    <row r="3268" spans="1:25" ht="21.6" x14ac:dyDescent="0.2">
      <c r="B3268" s="77"/>
      <c r="C3268" s="39" t="s">
        <v>54</v>
      </c>
      <c r="D3268" s="45">
        <v>511</v>
      </c>
      <c r="E3268" s="46">
        <v>12.9</v>
      </c>
      <c r="F3268" s="46">
        <v>26.4</v>
      </c>
      <c r="G3268" s="46">
        <v>26</v>
      </c>
      <c r="H3268" s="46">
        <v>30.5</v>
      </c>
      <c r="I3268" s="46">
        <v>4.0999999999999996</v>
      </c>
      <c r="J3268" s="46">
        <v>-18.2</v>
      </c>
      <c r="K3268" s="59">
        <v>-50</v>
      </c>
    </row>
    <row r="3269" spans="1:25" ht="21.6" x14ac:dyDescent="0.2">
      <c r="B3269" s="77"/>
      <c r="C3269" s="39" t="s">
        <v>55</v>
      </c>
      <c r="D3269" s="45">
        <v>615</v>
      </c>
      <c r="E3269" s="46">
        <v>13.8</v>
      </c>
      <c r="F3269" s="46">
        <v>31.4</v>
      </c>
      <c r="G3269" s="46">
        <v>27.5</v>
      </c>
      <c r="H3269" s="46">
        <v>23.6</v>
      </c>
      <c r="I3269" s="46">
        <v>3.7</v>
      </c>
      <c r="J3269" s="46">
        <v>-8.1</v>
      </c>
      <c r="K3269" s="59">
        <v>-50</v>
      </c>
    </row>
    <row r="3270" spans="1:25" ht="21.6" x14ac:dyDescent="0.2">
      <c r="B3270" s="77"/>
      <c r="C3270" s="39" t="s">
        <v>56</v>
      </c>
      <c r="D3270" s="45">
        <v>800</v>
      </c>
      <c r="E3270" s="46">
        <v>12</v>
      </c>
      <c r="F3270" s="46">
        <v>29.6</v>
      </c>
      <c r="G3270" s="46">
        <v>26.8</v>
      </c>
      <c r="H3270" s="46">
        <v>26.8</v>
      </c>
      <c r="I3270" s="46">
        <v>4.9000000000000004</v>
      </c>
      <c r="J3270" s="46">
        <v>-14</v>
      </c>
      <c r="K3270" s="59">
        <v>-50</v>
      </c>
    </row>
    <row r="3271" spans="1:25" x14ac:dyDescent="0.2">
      <c r="B3271" s="77"/>
      <c r="C3271" s="40" t="s">
        <v>57</v>
      </c>
      <c r="D3271" s="48">
        <v>798</v>
      </c>
      <c r="E3271" s="49">
        <v>11.9</v>
      </c>
      <c r="F3271" s="49">
        <v>27.7</v>
      </c>
      <c r="G3271" s="49">
        <v>26.1</v>
      </c>
      <c r="H3271" s="49">
        <v>29.6</v>
      </c>
      <c r="I3271" s="49">
        <v>4.8</v>
      </c>
      <c r="J3271" s="49">
        <v>-17.7</v>
      </c>
      <c r="K3271" s="60">
        <v>-50</v>
      </c>
    </row>
    <row r="3272" spans="1:25" x14ac:dyDescent="0.2">
      <c r="B3272" s="7" t="s">
        <v>71</v>
      </c>
      <c r="C3272" s="4" t="s">
        <v>165</v>
      </c>
    </row>
    <row r="3273" spans="1:25" x14ac:dyDescent="0.2">
      <c r="B3273" s="4"/>
      <c r="C3273" s="4" t="s">
        <v>73</v>
      </c>
    </row>
    <row r="3275" spans="1:25" x14ac:dyDescent="0.2">
      <c r="C3275" t="s">
        <v>35</v>
      </c>
    </row>
    <row r="3276" spans="1:25" x14ac:dyDescent="0.2">
      <c r="B3276" s="75" t="s">
        <v>320</v>
      </c>
      <c r="C3276" s="76"/>
      <c r="D3276" s="76"/>
      <c r="E3276" s="76"/>
      <c r="F3276" s="76"/>
      <c r="G3276" s="76"/>
      <c r="H3276" s="76"/>
      <c r="I3276" s="76"/>
      <c r="J3276" s="76"/>
      <c r="K3276" s="76"/>
      <c r="L3276" s="76"/>
      <c r="M3276" s="76"/>
      <c r="N3276" s="76"/>
      <c r="O3276" s="76"/>
      <c r="P3276" s="76"/>
      <c r="Q3276" s="76"/>
      <c r="R3276" s="76"/>
      <c r="S3276" s="76"/>
      <c r="T3276" s="76"/>
      <c r="U3276" s="76"/>
      <c r="V3276" s="76"/>
      <c r="W3276" s="76"/>
      <c r="X3276" s="76"/>
      <c r="Y3276" s="76"/>
    </row>
    <row r="3277" spans="1:25" s="32" customFormat="1" ht="68.849999999999994" customHeight="1" x14ac:dyDescent="0.15">
      <c r="A3277" s="31"/>
      <c r="D3277" s="33" t="s">
        <v>378</v>
      </c>
      <c r="E3277" s="36" t="s">
        <v>563</v>
      </c>
      <c r="F3277" s="55" t="s">
        <v>564</v>
      </c>
      <c r="G3277" s="55" t="s">
        <v>565</v>
      </c>
      <c r="H3277" s="55" t="s">
        <v>566</v>
      </c>
      <c r="I3277" s="55" t="s">
        <v>480</v>
      </c>
      <c r="J3277" s="56" t="s">
        <v>387</v>
      </c>
      <c r="K3277" s="57" t="s">
        <v>388</v>
      </c>
      <c r="L3277" s="54" t="s">
        <v>381</v>
      </c>
    </row>
    <row r="3278" spans="1:25" ht="21.6" x14ac:dyDescent="0.2">
      <c r="B3278" s="77" t="s">
        <v>37</v>
      </c>
      <c r="C3278" s="38" t="s">
        <v>58</v>
      </c>
      <c r="D3278" s="51">
        <v>609</v>
      </c>
      <c r="E3278" s="52">
        <v>10.5</v>
      </c>
      <c r="F3278" s="52">
        <v>28.4</v>
      </c>
      <c r="G3278" s="52">
        <v>28.1</v>
      </c>
      <c r="H3278" s="52">
        <v>26.9</v>
      </c>
      <c r="I3278" s="52">
        <v>6.1</v>
      </c>
      <c r="J3278" s="52">
        <v>-17.3</v>
      </c>
      <c r="K3278" s="61">
        <v>-50</v>
      </c>
    </row>
    <row r="3279" spans="1:25" ht="21.6" x14ac:dyDescent="0.2">
      <c r="B3279" s="77"/>
      <c r="C3279" s="39" t="s">
        <v>59</v>
      </c>
      <c r="D3279" s="45">
        <v>1391</v>
      </c>
      <c r="E3279" s="46">
        <v>12.2</v>
      </c>
      <c r="F3279" s="46">
        <v>26.5</v>
      </c>
      <c r="G3279" s="46">
        <v>26</v>
      </c>
      <c r="H3279" s="46">
        <v>29.5</v>
      </c>
      <c r="I3279" s="46">
        <v>5.8</v>
      </c>
      <c r="J3279" s="46">
        <v>-18.100000000000001</v>
      </c>
      <c r="K3279" s="59">
        <v>-50</v>
      </c>
    </row>
    <row r="3280" spans="1:25" x14ac:dyDescent="0.2">
      <c r="B3280" s="77"/>
      <c r="C3280" s="39" t="s">
        <v>60</v>
      </c>
      <c r="D3280" s="45">
        <v>1325</v>
      </c>
      <c r="E3280" s="46">
        <v>12.1</v>
      </c>
      <c r="F3280" s="46">
        <v>27.6</v>
      </c>
      <c r="G3280" s="46">
        <v>26.4</v>
      </c>
      <c r="H3280" s="46">
        <v>28.5</v>
      </c>
      <c r="I3280" s="46">
        <v>5.4</v>
      </c>
      <c r="J3280" s="46">
        <v>-16.7</v>
      </c>
      <c r="K3280" s="59">
        <v>-50</v>
      </c>
    </row>
    <row r="3281" spans="2:11" x14ac:dyDescent="0.2">
      <c r="B3281" s="77"/>
      <c r="C3281" s="39" t="s">
        <v>61</v>
      </c>
      <c r="D3281" s="45">
        <v>675</v>
      </c>
      <c r="E3281" s="46">
        <v>11</v>
      </c>
      <c r="F3281" s="46">
        <v>25.9</v>
      </c>
      <c r="G3281" s="46">
        <v>27</v>
      </c>
      <c r="H3281" s="46">
        <v>29.3</v>
      </c>
      <c r="I3281" s="46">
        <v>6.8</v>
      </c>
      <c r="J3281" s="46">
        <v>-20.3</v>
      </c>
      <c r="K3281" s="59">
        <v>-50</v>
      </c>
    </row>
    <row r="3282" spans="2:11" x14ac:dyDescent="0.2">
      <c r="B3282" s="77"/>
      <c r="C3282" s="39" t="s">
        <v>62</v>
      </c>
      <c r="D3282" s="45">
        <v>1086</v>
      </c>
      <c r="E3282" s="46">
        <v>10.1</v>
      </c>
      <c r="F3282" s="46">
        <v>26.2</v>
      </c>
      <c r="G3282" s="46">
        <v>28.3</v>
      </c>
      <c r="H3282" s="46">
        <v>28.5</v>
      </c>
      <c r="I3282" s="46">
        <v>6.9</v>
      </c>
      <c r="J3282" s="46">
        <v>-20.8</v>
      </c>
      <c r="K3282" s="59">
        <v>-50</v>
      </c>
    </row>
    <row r="3283" spans="2:11" ht="21.6" x14ac:dyDescent="0.2">
      <c r="B3283" s="77"/>
      <c r="C3283" s="39" t="s">
        <v>63</v>
      </c>
      <c r="D3283" s="45">
        <v>203</v>
      </c>
      <c r="E3283" s="46">
        <v>12.3</v>
      </c>
      <c r="F3283" s="46">
        <v>22.2</v>
      </c>
      <c r="G3283" s="46">
        <v>21.2</v>
      </c>
      <c r="H3283" s="46">
        <v>31.5</v>
      </c>
      <c r="I3283" s="46">
        <v>12.8</v>
      </c>
      <c r="J3283" s="46">
        <v>-21.5</v>
      </c>
      <c r="K3283" s="59">
        <v>-50</v>
      </c>
    </row>
    <row r="3284" spans="2:11" x14ac:dyDescent="0.2">
      <c r="B3284" s="77"/>
      <c r="C3284" s="39" t="s">
        <v>64</v>
      </c>
      <c r="D3284" s="45">
        <v>263</v>
      </c>
      <c r="E3284" s="46">
        <v>10.6</v>
      </c>
      <c r="F3284" s="46">
        <v>21.7</v>
      </c>
      <c r="G3284" s="46">
        <v>34.6</v>
      </c>
      <c r="H3284" s="46">
        <v>28.1</v>
      </c>
      <c r="I3284" s="46">
        <v>4.9000000000000004</v>
      </c>
      <c r="J3284" s="46">
        <v>-25.2</v>
      </c>
      <c r="K3284" s="59">
        <v>-50</v>
      </c>
    </row>
    <row r="3285" spans="2:11" x14ac:dyDescent="0.2">
      <c r="B3285" s="77"/>
      <c r="C3285" s="39" t="s">
        <v>65</v>
      </c>
      <c r="D3285" s="45">
        <v>312</v>
      </c>
      <c r="E3285" s="46">
        <v>7.7</v>
      </c>
      <c r="F3285" s="46">
        <v>26.3</v>
      </c>
      <c r="G3285" s="46">
        <v>29.5</v>
      </c>
      <c r="H3285" s="46">
        <v>28.5</v>
      </c>
      <c r="I3285" s="46">
        <v>8</v>
      </c>
      <c r="J3285" s="46">
        <v>-24.4</v>
      </c>
      <c r="K3285" s="59">
        <v>-50</v>
      </c>
    </row>
    <row r="3286" spans="2:11" x14ac:dyDescent="0.2">
      <c r="B3286" s="77"/>
      <c r="C3286" s="39" t="s">
        <v>66</v>
      </c>
      <c r="D3286" s="45">
        <v>230</v>
      </c>
      <c r="E3286" s="46">
        <v>12.6</v>
      </c>
      <c r="F3286" s="46">
        <v>30</v>
      </c>
      <c r="G3286" s="46">
        <v>24.8</v>
      </c>
      <c r="H3286" s="46">
        <v>28.7</v>
      </c>
      <c r="I3286" s="46">
        <v>3.9</v>
      </c>
      <c r="J3286" s="46">
        <v>-14</v>
      </c>
      <c r="K3286" s="59">
        <v>-50</v>
      </c>
    </row>
    <row r="3287" spans="2:11" x14ac:dyDescent="0.2">
      <c r="B3287" s="77"/>
      <c r="C3287" s="39" t="s">
        <v>67</v>
      </c>
      <c r="D3287" s="45">
        <v>78</v>
      </c>
      <c r="E3287" s="46">
        <v>5.0999999999999996</v>
      </c>
      <c r="F3287" s="46">
        <v>41</v>
      </c>
      <c r="G3287" s="46">
        <v>30.8</v>
      </c>
      <c r="H3287" s="46">
        <v>20.5</v>
      </c>
      <c r="I3287" s="46">
        <v>2.6</v>
      </c>
      <c r="J3287" s="46">
        <v>-10.5</v>
      </c>
      <c r="K3287" s="59">
        <v>-50</v>
      </c>
    </row>
    <row r="3288" spans="2:11" x14ac:dyDescent="0.2">
      <c r="B3288" s="77"/>
      <c r="C3288" s="39" t="s">
        <v>68</v>
      </c>
      <c r="D3288" s="45">
        <v>897</v>
      </c>
      <c r="E3288" s="46">
        <v>10.8</v>
      </c>
      <c r="F3288" s="46">
        <v>26.9</v>
      </c>
      <c r="G3288" s="46">
        <v>28.5</v>
      </c>
      <c r="H3288" s="46">
        <v>27.8</v>
      </c>
      <c r="I3288" s="46">
        <v>6</v>
      </c>
      <c r="J3288" s="46">
        <v>-18.899999999999999</v>
      </c>
      <c r="K3288" s="59">
        <v>-50</v>
      </c>
    </row>
    <row r="3289" spans="2:11" x14ac:dyDescent="0.2">
      <c r="B3289" s="77"/>
      <c r="C3289" s="39" t="s">
        <v>69</v>
      </c>
      <c r="D3289" s="45">
        <v>189</v>
      </c>
      <c r="E3289" s="46">
        <v>6.9</v>
      </c>
      <c r="F3289" s="46">
        <v>23.3</v>
      </c>
      <c r="G3289" s="46">
        <v>27</v>
      </c>
      <c r="H3289" s="46">
        <v>31.7</v>
      </c>
      <c r="I3289" s="46">
        <v>11.1</v>
      </c>
      <c r="J3289" s="46">
        <v>-30.1</v>
      </c>
      <c r="K3289" s="59">
        <v>-50</v>
      </c>
    </row>
    <row r="3290" spans="2:11" x14ac:dyDescent="0.2">
      <c r="B3290" s="77"/>
      <c r="C3290" s="39" t="s">
        <v>70</v>
      </c>
      <c r="D3290" s="45">
        <v>914</v>
      </c>
      <c r="E3290" s="46">
        <v>13.6</v>
      </c>
      <c r="F3290" s="46">
        <v>28</v>
      </c>
      <c r="G3290" s="46">
        <v>24.6</v>
      </c>
      <c r="H3290" s="46">
        <v>29.1</v>
      </c>
      <c r="I3290" s="46">
        <v>4.7</v>
      </c>
      <c r="J3290" s="46">
        <v>-14.5</v>
      </c>
      <c r="K3290" s="59">
        <v>-50</v>
      </c>
    </row>
    <row r="3291" spans="2:11" ht="21.6" x14ac:dyDescent="0.2">
      <c r="B3291" s="77"/>
      <c r="C3291" s="39" t="s">
        <v>63</v>
      </c>
      <c r="D3291" s="45">
        <v>193</v>
      </c>
      <c r="E3291" s="46">
        <v>14</v>
      </c>
      <c r="F3291" s="46">
        <v>26.9</v>
      </c>
      <c r="G3291" s="46">
        <v>26.9</v>
      </c>
      <c r="H3291" s="46">
        <v>24.4</v>
      </c>
      <c r="I3291" s="46">
        <v>7.8</v>
      </c>
      <c r="J3291" s="46">
        <v>-11.2</v>
      </c>
      <c r="K3291" s="59">
        <v>-50</v>
      </c>
    </row>
    <row r="3292" spans="2:11" x14ac:dyDescent="0.2">
      <c r="B3292" s="77"/>
      <c r="C3292" s="39" t="s">
        <v>64</v>
      </c>
      <c r="D3292" s="45">
        <v>203</v>
      </c>
      <c r="E3292" s="46">
        <v>13.3</v>
      </c>
      <c r="F3292" s="46">
        <v>22.2</v>
      </c>
      <c r="G3292" s="46">
        <v>25.1</v>
      </c>
      <c r="H3292" s="46">
        <v>36</v>
      </c>
      <c r="I3292" s="46">
        <v>3.4</v>
      </c>
      <c r="J3292" s="46">
        <v>-25</v>
      </c>
      <c r="K3292" s="59">
        <v>-50</v>
      </c>
    </row>
    <row r="3293" spans="2:11" x14ac:dyDescent="0.2">
      <c r="B3293" s="77"/>
      <c r="C3293" s="39" t="s">
        <v>65</v>
      </c>
      <c r="D3293" s="45">
        <v>263</v>
      </c>
      <c r="E3293" s="46">
        <v>15.2</v>
      </c>
      <c r="F3293" s="46">
        <v>28.1</v>
      </c>
      <c r="G3293" s="46">
        <v>24.3</v>
      </c>
      <c r="H3293" s="46">
        <v>27.4</v>
      </c>
      <c r="I3293" s="46">
        <v>4.9000000000000004</v>
      </c>
      <c r="J3293" s="46">
        <v>-10.8</v>
      </c>
      <c r="K3293" s="59">
        <v>-50</v>
      </c>
    </row>
    <row r="3294" spans="2:11" x14ac:dyDescent="0.2">
      <c r="B3294" s="77"/>
      <c r="C3294" s="39" t="s">
        <v>66</v>
      </c>
      <c r="D3294" s="45">
        <v>194</v>
      </c>
      <c r="E3294" s="46">
        <v>12.4</v>
      </c>
      <c r="F3294" s="46">
        <v>33.5</v>
      </c>
      <c r="G3294" s="46">
        <v>20.6</v>
      </c>
      <c r="H3294" s="46">
        <v>30.4</v>
      </c>
      <c r="I3294" s="46">
        <v>3.1</v>
      </c>
      <c r="J3294" s="46">
        <v>-12</v>
      </c>
      <c r="K3294" s="59">
        <v>-50</v>
      </c>
    </row>
    <row r="3295" spans="2:11" x14ac:dyDescent="0.2">
      <c r="B3295" s="77"/>
      <c r="C3295" s="39" t="s">
        <v>67</v>
      </c>
      <c r="D3295" s="45">
        <v>61</v>
      </c>
      <c r="E3295" s="46">
        <v>9.8000000000000007</v>
      </c>
      <c r="F3295" s="46">
        <v>32.799999999999997</v>
      </c>
      <c r="G3295" s="46">
        <v>29.5</v>
      </c>
      <c r="H3295" s="46">
        <v>24.6</v>
      </c>
      <c r="I3295" s="46">
        <v>3.3</v>
      </c>
      <c r="J3295" s="46">
        <v>-13.6</v>
      </c>
      <c r="K3295" s="59">
        <v>-50</v>
      </c>
    </row>
    <row r="3296" spans="2:11" x14ac:dyDescent="0.2">
      <c r="B3296" s="77"/>
      <c r="C3296" s="39" t="s">
        <v>68</v>
      </c>
      <c r="D3296" s="45">
        <v>416</v>
      </c>
      <c r="E3296" s="46">
        <v>16.3</v>
      </c>
      <c r="F3296" s="46">
        <v>32.9</v>
      </c>
      <c r="G3296" s="46">
        <v>21.9</v>
      </c>
      <c r="H3296" s="46">
        <v>24.5</v>
      </c>
      <c r="I3296" s="46">
        <v>4.3</v>
      </c>
      <c r="J3296" s="46">
        <v>-2.8</v>
      </c>
      <c r="K3296" s="59">
        <v>50</v>
      </c>
    </row>
    <row r="3297" spans="1:25" x14ac:dyDescent="0.2">
      <c r="B3297" s="77"/>
      <c r="C3297" s="40" t="s">
        <v>69</v>
      </c>
      <c r="D3297" s="48">
        <v>498</v>
      </c>
      <c r="E3297" s="49">
        <v>11.2</v>
      </c>
      <c r="F3297" s="49">
        <v>23.9</v>
      </c>
      <c r="G3297" s="49">
        <v>26.9</v>
      </c>
      <c r="H3297" s="49">
        <v>32.9</v>
      </c>
      <c r="I3297" s="49">
        <v>5</v>
      </c>
      <c r="J3297" s="49">
        <v>-24.4</v>
      </c>
      <c r="K3297" s="60">
        <v>-50</v>
      </c>
    </row>
    <row r="3298" spans="1:25" x14ac:dyDescent="0.2">
      <c r="B3298" s="7" t="s">
        <v>71</v>
      </c>
      <c r="C3298" s="4" t="s">
        <v>165</v>
      </c>
    </row>
    <row r="3299" spans="1:25" x14ac:dyDescent="0.2">
      <c r="B3299" s="4"/>
      <c r="C3299" s="4" t="s">
        <v>73</v>
      </c>
    </row>
    <row r="3301" spans="1:25" x14ac:dyDescent="0.2">
      <c r="A3301" s="26" t="s">
        <v>25</v>
      </c>
      <c r="B3301" t="s">
        <v>35</v>
      </c>
      <c r="C3301" t="s">
        <v>35</v>
      </c>
    </row>
    <row r="3302" spans="1:25" x14ac:dyDescent="0.2">
      <c r="B3302" s="75" t="s">
        <v>166</v>
      </c>
      <c r="C3302" s="76"/>
      <c r="D3302" s="76"/>
      <c r="E3302" s="76"/>
      <c r="F3302" s="76"/>
      <c r="G3302" s="76"/>
      <c r="H3302" s="76"/>
      <c r="I3302" s="76"/>
      <c r="J3302" s="76"/>
      <c r="K3302" s="76"/>
      <c r="L3302" s="76"/>
      <c r="M3302" s="76"/>
      <c r="N3302" s="76"/>
      <c r="O3302" s="76"/>
      <c r="P3302" s="76"/>
      <c r="Q3302" s="76"/>
      <c r="R3302" s="76"/>
      <c r="S3302" s="76"/>
      <c r="T3302" s="76"/>
      <c r="U3302" s="76"/>
      <c r="V3302" s="76"/>
      <c r="W3302" s="76"/>
      <c r="X3302" s="76"/>
      <c r="Y3302" s="76"/>
    </row>
    <row r="3303" spans="1:25" s="32" customFormat="1" ht="68.849999999999994" customHeight="1" x14ac:dyDescent="0.15">
      <c r="A3303" s="31"/>
      <c r="D3303" s="33" t="s">
        <v>378</v>
      </c>
      <c r="E3303" s="36" t="s">
        <v>563</v>
      </c>
      <c r="F3303" s="55" t="s">
        <v>564</v>
      </c>
      <c r="G3303" s="55" t="s">
        <v>565</v>
      </c>
      <c r="H3303" s="55" t="s">
        <v>566</v>
      </c>
      <c r="I3303" s="55" t="s">
        <v>480</v>
      </c>
      <c r="J3303" s="56" t="s">
        <v>387</v>
      </c>
      <c r="K3303" s="57" t="s">
        <v>388</v>
      </c>
      <c r="L3303" s="54" t="s">
        <v>381</v>
      </c>
    </row>
    <row r="3304" spans="1:25" x14ac:dyDescent="0.2">
      <c r="B3304" s="5"/>
      <c r="C3304" s="41" t="s">
        <v>38</v>
      </c>
      <c r="D3304" s="42">
        <v>2000</v>
      </c>
      <c r="E3304" s="43">
        <v>7.8</v>
      </c>
      <c r="F3304" s="43">
        <v>25.3</v>
      </c>
      <c r="G3304" s="43">
        <v>28.6</v>
      </c>
      <c r="H3304" s="43">
        <v>31.6</v>
      </c>
      <c r="I3304" s="43">
        <v>6.8</v>
      </c>
      <c r="J3304" s="43">
        <v>-27.3</v>
      </c>
      <c r="K3304" s="58">
        <v>-50</v>
      </c>
    </row>
    <row r="3305" spans="1:25" x14ac:dyDescent="0.2">
      <c r="B3305" s="77" t="s">
        <v>37</v>
      </c>
      <c r="C3305" s="39" t="s">
        <v>39</v>
      </c>
      <c r="D3305" s="45">
        <v>111</v>
      </c>
      <c r="E3305" s="46">
        <v>11.7</v>
      </c>
      <c r="F3305" s="46">
        <v>25.2</v>
      </c>
      <c r="G3305" s="46">
        <v>36</v>
      </c>
      <c r="H3305" s="46">
        <v>19.8</v>
      </c>
      <c r="I3305" s="46">
        <v>7.2</v>
      </c>
      <c r="J3305" s="46">
        <v>-14.6</v>
      </c>
      <c r="K3305" s="59">
        <v>-50</v>
      </c>
    </row>
    <row r="3306" spans="1:25" x14ac:dyDescent="0.2">
      <c r="B3306" s="77"/>
      <c r="C3306" s="39" t="s">
        <v>40</v>
      </c>
      <c r="D3306" s="45">
        <v>450</v>
      </c>
      <c r="E3306" s="46">
        <v>6.9</v>
      </c>
      <c r="F3306" s="46">
        <v>25.8</v>
      </c>
      <c r="G3306" s="46">
        <v>30.9</v>
      </c>
      <c r="H3306" s="46">
        <v>31.3</v>
      </c>
      <c r="I3306" s="46">
        <v>5.0999999999999996</v>
      </c>
      <c r="J3306" s="46">
        <v>-28.5</v>
      </c>
      <c r="K3306" s="59">
        <v>-50</v>
      </c>
    </row>
    <row r="3307" spans="1:25" ht="21.6" x14ac:dyDescent="0.2">
      <c r="B3307" s="77"/>
      <c r="C3307" s="39" t="s">
        <v>41</v>
      </c>
      <c r="D3307" s="45">
        <v>30</v>
      </c>
      <c r="E3307" s="46">
        <v>16.7</v>
      </c>
      <c r="F3307" s="46">
        <v>26.7</v>
      </c>
      <c r="G3307" s="46">
        <v>16.7</v>
      </c>
      <c r="H3307" s="46">
        <v>30</v>
      </c>
      <c r="I3307" s="46">
        <v>10</v>
      </c>
      <c r="J3307" s="46">
        <v>-9.3000000000000007</v>
      </c>
      <c r="K3307" s="59">
        <v>-50</v>
      </c>
    </row>
    <row r="3308" spans="1:25" ht="21.6" x14ac:dyDescent="0.2">
      <c r="B3308" s="77"/>
      <c r="C3308" s="39" t="s">
        <v>42</v>
      </c>
      <c r="D3308" s="45">
        <v>336</v>
      </c>
      <c r="E3308" s="46">
        <v>7.1</v>
      </c>
      <c r="F3308" s="46">
        <v>22.9</v>
      </c>
      <c r="G3308" s="46">
        <v>29.2</v>
      </c>
      <c r="H3308" s="46">
        <v>35.1</v>
      </c>
      <c r="I3308" s="46">
        <v>5.7</v>
      </c>
      <c r="J3308" s="46">
        <v>-33</v>
      </c>
      <c r="K3308" s="59">
        <v>-50</v>
      </c>
    </row>
    <row r="3309" spans="1:25" ht="21.6" x14ac:dyDescent="0.2">
      <c r="B3309" s="77"/>
      <c r="C3309" s="39" t="s">
        <v>43</v>
      </c>
      <c r="D3309" s="45">
        <v>327</v>
      </c>
      <c r="E3309" s="46">
        <v>7.3</v>
      </c>
      <c r="F3309" s="46">
        <v>25.7</v>
      </c>
      <c r="G3309" s="46">
        <v>30.3</v>
      </c>
      <c r="H3309" s="46">
        <v>29.4</v>
      </c>
      <c r="I3309" s="46">
        <v>7.3</v>
      </c>
      <c r="J3309" s="46">
        <v>-26.2</v>
      </c>
      <c r="K3309" s="59">
        <v>-50</v>
      </c>
    </row>
    <row r="3310" spans="1:25" ht="21.6" x14ac:dyDescent="0.2">
      <c r="B3310" s="77"/>
      <c r="C3310" s="39" t="s">
        <v>44</v>
      </c>
      <c r="D3310" s="45">
        <v>181</v>
      </c>
      <c r="E3310" s="46">
        <v>8.8000000000000007</v>
      </c>
      <c r="F3310" s="46">
        <v>27.1</v>
      </c>
      <c r="G3310" s="46">
        <v>28.2</v>
      </c>
      <c r="H3310" s="46">
        <v>29.8</v>
      </c>
      <c r="I3310" s="46">
        <v>6.1</v>
      </c>
      <c r="J3310" s="46">
        <v>-22.9</v>
      </c>
      <c r="K3310" s="59">
        <v>-50</v>
      </c>
    </row>
    <row r="3311" spans="1:25" ht="21.6" x14ac:dyDescent="0.2">
      <c r="B3311" s="77"/>
      <c r="C3311" s="39" t="s">
        <v>45</v>
      </c>
      <c r="D3311" s="45">
        <v>565</v>
      </c>
      <c r="E3311" s="46">
        <v>7.6</v>
      </c>
      <c r="F3311" s="46">
        <v>25.3</v>
      </c>
      <c r="G3311" s="46">
        <v>24.6</v>
      </c>
      <c r="H3311" s="46">
        <v>34</v>
      </c>
      <c r="I3311" s="46">
        <v>8.5</v>
      </c>
      <c r="J3311" s="46">
        <v>-28.4</v>
      </c>
      <c r="K3311" s="59">
        <v>-50</v>
      </c>
    </row>
    <row r="3312" spans="1:25" ht="21.6" x14ac:dyDescent="0.2">
      <c r="B3312" s="77"/>
      <c r="C3312" s="39" t="s">
        <v>46</v>
      </c>
      <c r="D3312" s="45">
        <v>473</v>
      </c>
      <c r="E3312" s="46">
        <v>7.2</v>
      </c>
      <c r="F3312" s="46">
        <v>24.3</v>
      </c>
      <c r="G3312" s="46">
        <v>24.3</v>
      </c>
      <c r="H3312" s="46">
        <v>37</v>
      </c>
      <c r="I3312" s="46">
        <v>7.2</v>
      </c>
      <c r="J3312" s="46">
        <v>-32.1</v>
      </c>
      <c r="K3312" s="59">
        <v>-50</v>
      </c>
    </row>
    <row r="3313" spans="2:25" ht="21.6" x14ac:dyDescent="0.2">
      <c r="B3313" s="77"/>
      <c r="C3313" s="39" t="s">
        <v>47</v>
      </c>
      <c r="D3313" s="45">
        <v>441</v>
      </c>
      <c r="E3313" s="46">
        <v>7.9</v>
      </c>
      <c r="F3313" s="46">
        <v>23.6</v>
      </c>
      <c r="G3313" s="46">
        <v>29.5</v>
      </c>
      <c r="H3313" s="46">
        <v>32.700000000000003</v>
      </c>
      <c r="I3313" s="46">
        <v>6.3</v>
      </c>
      <c r="J3313" s="46">
        <v>-29.5</v>
      </c>
      <c r="K3313" s="59">
        <v>-50</v>
      </c>
    </row>
    <row r="3314" spans="2:25" ht="21.6" x14ac:dyDescent="0.2">
      <c r="B3314" s="77"/>
      <c r="C3314" s="39" t="s">
        <v>48</v>
      </c>
      <c r="D3314" s="45">
        <v>305</v>
      </c>
      <c r="E3314" s="46">
        <v>7.5</v>
      </c>
      <c r="F3314" s="46">
        <v>28.5</v>
      </c>
      <c r="G3314" s="46">
        <v>31.8</v>
      </c>
      <c r="H3314" s="46">
        <v>28.9</v>
      </c>
      <c r="I3314" s="46">
        <v>3.3</v>
      </c>
      <c r="J3314" s="46">
        <v>-23.7</v>
      </c>
      <c r="K3314" s="59">
        <v>-50</v>
      </c>
    </row>
    <row r="3315" spans="2:25" ht="21.6" x14ac:dyDescent="0.2">
      <c r="B3315" s="77"/>
      <c r="C3315" s="39" t="s">
        <v>49</v>
      </c>
      <c r="D3315" s="45">
        <v>223</v>
      </c>
      <c r="E3315" s="46">
        <v>7.2</v>
      </c>
      <c r="F3315" s="46">
        <v>28.7</v>
      </c>
      <c r="G3315" s="46">
        <v>33.200000000000003</v>
      </c>
      <c r="H3315" s="46">
        <v>28.3</v>
      </c>
      <c r="I3315" s="46">
        <v>2.7</v>
      </c>
      <c r="J3315" s="46">
        <v>-24</v>
      </c>
      <c r="K3315" s="59">
        <v>-50</v>
      </c>
    </row>
    <row r="3316" spans="2:25" ht="21.6" x14ac:dyDescent="0.2">
      <c r="B3316" s="77"/>
      <c r="C3316" s="39" t="s">
        <v>50</v>
      </c>
      <c r="D3316" s="45">
        <v>123</v>
      </c>
      <c r="E3316" s="46">
        <v>14.6</v>
      </c>
      <c r="F3316" s="46">
        <v>26.8</v>
      </c>
      <c r="G3316" s="46">
        <v>33.299999999999997</v>
      </c>
      <c r="H3316" s="46">
        <v>22</v>
      </c>
      <c r="I3316" s="46">
        <v>3.3</v>
      </c>
      <c r="J3316" s="46">
        <v>-10.9</v>
      </c>
      <c r="K3316" s="59">
        <v>-50</v>
      </c>
    </row>
    <row r="3317" spans="2:25" ht="21.6" x14ac:dyDescent="0.2">
      <c r="B3317" s="77"/>
      <c r="C3317" s="39" t="s">
        <v>51</v>
      </c>
      <c r="D3317" s="45">
        <v>124</v>
      </c>
      <c r="E3317" s="46">
        <v>9.6999999999999993</v>
      </c>
      <c r="F3317" s="46">
        <v>29.8</v>
      </c>
      <c r="G3317" s="46">
        <v>21.8</v>
      </c>
      <c r="H3317" s="46">
        <v>33.1</v>
      </c>
      <c r="I3317" s="46">
        <v>5.6</v>
      </c>
      <c r="J3317" s="46">
        <v>-20.5</v>
      </c>
      <c r="K3317" s="59">
        <v>-50</v>
      </c>
    </row>
    <row r="3318" spans="2:25" ht="21.6" x14ac:dyDescent="0.2">
      <c r="B3318" s="77"/>
      <c r="C3318" s="39" t="s">
        <v>52</v>
      </c>
      <c r="D3318" s="45">
        <v>312</v>
      </c>
      <c r="E3318" s="46">
        <v>9.6</v>
      </c>
      <c r="F3318" s="46">
        <v>26.6</v>
      </c>
      <c r="G3318" s="46">
        <v>26.9</v>
      </c>
      <c r="H3318" s="46">
        <v>29.8</v>
      </c>
      <c r="I3318" s="46">
        <v>7.1</v>
      </c>
      <c r="J3318" s="46">
        <v>-21.9</v>
      </c>
      <c r="K3318" s="59">
        <v>-50</v>
      </c>
    </row>
    <row r="3319" spans="2:25" x14ac:dyDescent="0.2">
      <c r="B3319" s="77"/>
      <c r="C3319" s="39" t="s">
        <v>53</v>
      </c>
      <c r="D3319" s="45">
        <v>269</v>
      </c>
      <c r="E3319" s="46">
        <v>5.2</v>
      </c>
      <c r="F3319" s="46">
        <v>23</v>
      </c>
      <c r="G3319" s="46">
        <v>30.9</v>
      </c>
      <c r="H3319" s="46">
        <v>36.1</v>
      </c>
      <c r="I3319" s="46">
        <v>4.8</v>
      </c>
      <c r="J3319" s="46">
        <v>-36.5</v>
      </c>
      <c r="K3319" s="59">
        <v>-50</v>
      </c>
    </row>
    <row r="3320" spans="2:25" ht="21.6" x14ac:dyDescent="0.2">
      <c r="B3320" s="77"/>
      <c r="C3320" s="39" t="s">
        <v>54</v>
      </c>
      <c r="D3320" s="45">
        <v>511</v>
      </c>
      <c r="E3320" s="46">
        <v>9</v>
      </c>
      <c r="F3320" s="46">
        <v>26.4</v>
      </c>
      <c r="G3320" s="46">
        <v>26.6</v>
      </c>
      <c r="H3320" s="46">
        <v>32.299999999999997</v>
      </c>
      <c r="I3320" s="46">
        <v>5.7</v>
      </c>
      <c r="J3320" s="46">
        <v>-24.8</v>
      </c>
      <c r="K3320" s="59">
        <v>-50</v>
      </c>
    </row>
    <row r="3321" spans="2:25" ht="21.6" x14ac:dyDescent="0.2">
      <c r="B3321" s="77"/>
      <c r="C3321" s="39" t="s">
        <v>55</v>
      </c>
      <c r="D3321" s="45">
        <v>615</v>
      </c>
      <c r="E3321" s="46">
        <v>7.6</v>
      </c>
      <c r="F3321" s="46">
        <v>26.3</v>
      </c>
      <c r="G3321" s="46">
        <v>31.2</v>
      </c>
      <c r="H3321" s="46">
        <v>30.1</v>
      </c>
      <c r="I3321" s="46">
        <v>4.7</v>
      </c>
      <c r="J3321" s="46">
        <v>-26.1</v>
      </c>
      <c r="K3321" s="59">
        <v>-50</v>
      </c>
    </row>
    <row r="3322" spans="2:25" ht="21.6" x14ac:dyDescent="0.2">
      <c r="B3322" s="77"/>
      <c r="C3322" s="39" t="s">
        <v>56</v>
      </c>
      <c r="D3322" s="45">
        <v>800</v>
      </c>
      <c r="E3322" s="46">
        <v>8</v>
      </c>
      <c r="F3322" s="46">
        <v>26</v>
      </c>
      <c r="G3322" s="46">
        <v>29.4</v>
      </c>
      <c r="H3322" s="46">
        <v>30.4</v>
      </c>
      <c r="I3322" s="46">
        <v>6.3</v>
      </c>
      <c r="J3322" s="46">
        <v>-25.7</v>
      </c>
      <c r="K3322" s="59">
        <v>-50</v>
      </c>
    </row>
    <row r="3323" spans="2:25" x14ac:dyDescent="0.2">
      <c r="B3323" s="77"/>
      <c r="C3323" s="40" t="s">
        <v>57</v>
      </c>
      <c r="D3323" s="48">
        <v>798</v>
      </c>
      <c r="E3323" s="49">
        <v>7.4</v>
      </c>
      <c r="F3323" s="49">
        <v>25.1</v>
      </c>
      <c r="G3323" s="49">
        <v>28.3</v>
      </c>
      <c r="H3323" s="49">
        <v>34</v>
      </c>
      <c r="I3323" s="49">
        <v>5.3</v>
      </c>
      <c r="J3323" s="49">
        <v>-29.8</v>
      </c>
      <c r="K3323" s="60">
        <v>-50</v>
      </c>
    </row>
    <row r="3324" spans="2:25" x14ac:dyDescent="0.2">
      <c r="B3324" s="7" t="s">
        <v>71</v>
      </c>
      <c r="C3324" s="4" t="s">
        <v>167</v>
      </c>
    </row>
    <row r="3325" spans="2:25" x14ac:dyDescent="0.2">
      <c r="B3325" s="4"/>
      <c r="C3325" s="4" t="s">
        <v>73</v>
      </c>
    </row>
    <row r="3327" spans="2:25" x14ac:dyDescent="0.2">
      <c r="C3327" t="s">
        <v>35</v>
      </c>
    </row>
    <row r="3328" spans="2:25" x14ac:dyDescent="0.2">
      <c r="B3328" s="75" t="s">
        <v>321</v>
      </c>
      <c r="C3328" s="76"/>
      <c r="D3328" s="76"/>
      <c r="E3328" s="76"/>
      <c r="F3328" s="76"/>
      <c r="G3328" s="76"/>
      <c r="H3328" s="76"/>
      <c r="I3328" s="76"/>
      <c r="J3328" s="76"/>
      <c r="K3328" s="76"/>
      <c r="L3328" s="76"/>
      <c r="M3328" s="76"/>
      <c r="N3328" s="76"/>
      <c r="O3328" s="76"/>
      <c r="P3328" s="76"/>
      <c r="Q3328" s="76"/>
      <c r="R3328" s="76"/>
      <c r="S3328" s="76"/>
      <c r="T3328" s="76"/>
      <c r="U3328" s="76"/>
      <c r="V3328" s="76"/>
      <c r="W3328" s="76"/>
      <c r="X3328" s="76"/>
      <c r="Y3328" s="76"/>
    </row>
    <row r="3329" spans="1:12" s="32" customFormat="1" ht="68.849999999999994" customHeight="1" x14ac:dyDescent="0.15">
      <c r="A3329" s="31"/>
      <c r="D3329" s="33" t="s">
        <v>378</v>
      </c>
      <c r="E3329" s="36" t="s">
        <v>563</v>
      </c>
      <c r="F3329" s="55" t="s">
        <v>564</v>
      </c>
      <c r="G3329" s="55" t="s">
        <v>565</v>
      </c>
      <c r="H3329" s="55" t="s">
        <v>566</v>
      </c>
      <c r="I3329" s="55" t="s">
        <v>480</v>
      </c>
      <c r="J3329" s="56" t="s">
        <v>387</v>
      </c>
      <c r="K3329" s="57" t="s">
        <v>388</v>
      </c>
      <c r="L3329" s="54" t="s">
        <v>381</v>
      </c>
    </row>
    <row r="3330" spans="1:12" ht="21.6" x14ac:dyDescent="0.2">
      <c r="B3330" s="77" t="s">
        <v>37</v>
      </c>
      <c r="C3330" s="38" t="s">
        <v>58</v>
      </c>
      <c r="D3330" s="51">
        <v>609</v>
      </c>
      <c r="E3330" s="52">
        <v>7.7</v>
      </c>
      <c r="F3330" s="52">
        <v>25.8</v>
      </c>
      <c r="G3330" s="52">
        <v>29.2</v>
      </c>
      <c r="H3330" s="52">
        <v>29.9</v>
      </c>
      <c r="I3330" s="52">
        <v>7.4</v>
      </c>
      <c r="J3330" s="52">
        <v>-25.8</v>
      </c>
      <c r="K3330" s="61">
        <v>-50</v>
      </c>
    </row>
    <row r="3331" spans="1:12" ht="21.6" x14ac:dyDescent="0.2">
      <c r="B3331" s="77"/>
      <c r="C3331" s="39" t="s">
        <v>59</v>
      </c>
      <c r="D3331" s="45">
        <v>1391</v>
      </c>
      <c r="E3331" s="46">
        <v>7.8</v>
      </c>
      <c r="F3331" s="46">
        <v>25</v>
      </c>
      <c r="G3331" s="46">
        <v>28.3</v>
      </c>
      <c r="H3331" s="46">
        <v>32.4</v>
      </c>
      <c r="I3331" s="46">
        <v>6.5</v>
      </c>
      <c r="J3331" s="46">
        <v>-28</v>
      </c>
      <c r="K3331" s="59">
        <v>-50</v>
      </c>
    </row>
    <row r="3332" spans="1:12" x14ac:dyDescent="0.2">
      <c r="B3332" s="77"/>
      <c r="C3332" s="39" t="s">
        <v>60</v>
      </c>
      <c r="D3332" s="45">
        <v>1325</v>
      </c>
      <c r="E3332" s="46">
        <v>8</v>
      </c>
      <c r="F3332" s="46">
        <v>25.6</v>
      </c>
      <c r="G3332" s="46">
        <v>28.6</v>
      </c>
      <c r="H3332" s="46">
        <v>30.9</v>
      </c>
      <c r="I3332" s="46">
        <v>6.9</v>
      </c>
      <c r="J3332" s="46">
        <v>-26.2</v>
      </c>
      <c r="K3332" s="59">
        <v>-50</v>
      </c>
    </row>
    <row r="3333" spans="1:12" x14ac:dyDescent="0.2">
      <c r="B3333" s="77"/>
      <c r="C3333" s="39" t="s">
        <v>61</v>
      </c>
      <c r="D3333" s="45">
        <v>675</v>
      </c>
      <c r="E3333" s="46">
        <v>7.4</v>
      </c>
      <c r="F3333" s="46">
        <v>24.6</v>
      </c>
      <c r="G3333" s="46">
        <v>28.4</v>
      </c>
      <c r="H3333" s="46">
        <v>33</v>
      </c>
      <c r="I3333" s="46">
        <v>6.5</v>
      </c>
      <c r="J3333" s="46">
        <v>-29.5</v>
      </c>
      <c r="K3333" s="59">
        <v>-50</v>
      </c>
    </row>
    <row r="3334" spans="1:12" x14ac:dyDescent="0.2">
      <c r="B3334" s="77"/>
      <c r="C3334" s="39" t="s">
        <v>62</v>
      </c>
      <c r="D3334" s="45">
        <v>1086</v>
      </c>
      <c r="E3334" s="46">
        <v>6.3</v>
      </c>
      <c r="F3334" s="46">
        <v>22.4</v>
      </c>
      <c r="G3334" s="46">
        <v>31.3</v>
      </c>
      <c r="H3334" s="46">
        <v>31.6</v>
      </c>
      <c r="I3334" s="46">
        <v>8.5</v>
      </c>
      <c r="J3334" s="46">
        <v>-32.5</v>
      </c>
      <c r="K3334" s="59">
        <v>-50</v>
      </c>
    </row>
    <row r="3335" spans="1:12" ht="21.6" x14ac:dyDescent="0.2">
      <c r="B3335" s="77"/>
      <c r="C3335" s="39" t="s">
        <v>63</v>
      </c>
      <c r="D3335" s="45">
        <v>203</v>
      </c>
      <c r="E3335" s="46">
        <v>10.3</v>
      </c>
      <c r="F3335" s="46">
        <v>20.2</v>
      </c>
      <c r="G3335" s="46">
        <v>32</v>
      </c>
      <c r="H3335" s="46">
        <v>23.2</v>
      </c>
      <c r="I3335" s="46">
        <v>14.3</v>
      </c>
      <c r="J3335" s="46">
        <v>-21.8</v>
      </c>
      <c r="K3335" s="59">
        <v>-50</v>
      </c>
    </row>
    <row r="3336" spans="1:12" x14ac:dyDescent="0.2">
      <c r="B3336" s="77"/>
      <c r="C3336" s="39" t="s">
        <v>64</v>
      </c>
      <c r="D3336" s="45">
        <v>263</v>
      </c>
      <c r="E3336" s="46">
        <v>6.8</v>
      </c>
      <c r="F3336" s="46">
        <v>20.2</v>
      </c>
      <c r="G3336" s="46">
        <v>32.700000000000003</v>
      </c>
      <c r="H3336" s="46">
        <v>33.799999999999997</v>
      </c>
      <c r="I3336" s="46">
        <v>6.5</v>
      </c>
      <c r="J3336" s="46">
        <v>-35.6</v>
      </c>
      <c r="K3336" s="59">
        <v>-50</v>
      </c>
    </row>
    <row r="3337" spans="1:12" x14ac:dyDescent="0.2">
      <c r="B3337" s="77"/>
      <c r="C3337" s="39" t="s">
        <v>65</v>
      </c>
      <c r="D3337" s="45">
        <v>312</v>
      </c>
      <c r="E3337" s="46">
        <v>1.9</v>
      </c>
      <c r="F3337" s="46">
        <v>23.4</v>
      </c>
      <c r="G3337" s="46">
        <v>31.4</v>
      </c>
      <c r="H3337" s="46">
        <v>33.700000000000003</v>
      </c>
      <c r="I3337" s="46">
        <v>9.6</v>
      </c>
      <c r="J3337" s="46">
        <v>-39.5</v>
      </c>
      <c r="K3337" s="59">
        <v>-50</v>
      </c>
    </row>
    <row r="3338" spans="1:12" x14ac:dyDescent="0.2">
      <c r="B3338" s="77"/>
      <c r="C3338" s="39" t="s">
        <v>66</v>
      </c>
      <c r="D3338" s="45">
        <v>230</v>
      </c>
      <c r="E3338" s="46">
        <v>7.4</v>
      </c>
      <c r="F3338" s="46">
        <v>20.9</v>
      </c>
      <c r="G3338" s="46">
        <v>28.7</v>
      </c>
      <c r="H3338" s="46">
        <v>37.799999999999997</v>
      </c>
      <c r="I3338" s="46">
        <v>5.2</v>
      </c>
      <c r="J3338" s="46">
        <v>-36.200000000000003</v>
      </c>
      <c r="K3338" s="59">
        <v>-50</v>
      </c>
    </row>
    <row r="3339" spans="1:12" x14ac:dyDescent="0.2">
      <c r="B3339" s="77"/>
      <c r="C3339" s="39" t="s">
        <v>67</v>
      </c>
      <c r="D3339" s="45">
        <v>78</v>
      </c>
      <c r="E3339" s="46">
        <v>7.7</v>
      </c>
      <c r="F3339" s="46">
        <v>35.9</v>
      </c>
      <c r="G3339" s="46">
        <v>32.1</v>
      </c>
      <c r="H3339" s="46">
        <v>19.2</v>
      </c>
      <c r="I3339" s="46">
        <v>5.0999999999999996</v>
      </c>
      <c r="J3339" s="46">
        <v>-10.1</v>
      </c>
      <c r="K3339" s="59">
        <v>-50</v>
      </c>
    </row>
    <row r="3340" spans="1:12" x14ac:dyDescent="0.2">
      <c r="B3340" s="77"/>
      <c r="C3340" s="39" t="s">
        <v>68</v>
      </c>
      <c r="D3340" s="45">
        <v>897</v>
      </c>
      <c r="E3340" s="46">
        <v>6</v>
      </c>
      <c r="F3340" s="46">
        <v>21.7</v>
      </c>
      <c r="G3340" s="46">
        <v>31.4</v>
      </c>
      <c r="H3340" s="46">
        <v>32.9</v>
      </c>
      <c r="I3340" s="46">
        <v>7.9</v>
      </c>
      <c r="J3340" s="46">
        <v>-34.4</v>
      </c>
      <c r="K3340" s="59">
        <v>-50</v>
      </c>
    </row>
    <row r="3341" spans="1:12" x14ac:dyDescent="0.2">
      <c r="B3341" s="77"/>
      <c r="C3341" s="39" t="s">
        <v>69</v>
      </c>
      <c r="D3341" s="45">
        <v>189</v>
      </c>
      <c r="E3341" s="46">
        <v>7.4</v>
      </c>
      <c r="F3341" s="46">
        <v>25.4</v>
      </c>
      <c r="G3341" s="46">
        <v>30.7</v>
      </c>
      <c r="H3341" s="46">
        <v>25.4</v>
      </c>
      <c r="I3341" s="46">
        <v>11.1</v>
      </c>
      <c r="J3341" s="46">
        <v>-23.2</v>
      </c>
      <c r="K3341" s="59">
        <v>-50</v>
      </c>
    </row>
    <row r="3342" spans="1:12" x14ac:dyDescent="0.2">
      <c r="B3342" s="77"/>
      <c r="C3342" s="39" t="s">
        <v>70</v>
      </c>
      <c r="D3342" s="45">
        <v>914</v>
      </c>
      <c r="E3342" s="46">
        <v>9.6</v>
      </c>
      <c r="F3342" s="46">
        <v>28.7</v>
      </c>
      <c r="G3342" s="46">
        <v>25.3</v>
      </c>
      <c r="H3342" s="46">
        <v>31.6</v>
      </c>
      <c r="I3342" s="46">
        <v>4.8</v>
      </c>
      <c r="J3342" s="46">
        <v>-21.3</v>
      </c>
      <c r="K3342" s="59">
        <v>-50</v>
      </c>
    </row>
    <row r="3343" spans="1:12" ht="21.6" x14ac:dyDescent="0.2">
      <c r="B3343" s="77"/>
      <c r="C3343" s="39" t="s">
        <v>63</v>
      </c>
      <c r="D3343" s="45">
        <v>193</v>
      </c>
      <c r="E3343" s="46">
        <v>14</v>
      </c>
      <c r="F3343" s="46">
        <v>27.5</v>
      </c>
      <c r="G3343" s="46">
        <v>28</v>
      </c>
      <c r="H3343" s="46">
        <v>22.8</v>
      </c>
      <c r="I3343" s="46">
        <v>7.8</v>
      </c>
      <c r="J3343" s="46">
        <v>-9.8000000000000007</v>
      </c>
      <c r="K3343" s="59">
        <v>-50</v>
      </c>
    </row>
    <row r="3344" spans="1:12" x14ac:dyDescent="0.2">
      <c r="B3344" s="77"/>
      <c r="C3344" s="39" t="s">
        <v>64</v>
      </c>
      <c r="D3344" s="45">
        <v>203</v>
      </c>
      <c r="E3344" s="46">
        <v>8.4</v>
      </c>
      <c r="F3344" s="46">
        <v>28.6</v>
      </c>
      <c r="G3344" s="46">
        <v>22.2</v>
      </c>
      <c r="H3344" s="46">
        <v>38.4</v>
      </c>
      <c r="I3344" s="46">
        <v>2.5</v>
      </c>
      <c r="J3344" s="46">
        <v>-27.5</v>
      </c>
      <c r="K3344" s="59">
        <v>-50</v>
      </c>
    </row>
    <row r="3345" spans="1:25" x14ac:dyDescent="0.2">
      <c r="B3345" s="77"/>
      <c r="C3345" s="39" t="s">
        <v>65</v>
      </c>
      <c r="D3345" s="45">
        <v>263</v>
      </c>
      <c r="E3345" s="46">
        <v>7.6</v>
      </c>
      <c r="F3345" s="46">
        <v>28.5</v>
      </c>
      <c r="G3345" s="46">
        <v>26.6</v>
      </c>
      <c r="H3345" s="46">
        <v>32.299999999999997</v>
      </c>
      <c r="I3345" s="46">
        <v>4.9000000000000004</v>
      </c>
      <c r="J3345" s="46">
        <v>-25</v>
      </c>
      <c r="K3345" s="59">
        <v>-50</v>
      </c>
    </row>
    <row r="3346" spans="1:25" x14ac:dyDescent="0.2">
      <c r="B3346" s="77"/>
      <c r="C3346" s="39" t="s">
        <v>66</v>
      </c>
      <c r="D3346" s="45">
        <v>194</v>
      </c>
      <c r="E3346" s="46">
        <v>10.8</v>
      </c>
      <c r="F3346" s="46">
        <v>28.4</v>
      </c>
      <c r="G3346" s="46">
        <v>19.600000000000001</v>
      </c>
      <c r="H3346" s="46">
        <v>37.1</v>
      </c>
      <c r="I3346" s="46">
        <v>4.0999999999999996</v>
      </c>
      <c r="J3346" s="46">
        <v>-22.8</v>
      </c>
      <c r="K3346" s="59">
        <v>-50</v>
      </c>
    </row>
    <row r="3347" spans="1:25" x14ac:dyDescent="0.2">
      <c r="B3347" s="77"/>
      <c r="C3347" s="39" t="s">
        <v>67</v>
      </c>
      <c r="D3347" s="45">
        <v>61</v>
      </c>
      <c r="E3347" s="46">
        <v>4.9000000000000004</v>
      </c>
      <c r="F3347" s="46">
        <v>34.4</v>
      </c>
      <c r="G3347" s="46">
        <v>39.299999999999997</v>
      </c>
      <c r="H3347" s="46">
        <v>16.399999999999999</v>
      </c>
      <c r="I3347" s="46">
        <v>4.9000000000000004</v>
      </c>
      <c r="J3347" s="46">
        <v>-14.7</v>
      </c>
      <c r="K3347" s="59">
        <v>-50</v>
      </c>
    </row>
    <row r="3348" spans="1:25" x14ac:dyDescent="0.2">
      <c r="B3348" s="77"/>
      <c r="C3348" s="39" t="s">
        <v>68</v>
      </c>
      <c r="D3348" s="45">
        <v>416</v>
      </c>
      <c r="E3348" s="46">
        <v>10.8</v>
      </c>
      <c r="F3348" s="46">
        <v>28.8</v>
      </c>
      <c r="G3348" s="46">
        <v>25</v>
      </c>
      <c r="H3348" s="46">
        <v>30.8</v>
      </c>
      <c r="I3348" s="46">
        <v>4.5999999999999996</v>
      </c>
      <c r="J3348" s="46">
        <v>-18.899999999999999</v>
      </c>
      <c r="K3348" s="59">
        <v>-50</v>
      </c>
    </row>
    <row r="3349" spans="1:25" x14ac:dyDescent="0.2">
      <c r="B3349" s="77"/>
      <c r="C3349" s="40" t="s">
        <v>69</v>
      </c>
      <c r="D3349" s="48">
        <v>498</v>
      </c>
      <c r="E3349" s="49">
        <v>8.6</v>
      </c>
      <c r="F3349" s="49">
        <v>28.5</v>
      </c>
      <c r="G3349" s="49">
        <v>25.5</v>
      </c>
      <c r="H3349" s="49">
        <v>32.299999999999997</v>
      </c>
      <c r="I3349" s="49">
        <v>5</v>
      </c>
      <c r="J3349" s="49">
        <v>-23.4</v>
      </c>
      <c r="K3349" s="60">
        <v>-50</v>
      </c>
    </row>
    <row r="3350" spans="1:25" x14ac:dyDescent="0.2">
      <c r="B3350" s="7" t="s">
        <v>71</v>
      </c>
      <c r="C3350" s="4" t="s">
        <v>167</v>
      </c>
    </row>
    <row r="3351" spans="1:25" x14ac:dyDescent="0.2">
      <c r="B3351" s="4"/>
      <c r="C3351" s="4" t="s">
        <v>73</v>
      </c>
    </row>
    <row r="3353" spans="1:25" x14ac:dyDescent="0.2">
      <c r="A3353" s="26" t="s">
        <v>25</v>
      </c>
      <c r="B3353" t="s">
        <v>35</v>
      </c>
      <c r="C3353" t="s">
        <v>35</v>
      </c>
    </row>
    <row r="3354" spans="1:25" x14ac:dyDescent="0.2">
      <c r="B3354" s="75" t="s">
        <v>168</v>
      </c>
      <c r="C3354" s="76"/>
      <c r="D3354" s="76"/>
      <c r="E3354" s="76"/>
      <c r="F3354" s="76"/>
      <c r="G3354" s="76"/>
      <c r="H3354" s="76"/>
      <c r="I3354" s="76"/>
      <c r="J3354" s="76"/>
      <c r="K3354" s="76"/>
      <c r="L3354" s="76"/>
      <c r="M3354" s="76"/>
      <c r="N3354" s="76"/>
      <c r="O3354" s="76"/>
      <c r="P3354" s="76"/>
      <c r="Q3354" s="76"/>
      <c r="R3354" s="76"/>
      <c r="S3354" s="76"/>
      <c r="T3354" s="76"/>
      <c r="U3354" s="76"/>
      <c r="V3354" s="76"/>
      <c r="W3354" s="76"/>
      <c r="X3354" s="76"/>
      <c r="Y3354" s="76"/>
    </row>
    <row r="3355" spans="1:25" s="32" customFormat="1" ht="68.849999999999994" customHeight="1" x14ac:dyDescent="0.15">
      <c r="A3355" s="31"/>
      <c r="D3355" s="33" t="s">
        <v>378</v>
      </c>
      <c r="E3355" s="36" t="s">
        <v>563</v>
      </c>
      <c r="F3355" s="55" t="s">
        <v>564</v>
      </c>
      <c r="G3355" s="55" t="s">
        <v>565</v>
      </c>
      <c r="H3355" s="55" t="s">
        <v>566</v>
      </c>
      <c r="I3355" s="55" t="s">
        <v>480</v>
      </c>
      <c r="J3355" s="56" t="s">
        <v>387</v>
      </c>
      <c r="K3355" s="57" t="s">
        <v>388</v>
      </c>
      <c r="L3355" s="54" t="s">
        <v>381</v>
      </c>
    </row>
    <row r="3356" spans="1:25" x14ac:dyDescent="0.2">
      <c r="B3356" s="5"/>
      <c r="C3356" s="41" t="s">
        <v>38</v>
      </c>
      <c r="D3356" s="42">
        <v>2000</v>
      </c>
      <c r="E3356" s="43">
        <v>12.4</v>
      </c>
      <c r="F3356" s="43">
        <v>39.200000000000003</v>
      </c>
      <c r="G3356" s="43">
        <v>26</v>
      </c>
      <c r="H3356" s="43">
        <v>14.6</v>
      </c>
      <c r="I3356" s="43">
        <v>8</v>
      </c>
      <c r="J3356" s="43">
        <v>4.8</v>
      </c>
      <c r="K3356" s="58">
        <v>50</v>
      </c>
    </row>
    <row r="3357" spans="1:25" x14ac:dyDescent="0.2">
      <c r="B3357" s="77" t="s">
        <v>37</v>
      </c>
      <c r="C3357" s="39" t="s">
        <v>39</v>
      </c>
      <c r="D3357" s="45">
        <v>111</v>
      </c>
      <c r="E3357" s="46">
        <v>12.6</v>
      </c>
      <c r="F3357" s="46">
        <v>40.5</v>
      </c>
      <c r="G3357" s="46">
        <v>24.3</v>
      </c>
      <c r="H3357" s="46">
        <v>15.3</v>
      </c>
      <c r="I3357" s="46">
        <v>7.2</v>
      </c>
      <c r="J3357" s="46">
        <v>5.8</v>
      </c>
      <c r="K3357" s="59">
        <v>50</v>
      </c>
    </row>
    <row r="3358" spans="1:25" x14ac:dyDescent="0.2">
      <c r="B3358" s="77"/>
      <c r="C3358" s="39" t="s">
        <v>40</v>
      </c>
      <c r="D3358" s="45">
        <v>450</v>
      </c>
      <c r="E3358" s="46">
        <v>9.1</v>
      </c>
      <c r="F3358" s="46">
        <v>40.4</v>
      </c>
      <c r="G3358" s="46">
        <v>26.7</v>
      </c>
      <c r="H3358" s="46">
        <v>17.100000000000001</v>
      </c>
      <c r="I3358" s="46">
        <v>6.7</v>
      </c>
      <c r="J3358" s="46">
        <v>-1.2</v>
      </c>
      <c r="K3358" s="59">
        <v>50</v>
      </c>
    </row>
    <row r="3359" spans="1:25" ht="21.6" x14ac:dyDescent="0.2">
      <c r="B3359" s="77"/>
      <c r="C3359" s="39" t="s">
        <v>41</v>
      </c>
      <c r="D3359" s="45">
        <v>30</v>
      </c>
      <c r="E3359" s="46">
        <v>10</v>
      </c>
      <c r="F3359" s="46">
        <v>53.3</v>
      </c>
      <c r="G3359" s="46">
        <v>20</v>
      </c>
      <c r="H3359" s="46">
        <v>6.7</v>
      </c>
      <c r="I3359" s="46">
        <v>10</v>
      </c>
      <c r="J3359" s="46">
        <v>22.2</v>
      </c>
      <c r="K3359" s="59">
        <v>50</v>
      </c>
    </row>
    <row r="3360" spans="1:25" ht="21.6" x14ac:dyDescent="0.2">
      <c r="B3360" s="77"/>
      <c r="C3360" s="39" t="s">
        <v>42</v>
      </c>
      <c r="D3360" s="45">
        <v>336</v>
      </c>
      <c r="E3360" s="46">
        <v>10.4</v>
      </c>
      <c r="F3360" s="46">
        <v>44</v>
      </c>
      <c r="G3360" s="46">
        <v>28.9</v>
      </c>
      <c r="H3360" s="46">
        <v>11.6</v>
      </c>
      <c r="I3360" s="46">
        <v>5.0999999999999996</v>
      </c>
      <c r="J3360" s="46">
        <v>6.7</v>
      </c>
      <c r="K3360" s="59">
        <v>50</v>
      </c>
    </row>
    <row r="3361" spans="2:11" ht="21.6" x14ac:dyDescent="0.2">
      <c r="B3361" s="77"/>
      <c r="C3361" s="39" t="s">
        <v>43</v>
      </c>
      <c r="D3361" s="45">
        <v>327</v>
      </c>
      <c r="E3361" s="46">
        <v>13.8</v>
      </c>
      <c r="F3361" s="46">
        <v>38.799999999999997</v>
      </c>
      <c r="G3361" s="46">
        <v>21.1</v>
      </c>
      <c r="H3361" s="46">
        <v>16.2</v>
      </c>
      <c r="I3361" s="46">
        <v>10.1</v>
      </c>
      <c r="J3361" s="46">
        <v>7.1</v>
      </c>
      <c r="K3361" s="59">
        <v>50</v>
      </c>
    </row>
    <row r="3362" spans="2:11" ht="21.6" x14ac:dyDescent="0.2">
      <c r="B3362" s="77"/>
      <c r="C3362" s="39" t="s">
        <v>44</v>
      </c>
      <c r="D3362" s="45">
        <v>181</v>
      </c>
      <c r="E3362" s="46">
        <v>13.8</v>
      </c>
      <c r="F3362" s="46">
        <v>35.9</v>
      </c>
      <c r="G3362" s="46">
        <v>27.1</v>
      </c>
      <c r="H3362" s="46">
        <v>16.600000000000001</v>
      </c>
      <c r="I3362" s="46">
        <v>6.6</v>
      </c>
      <c r="J3362" s="46">
        <v>1.8</v>
      </c>
      <c r="K3362" s="59">
        <v>50</v>
      </c>
    </row>
    <row r="3363" spans="2:11" ht="21.6" x14ac:dyDescent="0.2">
      <c r="B3363" s="77"/>
      <c r="C3363" s="39" t="s">
        <v>45</v>
      </c>
      <c r="D3363" s="45">
        <v>565</v>
      </c>
      <c r="E3363" s="46">
        <v>14.9</v>
      </c>
      <c r="F3363" s="46">
        <v>35.6</v>
      </c>
      <c r="G3363" s="46">
        <v>26.7</v>
      </c>
      <c r="H3363" s="46">
        <v>12.9</v>
      </c>
      <c r="I3363" s="46">
        <v>9.9</v>
      </c>
      <c r="J3363" s="46">
        <v>7.1</v>
      </c>
      <c r="K3363" s="59">
        <v>50</v>
      </c>
    </row>
    <row r="3364" spans="2:11" ht="21.6" x14ac:dyDescent="0.2">
      <c r="B3364" s="77"/>
      <c r="C3364" s="39" t="s">
        <v>46</v>
      </c>
      <c r="D3364" s="45">
        <v>473</v>
      </c>
      <c r="E3364" s="46">
        <v>14</v>
      </c>
      <c r="F3364" s="46">
        <v>35.1</v>
      </c>
      <c r="G3364" s="46">
        <v>24.9</v>
      </c>
      <c r="H3364" s="46">
        <v>17.3</v>
      </c>
      <c r="I3364" s="46">
        <v>8.6999999999999993</v>
      </c>
      <c r="J3364" s="46">
        <v>1.9</v>
      </c>
      <c r="K3364" s="59">
        <v>50</v>
      </c>
    </row>
    <row r="3365" spans="2:11" ht="21.6" x14ac:dyDescent="0.2">
      <c r="B3365" s="77"/>
      <c r="C3365" s="39" t="s">
        <v>47</v>
      </c>
      <c r="D3365" s="45">
        <v>441</v>
      </c>
      <c r="E3365" s="46">
        <v>10.9</v>
      </c>
      <c r="F3365" s="46">
        <v>39.9</v>
      </c>
      <c r="G3365" s="46">
        <v>26.8</v>
      </c>
      <c r="H3365" s="46">
        <v>16.600000000000001</v>
      </c>
      <c r="I3365" s="46">
        <v>5.9</v>
      </c>
      <c r="J3365" s="46">
        <v>1</v>
      </c>
      <c r="K3365" s="59">
        <v>50</v>
      </c>
    </row>
    <row r="3366" spans="2:11" ht="21.6" x14ac:dyDescent="0.2">
      <c r="B3366" s="77"/>
      <c r="C3366" s="39" t="s">
        <v>48</v>
      </c>
      <c r="D3366" s="45">
        <v>305</v>
      </c>
      <c r="E3366" s="46">
        <v>11.8</v>
      </c>
      <c r="F3366" s="46">
        <v>37.700000000000003</v>
      </c>
      <c r="G3366" s="46">
        <v>31.5</v>
      </c>
      <c r="H3366" s="46">
        <v>13.1</v>
      </c>
      <c r="I3366" s="46">
        <v>5.9</v>
      </c>
      <c r="J3366" s="46">
        <v>1.9</v>
      </c>
      <c r="K3366" s="59">
        <v>50</v>
      </c>
    </row>
    <row r="3367" spans="2:11" ht="21.6" x14ac:dyDescent="0.2">
      <c r="B3367" s="77"/>
      <c r="C3367" s="39" t="s">
        <v>49</v>
      </c>
      <c r="D3367" s="45">
        <v>223</v>
      </c>
      <c r="E3367" s="46">
        <v>11.2</v>
      </c>
      <c r="F3367" s="46">
        <v>48</v>
      </c>
      <c r="G3367" s="46">
        <v>27.4</v>
      </c>
      <c r="H3367" s="46">
        <v>10.8</v>
      </c>
      <c r="I3367" s="46">
        <v>2.7</v>
      </c>
      <c r="J3367" s="46">
        <v>11.1</v>
      </c>
      <c r="K3367" s="59">
        <v>50</v>
      </c>
    </row>
    <row r="3368" spans="2:11" ht="21.6" x14ac:dyDescent="0.2">
      <c r="B3368" s="77"/>
      <c r="C3368" s="39" t="s">
        <v>50</v>
      </c>
      <c r="D3368" s="45">
        <v>123</v>
      </c>
      <c r="E3368" s="46">
        <v>20.3</v>
      </c>
      <c r="F3368" s="46">
        <v>43.1</v>
      </c>
      <c r="G3368" s="46">
        <v>26</v>
      </c>
      <c r="H3368" s="46">
        <v>8.9</v>
      </c>
      <c r="I3368" s="46">
        <v>1.6</v>
      </c>
      <c r="J3368" s="46">
        <v>20.2</v>
      </c>
      <c r="K3368" s="59">
        <v>50</v>
      </c>
    </row>
    <row r="3369" spans="2:11" ht="21.6" x14ac:dyDescent="0.2">
      <c r="B3369" s="77"/>
      <c r="C3369" s="39" t="s">
        <v>51</v>
      </c>
      <c r="D3369" s="45">
        <v>124</v>
      </c>
      <c r="E3369" s="46">
        <v>15.3</v>
      </c>
      <c r="F3369" s="46">
        <v>49.2</v>
      </c>
      <c r="G3369" s="46">
        <v>15.3</v>
      </c>
      <c r="H3369" s="46">
        <v>12.1</v>
      </c>
      <c r="I3369" s="46">
        <v>8.1</v>
      </c>
      <c r="J3369" s="46">
        <v>21.9</v>
      </c>
      <c r="K3369" s="59">
        <v>50</v>
      </c>
    </row>
    <row r="3370" spans="2:11" ht="21.6" x14ac:dyDescent="0.2">
      <c r="B3370" s="77"/>
      <c r="C3370" s="39" t="s">
        <v>52</v>
      </c>
      <c r="D3370" s="45">
        <v>312</v>
      </c>
      <c r="E3370" s="46">
        <v>12.2</v>
      </c>
      <c r="F3370" s="46">
        <v>41</v>
      </c>
      <c r="G3370" s="46">
        <v>23.1</v>
      </c>
      <c r="H3370" s="46">
        <v>14.1</v>
      </c>
      <c r="I3370" s="46">
        <v>9.6</v>
      </c>
      <c r="J3370" s="46">
        <v>7.8</v>
      </c>
      <c r="K3370" s="59">
        <v>50</v>
      </c>
    </row>
    <row r="3371" spans="2:11" x14ac:dyDescent="0.2">
      <c r="B3371" s="77"/>
      <c r="C3371" s="39" t="s">
        <v>53</v>
      </c>
      <c r="D3371" s="45">
        <v>269</v>
      </c>
      <c r="E3371" s="46">
        <v>10.8</v>
      </c>
      <c r="F3371" s="46">
        <v>34.200000000000003</v>
      </c>
      <c r="G3371" s="46">
        <v>31.2</v>
      </c>
      <c r="H3371" s="46">
        <v>17.5</v>
      </c>
      <c r="I3371" s="46">
        <v>6.3</v>
      </c>
      <c r="J3371" s="46">
        <v>-5.6</v>
      </c>
      <c r="K3371" s="59">
        <v>-50</v>
      </c>
    </row>
    <row r="3372" spans="2:11" ht="21.6" x14ac:dyDescent="0.2">
      <c r="B3372" s="77"/>
      <c r="C3372" s="39" t="s">
        <v>54</v>
      </c>
      <c r="D3372" s="45">
        <v>511</v>
      </c>
      <c r="E3372" s="46">
        <v>12.9</v>
      </c>
      <c r="F3372" s="46">
        <v>39.299999999999997</v>
      </c>
      <c r="G3372" s="46">
        <v>26.6</v>
      </c>
      <c r="H3372" s="46">
        <v>16.399999999999999</v>
      </c>
      <c r="I3372" s="46">
        <v>4.7</v>
      </c>
      <c r="J3372" s="46">
        <v>3</v>
      </c>
      <c r="K3372" s="59">
        <v>50</v>
      </c>
    </row>
    <row r="3373" spans="2:11" ht="21.6" x14ac:dyDescent="0.2">
      <c r="B3373" s="77"/>
      <c r="C3373" s="39" t="s">
        <v>55</v>
      </c>
      <c r="D3373" s="45">
        <v>615</v>
      </c>
      <c r="E3373" s="46">
        <v>13</v>
      </c>
      <c r="F3373" s="46">
        <v>43.3</v>
      </c>
      <c r="G3373" s="46">
        <v>26</v>
      </c>
      <c r="H3373" s="46">
        <v>12.2</v>
      </c>
      <c r="I3373" s="46">
        <v>5.5</v>
      </c>
      <c r="J3373" s="46">
        <v>10</v>
      </c>
      <c r="K3373" s="59">
        <v>50</v>
      </c>
    </row>
    <row r="3374" spans="2:11" ht="21.6" x14ac:dyDescent="0.2">
      <c r="B3374" s="77"/>
      <c r="C3374" s="39" t="s">
        <v>56</v>
      </c>
      <c r="D3374" s="45">
        <v>800</v>
      </c>
      <c r="E3374" s="46">
        <v>13.3</v>
      </c>
      <c r="F3374" s="46">
        <v>42.5</v>
      </c>
      <c r="G3374" s="46">
        <v>24.9</v>
      </c>
      <c r="H3374" s="46">
        <v>12.8</v>
      </c>
      <c r="I3374" s="46">
        <v>6.6</v>
      </c>
      <c r="J3374" s="46">
        <v>10</v>
      </c>
      <c r="K3374" s="59">
        <v>50</v>
      </c>
    </row>
    <row r="3375" spans="2:11" x14ac:dyDescent="0.2">
      <c r="B3375" s="77"/>
      <c r="C3375" s="40" t="s">
        <v>57</v>
      </c>
      <c r="D3375" s="48">
        <v>798</v>
      </c>
      <c r="E3375" s="49">
        <v>11</v>
      </c>
      <c r="F3375" s="49">
        <v>38.700000000000003</v>
      </c>
      <c r="G3375" s="49">
        <v>28.2</v>
      </c>
      <c r="H3375" s="49">
        <v>15.8</v>
      </c>
      <c r="I3375" s="49">
        <v>6.3</v>
      </c>
      <c r="J3375" s="49">
        <v>0.5</v>
      </c>
      <c r="K3375" s="60">
        <v>50</v>
      </c>
    </row>
    <row r="3376" spans="2:11" x14ac:dyDescent="0.2">
      <c r="B3376" s="7" t="s">
        <v>71</v>
      </c>
      <c r="C3376" s="4" t="s">
        <v>169</v>
      </c>
    </row>
    <row r="3377" spans="1:25" x14ac:dyDescent="0.2">
      <c r="B3377" s="4"/>
      <c r="C3377" s="4" t="s">
        <v>73</v>
      </c>
    </row>
    <row r="3379" spans="1:25" x14ac:dyDescent="0.2">
      <c r="C3379" t="s">
        <v>35</v>
      </c>
    </row>
    <row r="3380" spans="1:25" x14ac:dyDescent="0.2">
      <c r="B3380" s="75" t="s">
        <v>322</v>
      </c>
      <c r="C3380" s="76"/>
      <c r="D3380" s="76"/>
      <c r="E3380" s="76"/>
      <c r="F3380" s="76"/>
      <c r="G3380" s="76"/>
      <c r="H3380" s="76"/>
      <c r="I3380" s="76"/>
      <c r="J3380" s="76"/>
      <c r="K3380" s="76"/>
      <c r="L3380" s="76"/>
      <c r="M3380" s="76"/>
      <c r="N3380" s="76"/>
      <c r="O3380" s="76"/>
      <c r="P3380" s="76"/>
      <c r="Q3380" s="76"/>
      <c r="R3380" s="76"/>
      <c r="S3380" s="76"/>
      <c r="T3380" s="76"/>
      <c r="U3380" s="76"/>
      <c r="V3380" s="76"/>
      <c r="W3380" s="76"/>
      <c r="X3380" s="76"/>
      <c r="Y3380" s="76"/>
    </row>
    <row r="3381" spans="1:25" s="32" customFormat="1" ht="68.849999999999994" customHeight="1" x14ac:dyDescent="0.15">
      <c r="A3381" s="31"/>
      <c r="D3381" s="33" t="s">
        <v>378</v>
      </c>
      <c r="E3381" s="36" t="s">
        <v>563</v>
      </c>
      <c r="F3381" s="55" t="s">
        <v>564</v>
      </c>
      <c r="G3381" s="55" t="s">
        <v>565</v>
      </c>
      <c r="H3381" s="55" t="s">
        <v>566</v>
      </c>
      <c r="I3381" s="55" t="s">
        <v>480</v>
      </c>
      <c r="J3381" s="56" t="s">
        <v>387</v>
      </c>
      <c r="K3381" s="57" t="s">
        <v>388</v>
      </c>
      <c r="L3381" s="54" t="s">
        <v>381</v>
      </c>
    </row>
    <row r="3382" spans="1:25" ht="21.6" x14ac:dyDescent="0.2">
      <c r="B3382" s="77" t="s">
        <v>37</v>
      </c>
      <c r="C3382" s="38" t="s">
        <v>58</v>
      </c>
      <c r="D3382" s="51">
        <v>609</v>
      </c>
      <c r="E3382" s="52">
        <v>12.6</v>
      </c>
      <c r="F3382" s="52">
        <v>40.200000000000003</v>
      </c>
      <c r="G3382" s="52">
        <v>25.9</v>
      </c>
      <c r="H3382" s="52">
        <v>13</v>
      </c>
      <c r="I3382" s="52">
        <v>8.1999999999999993</v>
      </c>
      <c r="J3382" s="52">
        <v>7.4</v>
      </c>
      <c r="K3382" s="61">
        <v>50</v>
      </c>
    </row>
    <row r="3383" spans="1:25" ht="21.6" x14ac:dyDescent="0.2">
      <c r="B3383" s="77"/>
      <c r="C3383" s="39" t="s">
        <v>59</v>
      </c>
      <c r="D3383" s="45">
        <v>1391</v>
      </c>
      <c r="E3383" s="46">
        <v>12.2</v>
      </c>
      <c r="F3383" s="46">
        <v>38.700000000000003</v>
      </c>
      <c r="G3383" s="46">
        <v>26</v>
      </c>
      <c r="H3383" s="46">
        <v>15.2</v>
      </c>
      <c r="I3383" s="46">
        <v>7.8</v>
      </c>
      <c r="J3383" s="46">
        <v>3.7</v>
      </c>
      <c r="K3383" s="59">
        <v>50</v>
      </c>
    </row>
    <row r="3384" spans="1:25" x14ac:dyDescent="0.2">
      <c r="B3384" s="77"/>
      <c r="C3384" s="39" t="s">
        <v>60</v>
      </c>
      <c r="D3384" s="45">
        <v>1325</v>
      </c>
      <c r="E3384" s="46">
        <v>12.5</v>
      </c>
      <c r="F3384" s="46">
        <v>38.9</v>
      </c>
      <c r="G3384" s="46">
        <v>26</v>
      </c>
      <c r="H3384" s="46">
        <v>14.7</v>
      </c>
      <c r="I3384" s="46">
        <v>7.9</v>
      </c>
      <c r="J3384" s="46">
        <v>4.5999999999999996</v>
      </c>
      <c r="K3384" s="59">
        <v>50</v>
      </c>
    </row>
    <row r="3385" spans="1:25" x14ac:dyDescent="0.2">
      <c r="B3385" s="77"/>
      <c r="C3385" s="39" t="s">
        <v>61</v>
      </c>
      <c r="D3385" s="45">
        <v>675</v>
      </c>
      <c r="E3385" s="46">
        <v>12</v>
      </c>
      <c r="F3385" s="46">
        <v>39.9</v>
      </c>
      <c r="G3385" s="46">
        <v>25.9</v>
      </c>
      <c r="H3385" s="46">
        <v>14.2</v>
      </c>
      <c r="I3385" s="46">
        <v>8</v>
      </c>
      <c r="J3385" s="46">
        <v>5.2</v>
      </c>
      <c r="K3385" s="59">
        <v>50</v>
      </c>
    </row>
    <row r="3386" spans="1:25" x14ac:dyDescent="0.2">
      <c r="B3386" s="77"/>
      <c r="C3386" s="39" t="s">
        <v>62</v>
      </c>
      <c r="D3386" s="45">
        <v>1086</v>
      </c>
      <c r="E3386" s="46">
        <v>8.9</v>
      </c>
      <c r="F3386" s="46">
        <v>37.5</v>
      </c>
      <c r="G3386" s="46">
        <v>29.7</v>
      </c>
      <c r="H3386" s="46">
        <v>14.9</v>
      </c>
      <c r="I3386" s="46">
        <v>9</v>
      </c>
      <c r="J3386" s="46">
        <v>-2.2999999999999998</v>
      </c>
      <c r="K3386" s="59">
        <v>50</v>
      </c>
    </row>
    <row r="3387" spans="1:25" ht="21.6" x14ac:dyDescent="0.2">
      <c r="B3387" s="77"/>
      <c r="C3387" s="39" t="s">
        <v>63</v>
      </c>
      <c r="D3387" s="45">
        <v>203</v>
      </c>
      <c r="E3387" s="46">
        <v>10.8</v>
      </c>
      <c r="F3387" s="46">
        <v>40.4</v>
      </c>
      <c r="G3387" s="46">
        <v>24.6</v>
      </c>
      <c r="H3387" s="46">
        <v>10.3</v>
      </c>
      <c r="I3387" s="46">
        <v>13.8</v>
      </c>
      <c r="J3387" s="46">
        <v>9.6999999999999993</v>
      </c>
      <c r="K3387" s="59">
        <v>50</v>
      </c>
    </row>
    <row r="3388" spans="1:25" x14ac:dyDescent="0.2">
      <c r="B3388" s="77"/>
      <c r="C3388" s="39" t="s">
        <v>64</v>
      </c>
      <c r="D3388" s="45">
        <v>263</v>
      </c>
      <c r="E3388" s="46">
        <v>9.9</v>
      </c>
      <c r="F3388" s="46">
        <v>34.6</v>
      </c>
      <c r="G3388" s="46">
        <v>34.200000000000003</v>
      </c>
      <c r="H3388" s="46">
        <v>14.1</v>
      </c>
      <c r="I3388" s="46">
        <v>7.2</v>
      </c>
      <c r="J3388" s="46">
        <v>-4.3</v>
      </c>
      <c r="K3388" s="59">
        <v>-50</v>
      </c>
    </row>
    <row r="3389" spans="1:25" x14ac:dyDescent="0.2">
      <c r="B3389" s="77"/>
      <c r="C3389" s="39" t="s">
        <v>65</v>
      </c>
      <c r="D3389" s="45">
        <v>312</v>
      </c>
      <c r="E3389" s="46">
        <v>7.1</v>
      </c>
      <c r="F3389" s="46">
        <v>34.299999999999997</v>
      </c>
      <c r="G3389" s="46">
        <v>28.2</v>
      </c>
      <c r="H3389" s="46">
        <v>19.899999999999999</v>
      </c>
      <c r="I3389" s="46">
        <v>10.6</v>
      </c>
      <c r="J3389" s="46">
        <v>-10.9</v>
      </c>
      <c r="K3389" s="59">
        <v>-50</v>
      </c>
    </row>
    <row r="3390" spans="1:25" x14ac:dyDescent="0.2">
      <c r="B3390" s="77"/>
      <c r="C3390" s="39" t="s">
        <v>66</v>
      </c>
      <c r="D3390" s="45">
        <v>230</v>
      </c>
      <c r="E3390" s="46">
        <v>8.3000000000000007</v>
      </c>
      <c r="F3390" s="46">
        <v>40.4</v>
      </c>
      <c r="G3390" s="46">
        <v>30</v>
      </c>
      <c r="H3390" s="46">
        <v>15.2</v>
      </c>
      <c r="I3390" s="46">
        <v>6.1</v>
      </c>
      <c r="J3390" s="46">
        <v>-1.9</v>
      </c>
      <c r="K3390" s="59">
        <v>50</v>
      </c>
    </row>
    <row r="3391" spans="1:25" x14ac:dyDescent="0.2">
      <c r="B3391" s="77"/>
      <c r="C3391" s="39" t="s">
        <v>67</v>
      </c>
      <c r="D3391" s="45">
        <v>78</v>
      </c>
      <c r="E3391" s="46">
        <v>10.3</v>
      </c>
      <c r="F3391" s="46">
        <v>43.6</v>
      </c>
      <c r="G3391" s="46">
        <v>32.1</v>
      </c>
      <c r="H3391" s="46">
        <v>9</v>
      </c>
      <c r="I3391" s="46">
        <v>5.0999999999999996</v>
      </c>
      <c r="J3391" s="46">
        <v>7.4</v>
      </c>
      <c r="K3391" s="59">
        <v>50</v>
      </c>
    </row>
    <row r="3392" spans="1:25" x14ac:dyDescent="0.2">
      <c r="B3392" s="77"/>
      <c r="C3392" s="39" t="s">
        <v>68</v>
      </c>
      <c r="D3392" s="45">
        <v>897</v>
      </c>
      <c r="E3392" s="46">
        <v>9.1</v>
      </c>
      <c r="F3392" s="46">
        <v>38.1</v>
      </c>
      <c r="G3392" s="46">
        <v>29.7</v>
      </c>
      <c r="H3392" s="46">
        <v>15.3</v>
      </c>
      <c r="I3392" s="46">
        <v>7.8</v>
      </c>
      <c r="J3392" s="46">
        <v>-2.1</v>
      </c>
      <c r="K3392" s="59">
        <v>50</v>
      </c>
    </row>
    <row r="3393" spans="1:25" x14ac:dyDescent="0.2">
      <c r="B3393" s="77"/>
      <c r="C3393" s="39" t="s">
        <v>69</v>
      </c>
      <c r="D3393" s="45">
        <v>189</v>
      </c>
      <c r="E3393" s="46">
        <v>7.9</v>
      </c>
      <c r="F3393" s="46">
        <v>34.4</v>
      </c>
      <c r="G3393" s="46">
        <v>29.6</v>
      </c>
      <c r="H3393" s="46">
        <v>13.2</v>
      </c>
      <c r="I3393" s="46">
        <v>14.8</v>
      </c>
      <c r="J3393" s="46">
        <v>-3.4</v>
      </c>
      <c r="K3393" s="59">
        <v>-50</v>
      </c>
    </row>
    <row r="3394" spans="1:25" x14ac:dyDescent="0.2">
      <c r="B3394" s="77"/>
      <c r="C3394" s="39" t="s">
        <v>70</v>
      </c>
      <c r="D3394" s="45">
        <v>914</v>
      </c>
      <c r="E3394" s="46">
        <v>16.399999999999999</v>
      </c>
      <c r="F3394" s="46">
        <v>41.2</v>
      </c>
      <c r="G3394" s="46">
        <v>21.6</v>
      </c>
      <c r="H3394" s="46">
        <v>14.1</v>
      </c>
      <c r="I3394" s="46">
        <v>6.7</v>
      </c>
      <c r="J3394" s="46">
        <v>13</v>
      </c>
      <c r="K3394" s="59">
        <v>50</v>
      </c>
    </row>
    <row r="3395" spans="1:25" ht="21.6" x14ac:dyDescent="0.2">
      <c r="B3395" s="77"/>
      <c r="C3395" s="39" t="s">
        <v>63</v>
      </c>
      <c r="D3395" s="45">
        <v>193</v>
      </c>
      <c r="E3395" s="46">
        <v>20.7</v>
      </c>
      <c r="F3395" s="46">
        <v>42</v>
      </c>
      <c r="G3395" s="46">
        <v>19.2</v>
      </c>
      <c r="H3395" s="46">
        <v>8.8000000000000007</v>
      </c>
      <c r="I3395" s="46">
        <v>9.3000000000000007</v>
      </c>
      <c r="J3395" s="46">
        <v>25.7</v>
      </c>
      <c r="K3395" s="59">
        <v>50</v>
      </c>
    </row>
    <row r="3396" spans="1:25" x14ac:dyDescent="0.2">
      <c r="B3396" s="77"/>
      <c r="C3396" s="39" t="s">
        <v>64</v>
      </c>
      <c r="D3396" s="45">
        <v>203</v>
      </c>
      <c r="E3396" s="46">
        <v>22.2</v>
      </c>
      <c r="F3396" s="46">
        <v>32.5</v>
      </c>
      <c r="G3396" s="46">
        <v>22.7</v>
      </c>
      <c r="H3396" s="46">
        <v>16.3</v>
      </c>
      <c r="I3396" s="46">
        <v>6.4</v>
      </c>
      <c r="J3396" s="46">
        <v>11.6</v>
      </c>
      <c r="K3396" s="59">
        <v>50</v>
      </c>
    </row>
    <row r="3397" spans="1:25" x14ac:dyDescent="0.2">
      <c r="B3397" s="77"/>
      <c r="C3397" s="39" t="s">
        <v>65</v>
      </c>
      <c r="D3397" s="45">
        <v>263</v>
      </c>
      <c r="E3397" s="46">
        <v>12.5</v>
      </c>
      <c r="F3397" s="46">
        <v>44.1</v>
      </c>
      <c r="G3397" s="46">
        <v>23.6</v>
      </c>
      <c r="H3397" s="46">
        <v>15.2</v>
      </c>
      <c r="I3397" s="46">
        <v>4.5999999999999996</v>
      </c>
      <c r="J3397" s="46">
        <v>8</v>
      </c>
      <c r="K3397" s="59">
        <v>50</v>
      </c>
    </row>
    <row r="3398" spans="1:25" x14ac:dyDescent="0.2">
      <c r="B3398" s="77"/>
      <c r="C3398" s="39" t="s">
        <v>66</v>
      </c>
      <c r="D3398" s="45">
        <v>194</v>
      </c>
      <c r="E3398" s="46">
        <v>13.4</v>
      </c>
      <c r="F3398" s="46">
        <v>45.9</v>
      </c>
      <c r="G3398" s="46">
        <v>20.6</v>
      </c>
      <c r="H3398" s="46">
        <v>14.9</v>
      </c>
      <c r="I3398" s="46">
        <v>5.2</v>
      </c>
      <c r="J3398" s="46">
        <v>11.7</v>
      </c>
      <c r="K3398" s="59">
        <v>50</v>
      </c>
    </row>
    <row r="3399" spans="1:25" x14ac:dyDescent="0.2">
      <c r="B3399" s="77"/>
      <c r="C3399" s="39" t="s">
        <v>67</v>
      </c>
      <c r="D3399" s="45">
        <v>61</v>
      </c>
      <c r="E3399" s="46">
        <v>9.8000000000000007</v>
      </c>
      <c r="F3399" s="46">
        <v>41</v>
      </c>
      <c r="G3399" s="46">
        <v>19.7</v>
      </c>
      <c r="H3399" s="46">
        <v>16.399999999999999</v>
      </c>
      <c r="I3399" s="46">
        <v>13.1</v>
      </c>
      <c r="J3399" s="46">
        <v>4.7</v>
      </c>
      <c r="K3399" s="59">
        <v>50</v>
      </c>
    </row>
    <row r="3400" spans="1:25" x14ac:dyDescent="0.2">
      <c r="B3400" s="77"/>
      <c r="C3400" s="39" t="s">
        <v>68</v>
      </c>
      <c r="D3400" s="45">
        <v>416</v>
      </c>
      <c r="E3400" s="46">
        <v>14.9</v>
      </c>
      <c r="F3400" s="46">
        <v>42.3</v>
      </c>
      <c r="G3400" s="46">
        <v>21.9</v>
      </c>
      <c r="H3400" s="46">
        <v>14.9</v>
      </c>
      <c r="I3400" s="46">
        <v>6</v>
      </c>
      <c r="J3400" s="46">
        <v>10.9</v>
      </c>
      <c r="K3400" s="59">
        <v>50</v>
      </c>
    </row>
    <row r="3401" spans="1:25" x14ac:dyDescent="0.2">
      <c r="B3401" s="77"/>
      <c r="C3401" s="40" t="s">
        <v>69</v>
      </c>
      <c r="D3401" s="48">
        <v>498</v>
      </c>
      <c r="E3401" s="49">
        <v>17.7</v>
      </c>
      <c r="F3401" s="49">
        <v>40.4</v>
      </c>
      <c r="G3401" s="49">
        <v>21.3</v>
      </c>
      <c r="H3401" s="49">
        <v>13.5</v>
      </c>
      <c r="I3401" s="49">
        <v>7.2</v>
      </c>
      <c r="J3401" s="49">
        <v>14.8</v>
      </c>
      <c r="K3401" s="60">
        <v>50</v>
      </c>
    </row>
    <row r="3402" spans="1:25" x14ac:dyDescent="0.2">
      <c r="B3402" s="7" t="s">
        <v>71</v>
      </c>
      <c r="C3402" s="4" t="s">
        <v>169</v>
      </c>
    </row>
    <row r="3403" spans="1:25" x14ac:dyDescent="0.2">
      <c r="B3403" s="4"/>
      <c r="C3403" s="4" t="s">
        <v>73</v>
      </c>
    </row>
    <row r="3405" spans="1:25" x14ac:dyDescent="0.2">
      <c r="A3405" s="26" t="s">
        <v>25</v>
      </c>
      <c r="B3405" t="s">
        <v>35</v>
      </c>
      <c r="C3405" t="s">
        <v>35</v>
      </c>
    </row>
    <row r="3406" spans="1:25" x14ac:dyDescent="0.2">
      <c r="B3406" s="75" t="s">
        <v>170</v>
      </c>
      <c r="C3406" s="76"/>
      <c r="D3406" s="76"/>
      <c r="E3406" s="76"/>
      <c r="F3406" s="76"/>
      <c r="G3406" s="76"/>
      <c r="H3406" s="76"/>
      <c r="I3406" s="76"/>
      <c r="J3406" s="76"/>
      <c r="K3406" s="76"/>
      <c r="L3406" s="76"/>
      <c r="M3406" s="76"/>
      <c r="N3406" s="76"/>
      <c r="O3406" s="76"/>
      <c r="P3406" s="76"/>
      <c r="Q3406" s="76"/>
      <c r="R3406" s="76"/>
      <c r="S3406" s="76"/>
      <c r="T3406" s="76"/>
      <c r="U3406" s="76"/>
      <c r="V3406" s="76"/>
      <c r="W3406" s="76"/>
      <c r="X3406" s="76"/>
      <c r="Y3406" s="76"/>
    </row>
    <row r="3407" spans="1:25" s="32" customFormat="1" ht="68.849999999999994" customHeight="1" x14ac:dyDescent="0.15">
      <c r="A3407" s="31"/>
      <c r="D3407" s="33" t="s">
        <v>378</v>
      </c>
      <c r="E3407" s="36" t="s">
        <v>563</v>
      </c>
      <c r="F3407" s="55" t="s">
        <v>564</v>
      </c>
      <c r="G3407" s="55" t="s">
        <v>565</v>
      </c>
      <c r="H3407" s="55" t="s">
        <v>566</v>
      </c>
      <c r="I3407" s="55" t="s">
        <v>480</v>
      </c>
      <c r="J3407" s="56" t="s">
        <v>387</v>
      </c>
      <c r="K3407" s="57" t="s">
        <v>388</v>
      </c>
      <c r="L3407" s="54" t="s">
        <v>381</v>
      </c>
    </row>
    <row r="3408" spans="1:25" x14ac:dyDescent="0.2">
      <c r="B3408" s="5"/>
      <c r="C3408" s="41" t="s">
        <v>38</v>
      </c>
      <c r="D3408" s="42">
        <v>2000</v>
      </c>
      <c r="E3408" s="43">
        <v>10.5</v>
      </c>
      <c r="F3408" s="43">
        <v>40.4</v>
      </c>
      <c r="G3408" s="43">
        <v>26.5</v>
      </c>
      <c r="H3408" s="43">
        <v>15.1</v>
      </c>
      <c r="I3408" s="43">
        <v>7.7</v>
      </c>
      <c r="J3408" s="43">
        <v>2.5</v>
      </c>
      <c r="K3408" s="58">
        <v>50</v>
      </c>
    </row>
    <row r="3409" spans="2:11" x14ac:dyDescent="0.2">
      <c r="B3409" s="77" t="s">
        <v>37</v>
      </c>
      <c r="C3409" s="39" t="s">
        <v>39</v>
      </c>
      <c r="D3409" s="45">
        <v>111</v>
      </c>
      <c r="E3409" s="46">
        <v>14.4</v>
      </c>
      <c r="F3409" s="46">
        <v>36</v>
      </c>
      <c r="G3409" s="46">
        <v>29.7</v>
      </c>
      <c r="H3409" s="46">
        <v>12.6</v>
      </c>
      <c r="I3409" s="46">
        <v>7.2</v>
      </c>
      <c r="J3409" s="46">
        <v>5.3</v>
      </c>
      <c r="K3409" s="59">
        <v>50</v>
      </c>
    </row>
    <row r="3410" spans="2:11" x14ac:dyDescent="0.2">
      <c r="B3410" s="77"/>
      <c r="C3410" s="39" t="s">
        <v>40</v>
      </c>
      <c r="D3410" s="45">
        <v>450</v>
      </c>
      <c r="E3410" s="46">
        <v>10</v>
      </c>
      <c r="F3410" s="46">
        <v>37.799999999999997</v>
      </c>
      <c r="G3410" s="46">
        <v>28.2</v>
      </c>
      <c r="H3410" s="46">
        <v>16.399999999999999</v>
      </c>
      <c r="I3410" s="46">
        <v>7.6</v>
      </c>
      <c r="J3410" s="46">
        <v>-1.8</v>
      </c>
      <c r="K3410" s="59">
        <v>50</v>
      </c>
    </row>
    <row r="3411" spans="2:11" ht="21.6" x14ac:dyDescent="0.2">
      <c r="B3411" s="77"/>
      <c r="C3411" s="39" t="s">
        <v>41</v>
      </c>
      <c r="D3411" s="45">
        <v>30</v>
      </c>
      <c r="E3411" s="46">
        <v>20</v>
      </c>
      <c r="F3411" s="46">
        <v>43.3</v>
      </c>
      <c r="G3411" s="46">
        <v>16.7</v>
      </c>
      <c r="H3411" s="46">
        <v>6.7</v>
      </c>
      <c r="I3411" s="46">
        <v>13.3</v>
      </c>
      <c r="J3411" s="46">
        <v>30.8</v>
      </c>
      <c r="K3411" s="59">
        <v>50</v>
      </c>
    </row>
    <row r="3412" spans="2:11" ht="21.6" x14ac:dyDescent="0.2">
      <c r="B3412" s="77"/>
      <c r="C3412" s="39" t="s">
        <v>42</v>
      </c>
      <c r="D3412" s="45">
        <v>336</v>
      </c>
      <c r="E3412" s="46">
        <v>8.3000000000000007</v>
      </c>
      <c r="F3412" s="46">
        <v>38.1</v>
      </c>
      <c r="G3412" s="46">
        <v>31.5</v>
      </c>
      <c r="H3412" s="46">
        <v>15.8</v>
      </c>
      <c r="I3412" s="46">
        <v>6.3</v>
      </c>
      <c r="J3412" s="46">
        <v>-4.4000000000000004</v>
      </c>
      <c r="K3412" s="59">
        <v>-50</v>
      </c>
    </row>
    <row r="3413" spans="2:11" ht="21.6" x14ac:dyDescent="0.2">
      <c r="B3413" s="77"/>
      <c r="C3413" s="39" t="s">
        <v>43</v>
      </c>
      <c r="D3413" s="45">
        <v>327</v>
      </c>
      <c r="E3413" s="46">
        <v>9.5</v>
      </c>
      <c r="F3413" s="46">
        <v>47.1</v>
      </c>
      <c r="G3413" s="46">
        <v>20.5</v>
      </c>
      <c r="H3413" s="46">
        <v>15.6</v>
      </c>
      <c r="I3413" s="46">
        <v>7.3</v>
      </c>
      <c r="J3413" s="46">
        <v>7.8</v>
      </c>
      <c r="K3413" s="59">
        <v>50</v>
      </c>
    </row>
    <row r="3414" spans="2:11" ht="21.6" x14ac:dyDescent="0.2">
      <c r="B3414" s="77"/>
      <c r="C3414" s="39" t="s">
        <v>44</v>
      </c>
      <c r="D3414" s="45">
        <v>181</v>
      </c>
      <c r="E3414" s="46">
        <v>12.2</v>
      </c>
      <c r="F3414" s="46">
        <v>40.299999999999997</v>
      </c>
      <c r="G3414" s="46">
        <v>26.5</v>
      </c>
      <c r="H3414" s="46">
        <v>14.4</v>
      </c>
      <c r="I3414" s="46">
        <v>6.6</v>
      </c>
      <c r="J3414" s="46">
        <v>5</v>
      </c>
      <c r="K3414" s="59">
        <v>50</v>
      </c>
    </row>
    <row r="3415" spans="2:11" ht="21.6" x14ac:dyDescent="0.2">
      <c r="B3415" s="77"/>
      <c r="C3415" s="39" t="s">
        <v>45</v>
      </c>
      <c r="D3415" s="45">
        <v>565</v>
      </c>
      <c r="E3415" s="46">
        <v>10.8</v>
      </c>
      <c r="F3415" s="46">
        <v>40.5</v>
      </c>
      <c r="G3415" s="46">
        <v>25.5</v>
      </c>
      <c r="H3415" s="46">
        <v>14.3</v>
      </c>
      <c r="I3415" s="46">
        <v>8.8000000000000007</v>
      </c>
      <c r="J3415" s="46">
        <v>4.4000000000000004</v>
      </c>
      <c r="K3415" s="59">
        <v>50</v>
      </c>
    </row>
    <row r="3416" spans="2:11" ht="21.6" x14ac:dyDescent="0.2">
      <c r="B3416" s="77"/>
      <c r="C3416" s="39" t="s">
        <v>46</v>
      </c>
      <c r="D3416" s="45">
        <v>473</v>
      </c>
      <c r="E3416" s="46">
        <v>8</v>
      </c>
      <c r="F3416" s="46">
        <v>38.9</v>
      </c>
      <c r="G3416" s="46">
        <v>28.3</v>
      </c>
      <c r="H3416" s="46">
        <v>18.2</v>
      </c>
      <c r="I3416" s="46">
        <v>6.6</v>
      </c>
      <c r="J3416" s="46">
        <v>-5.2</v>
      </c>
      <c r="K3416" s="59">
        <v>50</v>
      </c>
    </row>
    <row r="3417" spans="2:11" ht="21.6" x14ac:dyDescent="0.2">
      <c r="B3417" s="77"/>
      <c r="C3417" s="39" t="s">
        <v>47</v>
      </c>
      <c r="D3417" s="45">
        <v>441</v>
      </c>
      <c r="E3417" s="46">
        <v>10.7</v>
      </c>
      <c r="F3417" s="46">
        <v>41.7</v>
      </c>
      <c r="G3417" s="46">
        <v>26.3</v>
      </c>
      <c r="H3417" s="46">
        <v>15</v>
      </c>
      <c r="I3417" s="46">
        <v>6.3</v>
      </c>
      <c r="J3417" s="46">
        <v>3.6</v>
      </c>
      <c r="K3417" s="59">
        <v>50</v>
      </c>
    </row>
    <row r="3418" spans="2:11" ht="21.6" x14ac:dyDescent="0.2">
      <c r="B3418" s="77"/>
      <c r="C3418" s="39" t="s">
        <v>48</v>
      </c>
      <c r="D3418" s="45">
        <v>305</v>
      </c>
      <c r="E3418" s="46">
        <v>9.5</v>
      </c>
      <c r="F3418" s="46">
        <v>43.9</v>
      </c>
      <c r="G3418" s="46">
        <v>29.5</v>
      </c>
      <c r="H3418" s="46">
        <v>11.1</v>
      </c>
      <c r="I3418" s="46">
        <v>5.9</v>
      </c>
      <c r="J3418" s="46">
        <v>5.9</v>
      </c>
      <c r="K3418" s="59">
        <v>50</v>
      </c>
    </row>
    <row r="3419" spans="2:11" ht="21.6" x14ac:dyDescent="0.2">
      <c r="B3419" s="77"/>
      <c r="C3419" s="39" t="s">
        <v>49</v>
      </c>
      <c r="D3419" s="45">
        <v>223</v>
      </c>
      <c r="E3419" s="46">
        <v>14.3</v>
      </c>
      <c r="F3419" s="46">
        <v>42.2</v>
      </c>
      <c r="G3419" s="46">
        <v>29.6</v>
      </c>
      <c r="H3419" s="46">
        <v>12.1</v>
      </c>
      <c r="I3419" s="46">
        <v>1.8</v>
      </c>
      <c r="J3419" s="46">
        <v>8.6999999999999993</v>
      </c>
      <c r="K3419" s="59">
        <v>50</v>
      </c>
    </row>
    <row r="3420" spans="2:11" ht="21.6" x14ac:dyDescent="0.2">
      <c r="B3420" s="77"/>
      <c r="C3420" s="39" t="s">
        <v>50</v>
      </c>
      <c r="D3420" s="45">
        <v>123</v>
      </c>
      <c r="E3420" s="46">
        <v>14.6</v>
      </c>
      <c r="F3420" s="46">
        <v>44.7</v>
      </c>
      <c r="G3420" s="46">
        <v>23.6</v>
      </c>
      <c r="H3420" s="46">
        <v>13.8</v>
      </c>
      <c r="I3420" s="46">
        <v>3.3</v>
      </c>
      <c r="J3420" s="46">
        <v>11.8</v>
      </c>
      <c r="K3420" s="59">
        <v>50</v>
      </c>
    </row>
    <row r="3421" spans="2:11" ht="21.6" x14ac:dyDescent="0.2">
      <c r="B3421" s="77"/>
      <c r="C3421" s="39" t="s">
        <v>51</v>
      </c>
      <c r="D3421" s="45">
        <v>124</v>
      </c>
      <c r="E3421" s="46">
        <v>17.7</v>
      </c>
      <c r="F3421" s="46">
        <v>46.8</v>
      </c>
      <c r="G3421" s="46">
        <v>17.7</v>
      </c>
      <c r="H3421" s="46">
        <v>12.1</v>
      </c>
      <c r="I3421" s="46">
        <v>5.6</v>
      </c>
      <c r="J3421" s="46">
        <v>21.4</v>
      </c>
      <c r="K3421" s="59">
        <v>50</v>
      </c>
    </row>
    <row r="3422" spans="2:11" ht="21.6" x14ac:dyDescent="0.2">
      <c r="B3422" s="77"/>
      <c r="C3422" s="39" t="s">
        <v>52</v>
      </c>
      <c r="D3422" s="45">
        <v>312</v>
      </c>
      <c r="E3422" s="46">
        <v>10.9</v>
      </c>
      <c r="F3422" s="46">
        <v>45.2</v>
      </c>
      <c r="G3422" s="46">
        <v>20.8</v>
      </c>
      <c r="H3422" s="46">
        <v>15.1</v>
      </c>
      <c r="I3422" s="46">
        <v>8</v>
      </c>
      <c r="J3422" s="46">
        <v>8.6999999999999993</v>
      </c>
      <c r="K3422" s="59">
        <v>50</v>
      </c>
    </row>
    <row r="3423" spans="2:11" x14ac:dyDescent="0.2">
      <c r="B3423" s="77"/>
      <c r="C3423" s="39" t="s">
        <v>53</v>
      </c>
      <c r="D3423" s="45">
        <v>269</v>
      </c>
      <c r="E3423" s="46">
        <v>9.3000000000000007</v>
      </c>
      <c r="F3423" s="46">
        <v>40.1</v>
      </c>
      <c r="G3423" s="46">
        <v>28.3</v>
      </c>
      <c r="H3423" s="46">
        <v>16.399999999999999</v>
      </c>
      <c r="I3423" s="46">
        <v>5.9</v>
      </c>
      <c r="J3423" s="46">
        <v>-1.2</v>
      </c>
      <c r="K3423" s="59">
        <v>50</v>
      </c>
    </row>
    <row r="3424" spans="2:11" ht="21.6" x14ac:dyDescent="0.2">
      <c r="B3424" s="77"/>
      <c r="C3424" s="39" t="s">
        <v>54</v>
      </c>
      <c r="D3424" s="45">
        <v>511</v>
      </c>
      <c r="E3424" s="46">
        <v>10.4</v>
      </c>
      <c r="F3424" s="46">
        <v>38.200000000000003</v>
      </c>
      <c r="G3424" s="46">
        <v>29.7</v>
      </c>
      <c r="H3424" s="46">
        <v>17.399999999999999</v>
      </c>
      <c r="I3424" s="46">
        <v>4.3</v>
      </c>
      <c r="J3424" s="46">
        <v>-3</v>
      </c>
      <c r="K3424" s="59">
        <v>50</v>
      </c>
    </row>
    <row r="3425" spans="1:25" ht="21.6" x14ac:dyDescent="0.2">
      <c r="B3425" s="77"/>
      <c r="C3425" s="39" t="s">
        <v>55</v>
      </c>
      <c r="D3425" s="45">
        <v>615</v>
      </c>
      <c r="E3425" s="46">
        <v>12.7</v>
      </c>
      <c r="F3425" s="46">
        <v>43.3</v>
      </c>
      <c r="G3425" s="46">
        <v>26.2</v>
      </c>
      <c r="H3425" s="46">
        <v>12</v>
      </c>
      <c r="I3425" s="46">
        <v>5.9</v>
      </c>
      <c r="J3425" s="46">
        <v>9.8000000000000007</v>
      </c>
      <c r="K3425" s="59">
        <v>50</v>
      </c>
    </row>
    <row r="3426" spans="1:25" ht="21.6" x14ac:dyDescent="0.2">
      <c r="B3426" s="77"/>
      <c r="C3426" s="39" t="s">
        <v>56</v>
      </c>
      <c r="D3426" s="45">
        <v>800</v>
      </c>
      <c r="E3426" s="46">
        <v>11.9</v>
      </c>
      <c r="F3426" s="46">
        <v>42</v>
      </c>
      <c r="G3426" s="46">
        <v>25.4</v>
      </c>
      <c r="H3426" s="46">
        <v>14.4</v>
      </c>
      <c r="I3426" s="46">
        <v>6.4</v>
      </c>
      <c r="J3426" s="46">
        <v>6.2</v>
      </c>
      <c r="K3426" s="59">
        <v>50</v>
      </c>
    </row>
    <row r="3427" spans="1:25" x14ac:dyDescent="0.2">
      <c r="B3427" s="77"/>
      <c r="C3427" s="40" t="s">
        <v>57</v>
      </c>
      <c r="D3427" s="48">
        <v>798</v>
      </c>
      <c r="E3427" s="49">
        <v>9.4</v>
      </c>
      <c r="F3427" s="49">
        <v>40.5</v>
      </c>
      <c r="G3427" s="49">
        <v>27.4</v>
      </c>
      <c r="H3427" s="49">
        <v>16.8</v>
      </c>
      <c r="I3427" s="49">
        <v>5.9</v>
      </c>
      <c r="J3427" s="49">
        <v>-0.9</v>
      </c>
      <c r="K3427" s="60">
        <v>50</v>
      </c>
    </row>
    <row r="3428" spans="1:25" x14ac:dyDescent="0.2">
      <c r="B3428" s="7" t="s">
        <v>71</v>
      </c>
      <c r="C3428" s="4" t="s">
        <v>171</v>
      </c>
    </row>
    <row r="3429" spans="1:25" x14ac:dyDescent="0.2">
      <c r="B3429" s="4"/>
      <c r="C3429" s="4" t="s">
        <v>73</v>
      </c>
    </row>
    <row r="3431" spans="1:25" x14ac:dyDescent="0.2">
      <c r="C3431" t="s">
        <v>35</v>
      </c>
    </row>
    <row r="3432" spans="1:25" x14ac:dyDescent="0.2">
      <c r="B3432" s="75" t="s">
        <v>323</v>
      </c>
      <c r="C3432" s="76"/>
      <c r="D3432" s="76"/>
      <c r="E3432" s="76"/>
      <c r="F3432" s="76"/>
      <c r="G3432" s="76"/>
      <c r="H3432" s="76"/>
      <c r="I3432" s="76"/>
      <c r="J3432" s="76"/>
      <c r="K3432" s="76"/>
      <c r="L3432" s="76"/>
      <c r="M3432" s="76"/>
      <c r="N3432" s="76"/>
      <c r="O3432" s="76"/>
      <c r="P3432" s="76"/>
      <c r="Q3432" s="76"/>
      <c r="R3432" s="76"/>
      <c r="S3432" s="76"/>
      <c r="T3432" s="76"/>
      <c r="U3432" s="76"/>
      <c r="V3432" s="76"/>
      <c r="W3432" s="76"/>
      <c r="X3432" s="76"/>
      <c r="Y3432" s="76"/>
    </row>
    <row r="3433" spans="1:25" s="32" customFormat="1" ht="68.849999999999994" customHeight="1" x14ac:dyDescent="0.15">
      <c r="A3433" s="31"/>
      <c r="D3433" s="33" t="s">
        <v>378</v>
      </c>
      <c r="E3433" s="36" t="s">
        <v>563</v>
      </c>
      <c r="F3433" s="55" t="s">
        <v>564</v>
      </c>
      <c r="G3433" s="55" t="s">
        <v>565</v>
      </c>
      <c r="H3433" s="55" t="s">
        <v>566</v>
      </c>
      <c r="I3433" s="55" t="s">
        <v>480</v>
      </c>
      <c r="J3433" s="56" t="s">
        <v>387</v>
      </c>
      <c r="K3433" s="57" t="s">
        <v>388</v>
      </c>
      <c r="L3433" s="54" t="s">
        <v>381</v>
      </c>
    </row>
    <row r="3434" spans="1:25" ht="21.6" x14ac:dyDescent="0.2">
      <c r="B3434" s="77" t="s">
        <v>37</v>
      </c>
      <c r="C3434" s="38" t="s">
        <v>58</v>
      </c>
      <c r="D3434" s="51">
        <v>609</v>
      </c>
      <c r="E3434" s="52">
        <v>11.7</v>
      </c>
      <c r="F3434" s="52">
        <v>39.6</v>
      </c>
      <c r="G3434" s="52">
        <v>27.1</v>
      </c>
      <c r="H3434" s="52">
        <v>14</v>
      </c>
      <c r="I3434" s="52">
        <v>7.7</v>
      </c>
      <c r="J3434" s="52">
        <v>4.3</v>
      </c>
      <c r="K3434" s="61">
        <v>50</v>
      </c>
    </row>
    <row r="3435" spans="1:25" ht="21.6" x14ac:dyDescent="0.2">
      <c r="B3435" s="77"/>
      <c r="C3435" s="39" t="s">
        <v>59</v>
      </c>
      <c r="D3435" s="45">
        <v>1391</v>
      </c>
      <c r="E3435" s="46">
        <v>9.9</v>
      </c>
      <c r="F3435" s="46">
        <v>40.700000000000003</v>
      </c>
      <c r="G3435" s="46">
        <v>26.2</v>
      </c>
      <c r="H3435" s="46">
        <v>15.5</v>
      </c>
      <c r="I3435" s="46">
        <v>7.6</v>
      </c>
      <c r="J3435" s="46">
        <v>1.8</v>
      </c>
      <c r="K3435" s="59">
        <v>50</v>
      </c>
    </row>
    <row r="3436" spans="1:25" x14ac:dyDescent="0.2">
      <c r="B3436" s="77"/>
      <c r="C3436" s="39" t="s">
        <v>60</v>
      </c>
      <c r="D3436" s="45">
        <v>1325</v>
      </c>
      <c r="E3436" s="46">
        <v>10.6</v>
      </c>
      <c r="F3436" s="46">
        <v>40.5</v>
      </c>
      <c r="G3436" s="46">
        <v>26.6</v>
      </c>
      <c r="H3436" s="46">
        <v>14.5</v>
      </c>
      <c r="I3436" s="46">
        <v>7.8</v>
      </c>
      <c r="J3436" s="46">
        <v>3.3</v>
      </c>
      <c r="K3436" s="59">
        <v>50</v>
      </c>
    </row>
    <row r="3437" spans="1:25" x14ac:dyDescent="0.2">
      <c r="B3437" s="77"/>
      <c r="C3437" s="39" t="s">
        <v>61</v>
      </c>
      <c r="D3437" s="45">
        <v>675</v>
      </c>
      <c r="E3437" s="46">
        <v>10.1</v>
      </c>
      <c r="F3437" s="46">
        <v>40.1</v>
      </c>
      <c r="G3437" s="46">
        <v>26.2</v>
      </c>
      <c r="H3437" s="46">
        <v>16.100000000000001</v>
      </c>
      <c r="I3437" s="46">
        <v>7.4</v>
      </c>
      <c r="J3437" s="46">
        <v>1</v>
      </c>
      <c r="K3437" s="59">
        <v>50</v>
      </c>
    </row>
    <row r="3438" spans="1:25" x14ac:dyDescent="0.2">
      <c r="B3438" s="77"/>
      <c r="C3438" s="39" t="s">
        <v>62</v>
      </c>
      <c r="D3438" s="45">
        <v>1086</v>
      </c>
      <c r="E3438" s="46">
        <v>8.4</v>
      </c>
      <c r="F3438" s="46">
        <v>34.6</v>
      </c>
      <c r="G3438" s="46">
        <v>31</v>
      </c>
      <c r="H3438" s="46">
        <v>17.100000000000001</v>
      </c>
      <c r="I3438" s="46">
        <v>8.8000000000000007</v>
      </c>
      <c r="J3438" s="46">
        <v>-7.6</v>
      </c>
      <c r="K3438" s="59">
        <v>-50</v>
      </c>
    </row>
    <row r="3439" spans="1:25" ht="21.6" x14ac:dyDescent="0.2">
      <c r="B3439" s="77"/>
      <c r="C3439" s="39" t="s">
        <v>63</v>
      </c>
      <c r="D3439" s="45">
        <v>203</v>
      </c>
      <c r="E3439" s="46">
        <v>10.8</v>
      </c>
      <c r="F3439" s="46">
        <v>31</v>
      </c>
      <c r="G3439" s="46">
        <v>32</v>
      </c>
      <c r="H3439" s="46">
        <v>12.3</v>
      </c>
      <c r="I3439" s="46">
        <v>13.8</v>
      </c>
      <c r="J3439" s="46">
        <v>-2.2999999999999998</v>
      </c>
      <c r="K3439" s="59">
        <v>-50</v>
      </c>
    </row>
    <row r="3440" spans="1:25" x14ac:dyDescent="0.2">
      <c r="B3440" s="77"/>
      <c r="C3440" s="39" t="s">
        <v>64</v>
      </c>
      <c r="D3440" s="45">
        <v>263</v>
      </c>
      <c r="E3440" s="46">
        <v>10.3</v>
      </c>
      <c r="F3440" s="46">
        <v>31.6</v>
      </c>
      <c r="G3440" s="46">
        <v>33.5</v>
      </c>
      <c r="H3440" s="46">
        <v>17.5</v>
      </c>
      <c r="I3440" s="46">
        <v>7.2</v>
      </c>
      <c r="J3440" s="46">
        <v>-8.8000000000000007</v>
      </c>
      <c r="K3440" s="59">
        <v>-50</v>
      </c>
    </row>
    <row r="3441" spans="2:11" x14ac:dyDescent="0.2">
      <c r="B3441" s="77"/>
      <c r="C3441" s="39" t="s">
        <v>65</v>
      </c>
      <c r="D3441" s="45">
        <v>312</v>
      </c>
      <c r="E3441" s="46">
        <v>5.4</v>
      </c>
      <c r="F3441" s="46">
        <v>36.5</v>
      </c>
      <c r="G3441" s="46">
        <v>29.5</v>
      </c>
      <c r="H3441" s="46">
        <v>19.2</v>
      </c>
      <c r="I3441" s="46">
        <v>9.3000000000000007</v>
      </c>
      <c r="J3441" s="46">
        <v>-11.3</v>
      </c>
      <c r="K3441" s="59">
        <v>-50</v>
      </c>
    </row>
    <row r="3442" spans="2:11" x14ac:dyDescent="0.2">
      <c r="B3442" s="77"/>
      <c r="C3442" s="39" t="s">
        <v>66</v>
      </c>
      <c r="D3442" s="45">
        <v>230</v>
      </c>
      <c r="E3442" s="46">
        <v>7</v>
      </c>
      <c r="F3442" s="46">
        <v>34.799999999999997</v>
      </c>
      <c r="G3442" s="46">
        <v>30</v>
      </c>
      <c r="H3442" s="46">
        <v>21.3</v>
      </c>
      <c r="I3442" s="46">
        <v>7</v>
      </c>
      <c r="J3442" s="46">
        <v>-12.9</v>
      </c>
      <c r="K3442" s="59">
        <v>-50</v>
      </c>
    </row>
    <row r="3443" spans="2:11" x14ac:dyDescent="0.2">
      <c r="B3443" s="77"/>
      <c r="C3443" s="39" t="s">
        <v>67</v>
      </c>
      <c r="D3443" s="45">
        <v>78</v>
      </c>
      <c r="E3443" s="46">
        <v>11.5</v>
      </c>
      <c r="F3443" s="46">
        <v>46.2</v>
      </c>
      <c r="G3443" s="46">
        <v>29.5</v>
      </c>
      <c r="H3443" s="46">
        <v>7.7</v>
      </c>
      <c r="I3443" s="46">
        <v>5.0999999999999996</v>
      </c>
      <c r="J3443" s="46">
        <v>12.8</v>
      </c>
      <c r="K3443" s="59">
        <v>50</v>
      </c>
    </row>
    <row r="3444" spans="2:11" x14ac:dyDescent="0.2">
      <c r="B3444" s="77"/>
      <c r="C3444" s="39" t="s">
        <v>68</v>
      </c>
      <c r="D3444" s="45">
        <v>897</v>
      </c>
      <c r="E3444" s="46">
        <v>8.6</v>
      </c>
      <c r="F3444" s="46">
        <v>34.4</v>
      </c>
      <c r="G3444" s="46">
        <v>31.5</v>
      </c>
      <c r="H3444" s="46">
        <v>17.600000000000001</v>
      </c>
      <c r="I3444" s="46">
        <v>7.8</v>
      </c>
      <c r="J3444" s="46">
        <v>-8.1999999999999993</v>
      </c>
      <c r="K3444" s="59">
        <v>-50</v>
      </c>
    </row>
    <row r="3445" spans="2:11" x14ac:dyDescent="0.2">
      <c r="B3445" s="77"/>
      <c r="C3445" s="39" t="s">
        <v>69</v>
      </c>
      <c r="D3445" s="45">
        <v>189</v>
      </c>
      <c r="E3445" s="46">
        <v>7.4</v>
      </c>
      <c r="F3445" s="46">
        <v>35.4</v>
      </c>
      <c r="G3445" s="46">
        <v>28.6</v>
      </c>
      <c r="H3445" s="46">
        <v>14.8</v>
      </c>
      <c r="I3445" s="46">
        <v>13.8</v>
      </c>
      <c r="J3445" s="46">
        <v>-4.5999999999999996</v>
      </c>
      <c r="K3445" s="59">
        <v>-50</v>
      </c>
    </row>
    <row r="3446" spans="2:11" x14ac:dyDescent="0.2">
      <c r="B3446" s="77"/>
      <c r="C3446" s="39" t="s">
        <v>70</v>
      </c>
      <c r="D3446" s="45">
        <v>914</v>
      </c>
      <c r="E3446" s="46">
        <v>12.9</v>
      </c>
      <c r="F3446" s="46">
        <v>47.2</v>
      </c>
      <c r="G3446" s="46">
        <v>21.1</v>
      </c>
      <c r="H3446" s="46">
        <v>12.6</v>
      </c>
      <c r="I3446" s="46">
        <v>6.2</v>
      </c>
      <c r="J3446" s="46">
        <v>14.2</v>
      </c>
      <c r="K3446" s="59">
        <v>50</v>
      </c>
    </row>
    <row r="3447" spans="2:11" ht="21.6" x14ac:dyDescent="0.2">
      <c r="B3447" s="77"/>
      <c r="C3447" s="39" t="s">
        <v>63</v>
      </c>
      <c r="D3447" s="45">
        <v>193</v>
      </c>
      <c r="E3447" s="46">
        <v>14.5</v>
      </c>
      <c r="F3447" s="46">
        <v>48.2</v>
      </c>
      <c r="G3447" s="46">
        <v>20.7</v>
      </c>
      <c r="H3447" s="46">
        <v>8.8000000000000007</v>
      </c>
      <c r="I3447" s="46">
        <v>7.8</v>
      </c>
      <c r="J3447" s="46">
        <v>21.1</v>
      </c>
      <c r="K3447" s="59">
        <v>50</v>
      </c>
    </row>
    <row r="3448" spans="2:11" x14ac:dyDescent="0.2">
      <c r="B3448" s="77"/>
      <c r="C3448" s="39" t="s">
        <v>64</v>
      </c>
      <c r="D3448" s="45">
        <v>203</v>
      </c>
      <c r="E3448" s="46">
        <v>13.8</v>
      </c>
      <c r="F3448" s="46">
        <v>39.9</v>
      </c>
      <c r="G3448" s="46">
        <v>24.1</v>
      </c>
      <c r="H3448" s="46">
        <v>16.7</v>
      </c>
      <c r="I3448" s="46">
        <v>5.4</v>
      </c>
      <c r="J3448" s="46">
        <v>5.2</v>
      </c>
      <c r="K3448" s="59">
        <v>50</v>
      </c>
    </row>
    <row r="3449" spans="2:11" x14ac:dyDescent="0.2">
      <c r="B3449" s="77"/>
      <c r="C3449" s="39" t="s">
        <v>65</v>
      </c>
      <c r="D3449" s="45">
        <v>263</v>
      </c>
      <c r="E3449" s="46">
        <v>10.3</v>
      </c>
      <c r="F3449" s="46">
        <v>49.4</v>
      </c>
      <c r="G3449" s="46">
        <v>21.3</v>
      </c>
      <c r="H3449" s="46">
        <v>12.2</v>
      </c>
      <c r="I3449" s="46">
        <v>6.8</v>
      </c>
      <c r="J3449" s="46">
        <v>13.1</v>
      </c>
      <c r="K3449" s="59">
        <v>50</v>
      </c>
    </row>
    <row r="3450" spans="2:11" x14ac:dyDescent="0.2">
      <c r="B3450" s="77"/>
      <c r="C3450" s="39" t="s">
        <v>66</v>
      </c>
      <c r="D3450" s="45">
        <v>194</v>
      </c>
      <c r="E3450" s="46">
        <v>15.5</v>
      </c>
      <c r="F3450" s="46">
        <v>50.5</v>
      </c>
      <c r="G3450" s="46">
        <v>15.5</v>
      </c>
      <c r="H3450" s="46">
        <v>14.4</v>
      </c>
      <c r="I3450" s="46">
        <v>4.0999999999999996</v>
      </c>
      <c r="J3450" s="46">
        <v>19.399999999999999</v>
      </c>
      <c r="K3450" s="59">
        <v>50</v>
      </c>
    </row>
    <row r="3451" spans="2:11" x14ac:dyDescent="0.2">
      <c r="B3451" s="77"/>
      <c r="C3451" s="39" t="s">
        <v>67</v>
      </c>
      <c r="D3451" s="45">
        <v>61</v>
      </c>
      <c r="E3451" s="46">
        <v>8.1999999999999993</v>
      </c>
      <c r="F3451" s="46">
        <v>47.5</v>
      </c>
      <c r="G3451" s="46">
        <v>29.5</v>
      </c>
      <c r="H3451" s="46">
        <v>6.6</v>
      </c>
      <c r="I3451" s="46">
        <v>8.1999999999999993</v>
      </c>
      <c r="J3451" s="46">
        <v>11.6</v>
      </c>
      <c r="K3451" s="59">
        <v>50</v>
      </c>
    </row>
    <row r="3452" spans="2:11" x14ac:dyDescent="0.2">
      <c r="B3452" s="77"/>
      <c r="C3452" s="39" t="s">
        <v>68</v>
      </c>
      <c r="D3452" s="45">
        <v>416</v>
      </c>
      <c r="E3452" s="46">
        <v>12.7</v>
      </c>
      <c r="F3452" s="46">
        <v>47.6</v>
      </c>
      <c r="G3452" s="46">
        <v>21.9</v>
      </c>
      <c r="H3452" s="46">
        <v>13</v>
      </c>
      <c r="I3452" s="46">
        <v>4.8</v>
      </c>
      <c r="J3452" s="46">
        <v>13.3</v>
      </c>
      <c r="K3452" s="59">
        <v>50</v>
      </c>
    </row>
    <row r="3453" spans="2:11" x14ac:dyDescent="0.2">
      <c r="B3453" s="77"/>
      <c r="C3453" s="40" t="s">
        <v>69</v>
      </c>
      <c r="D3453" s="48">
        <v>498</v>
      </c>
      <c r="E3453" s="49">
        <v>13.1</v>
      </c>
      <c r="F3453" s="49">
        <v>46.8</v>
      </c>
      <c r="G3453" s="49">
        <v>20.5</v>
      </c>
      <c r="H3453" s="49">
        <v>12.2</v>
      </c>
      <c r="I3453" s="49">
        <v>7.4</v>
      </c>
      <c r="J3453" s="49">
        <v>15.1</v>
      </c>
      <c r="K3453" s="60">
        <v>50</v>
      </c>
    </row>
    <row r="3454" spans="2:11" x14ac:dyDescent="0.2">
      <c r="B3454" s="7" t="s">
        <v>71</v>
      </c>
      <c r="C3454" s="4" t="s">
        <v>171</v>
      </c>
    </row>
    <row r="3455" spans="2:11" x14ac:dyDescent="0.2">
      <c r="B3455" s="4"/>
      <c r="C3455" s="4" t="s">
        <v>73</v>
      </c>
    </row>
    <row r="3457" spans="1:25" x14ac:dyDescent="0.2">
      <c r="A3457" s="26" t="s">
        <v>25</v>
      </c>
      <c r="B3457" t="s">
        <v>35</v>
      </c>
      <c r="C3457" t="s">
        <v>35</v>
      </c>
    </row>
    <row r="3458" spans="1:25" x14ac:dyDescent="0.2">
      <c r="B3458" s="75" t="s">
        <v>172</v>
      </c>
      <c r="C3458" s="76"/>
      <c r="D3458" s="76"/>
      <c r="E3458" s="76"/>
      <c r="F3458" s="76"/>
      <c r="G3458" s="76"/>
      <c r="H3458" s="76"/>
      <c r="I3458" s="76"/>
      <c r="J3458" s="76"/>
      <c r="K3458" s="76"/>
      <c r="L3458" s="76"/>
      <c r="M3458" s="76"/>
      <c r="N3458" s="76"/>
      <c r="O3458" s="76"/>
      <c r="P3458" s="76"/>
      <c r="Q3458" s="76"/>
      <c r="R3458" s="76"/>
      <c r="S3458" s="76"/>
      <c r="T3458" s="76"/>
      <c r="U3458" s="76"/>
      <c r="V3458" s="76"/>
      <c r="W3458" s="76"/>
      <c r="X3458" s="76"/>
      <c r="Y3458" s="76"/>
    </row>
    <row r="3459" spans="1:25" s="32" customFormat="1" ht="36.450000000000003" customHeight="1" x14ac:dyDescent="0.15">
      <c r="A3459" s="31"/>
      <c r="D3459" s="33" t="s">
        <v>378</v>
      </c>
      <c r="E3459" s="36" t="s">
        <v>567</v>
      </c>
      <c r="F3459" s="55" t="s">
        <v>568</v>
      </c>
      <c r="G3459" s="37" t="s">
        <v>480</v>
      </c>
      <c r="H3459" s="35" t="s">
        <v>381</v>
      </c>
    </row>
    <row r="3460" spans="1:25" x14ac:dyDescent="0.2">
      <c r="B3460" s="5"/>
      <c r="C3460" s="41" t="s">
        <v>38</v>
      </c>
      <c r="D3460" s="42">
        <v>2000</v>
      </c>
      <c r="E3460" s="43">
        <v>43.9</v>
      </c>
      <c r="F3460" s="43">
        <v>48.6</v>
      </c>
      <c r="G3460" s="44">
        <v>7.5</v>
      </c>
    </row>
    <row r="3461" spans="1:25" x14ac:dyDescent="0.2">
      <c r="B3461" s="77" t="s">
        <v>37</v>
      </c>
      <c r="C3461" s="39" t="s">
        <v>39</v>
      </c>
      <c r="D3461" s="45">
        <v>111</v>
      </c>
      <c r="E3461" s="46">
        <v>45</v>
      </c>
      <c r="F3461" s="46">
        <v>48.6</v>
      </c>
      <c r="G3461" s="47">
        <v>6.3</v>
      </c>
    </row>
    <row r="3462" spans="1:25" x14ac:dyDescent="0.2">
      <c r="B3462" s="77"/>
      <c r="C3462" s="39" t="s">
        <v>40</v>
      </c>
      <c r="D3462" s="45">
        <v>450</v>
      </c>
      <c r="E3462" s="46">
        <v>38.4</v>
      </c>
      <c r="F3462" s="46">
        <v>55.8</v>
      </c>
      <c r="G3462" s="47">
        <v>5.8</v>
      </c>
    </row>
    <row r="3463" spans="1:25" ht="21.6" x14ac:dyDescent="0.2">
      <c r="B3463" s="77"/>
      <c r="C3463" s="39" t="s">
        <v>41</v>
      </c>
      <c r="D3463" s="45">
        <v>30</v>
      </c>
      <c r="E3463" s="46">
        <v>50</v>
      </c>
      <c r="F3463" s="46">
        <v>40</v>
      </c>
      <c r="G3463" s="47">
        <v>10</v>
      </c>
    </row>
    <row r="3464" spans="1:25" ht="21.6" x14ac:dyDescent="0.2">
      <c r="B3464" s="77"/>
      <c r="C3464" s="39" t="s">
        <v>42</v>
      </c>
      <c r="D3464" s="45">
        <v>336</v>
      </c>
      <c r="E3464" s="46">
        <v>43.5</v>
      </c>
      <c r="F3464" s="46">
        <v>50</v>
      </c>
      <c r="G3464" s="47">
        <v>6.5</v>
      </c>
    </row>
    <row r="3465" spans="1:25" ht="21.6" x14ac:dyDescent="0.2">
      <c r="B3465" s="77"/>
      <c r="C3465" s="39" t="s">
        <v>43</v>
      </c>
      <c r="D3465" s="45">
        <v>327</v>
      </c>
      <c r="E3465" s="46">
        <v>48</v>
      </c>
      <c r="F3465" s="46">
        <v>42.5</v>
      </c>
      <c r="G3465" s="47">
        <v>9.5</v>
      </c>
    </row>
    <row r="3466" spans="1:25" ht="21.6" x14ac:dyDescent="0.2">
      <c r="B3466" s="77"/>
      <c r="C3466" s="39" t="s">
        <v>44</v>
      </c>
      <c r="D3466" s="45">
        <v>181</v>
      </c>
      <c r="E3466" s="46">
        <v>41.4</v>
      </c>
      <c r="F3466" s="46">
        <v>52.5</v>
      </c>
      <c r="G3466" s="47">
        <v>6.1</v>
      </c>
    </row>
    <row r="3467" spans="1:25" ht="21.6" x14ac:dyDescent="0.2">
      <c r="B3467" s="77"/>
      <c r="C3467" s="39" t="s">
        <v>45</v>
      </c>
      <c r="D3467" s="45">
        <v>565</v>
      </c>
      <c r="E3467" s="46">
        <v>46.4</v>
      </c>
      <c r="F3467" s="46">
        <v>44.8</v>
      </c>
      <c r="G3467" s="47">
        <v>8.8000000000000007</v>
      </c>
    </row>
    <row r="3468" spans="1:25" ht="21.6" x14ac:dyDescent="0.2">
      <c r="B3468" s="77"/>
      <c r="C3468" s="39" t="s">
        <v>46</v>
      </c>
      <c r="D3468" s="45">
        <v>473</v>
      </c>
      <c r="E3468" s="46">
        <v>36.4</v>
      </c>
      <c r="F3468" s="46">
        <v>56</v>
      </c>
      <c r="G3468" s="47">
        <v>7.6</v>
      </c>
    </row>
    <row r="3469" spans="1:25" ht="21.6" x14ac:dyDescent="0.2">
      <c r="B3469" s="77"/>
      <c r="C3469" s="39" t="s">
        <v>47</v>
      </c>
      <c r="D3469" s="45">
        <v>441</v>
      </c>
      <c r="E3469" s="46">
        <v>49.7</v>
      </c>
      <c r="F3469" s="46">
        <v>44</v>
      </c>
      <c r="G3469" s="47">
        <v>6.3</v>
      </c>
    </row>
    <row r="3470" spans="1:25" ht="21.6" x14ac:dyDescent="0.2">
      <c r="B3470" s="77"/>
      <c r="C3470" s="39" t="s">
        <v>48</v>
      </c>
      <c r="D3470" s="45">
        <v>305</v>
      </c>
      <c r="E3470" s="46">
        <v>45.2</v>
      </c>
      <c r="F3470" s="46">
        <v>51.5</v>
      </c>
      <c r="G3470" s="47">
        <v>3.3</v>
      </c>
    </row>
    <row r="3471" spans="1:25" ht="21.6" x14ac:dyDescent="0.2">
      <c r="B3471" s="77"/>
      <c r="C3471" s="39" t="s">
        <v>49</v>
      </c>
      <c r="D3471" s="45">
        <v>223</v>
      </c>
      <c r="E3471" s="46">
        <v>50.7</v>
      </c>
      <c r="F3471" s="46">
        <v>47.1</v>
      </c>
      <c r="G3471" s="47">
        <v>2.2000000000000002</v>
      </c>
    </row>
    <row r="3472" spans="1:25" ht="21.6" x14ac:dyDescent="0.2">
      <c r="B3472" s="77"/>
      <c r="C3472" s="39" t="s">
        <v>50</v>
      </c>
      <c r="D3472" s="45">
        <v>123</v>
      </c>
      <c r="E3472" s="46">
        <v>56.1</v>
      </c>
      <c r="F3472" s="46">
        <v>41.5</v>
      </c>
      <c r="G3472" s="47">
        <v>2.4</v>
      </c>
    </row>
    <row r="3473" spans="1:25" ht="21.6" x14ac:dyDescent="0.2">
      <c r="B3473" s="77"/>
      <c r="C3473" s="39" t="s">
        <v>51</v>
      </c>
      <c r="D3473" s="45">
        <v>124</v>
      </c>
      <c r="E3473" s="46">
        <v>56.5</v>
      </c>
      <c r="F3473" s="46">
        <v>37.9</v>
      </c>
      <c r="G3473" s="47">
        <v>5.6</v>
      </c>
    </row>
    <row r="3474" spans="1:25" ht="21.6" x14ac:dyDescent="0.2">
      <c r="B3474" s="77"/>
      <c r="C3474" s="39" t="s">
        <v>52</v>
      </c>
      <c r="D3474" s="45">
        <v>312</v>
      </c>
      <c r="E3474" s="46">
        <v>44.6</v>
      </c>
      <c r="F3474" s="46">
        <v>45.8</v>
      </c>
      <c r="G3474" s="47">
        <v>9.6</v>
      </c>
    </row>
    <row r="3475" spans="1:25" x14ac:dyDescent="0.2">
      <c r="B3475" s="77"/>
      <c r="C3475" s="39" t="s">
        <v>53</v>
      </c>
      <c r="D3475" s="45">
        <v>269</v>
      </c>
      <c r="E3475" s="46">
        <v>39.4</v>
      </c>
      <c r="F3475" s="46">
        <v>55</v>
      </c>
      <c r="G3475" s="47">
        <v>5.6</v>
      </c>
    </row>
    <row r="3476" spans="1:25" ht="21.6" x14ac:dyDescent="0.2">
      <c r="B3476" s="77"/>
      <c r="C3476" s="39" t="s">
        <v>54</v>
      </c>
      <c r="D3476" s="45">
        <v>511</v>
      </c>
      <c r="E3476" s="46">
        <v>44.2</v>
      </c>
      <c r="F3476" s="46">
        <v>50.7</v>
      </c>
      <c r="G3476" s="47">
        <v>5.0999999999999996</v>
      </c>
    </row>
    <row r="3477" spans="1:25" ht="21.6" x14ac:dyDescent="0.2">
      <c r="B3477" s="77"/>
      <c r="C3477" s="39" t="s">
        <v>55</v>
      </c>
      <c r="D3477" s="45">
        <v>615</v>
      </c>
      <c r="E3477" s="46">
        <v>48.9</v>
      </c>
      <c r="F3477" s="46">
        <v>46.5</v>
      </c>
      <c r="G3477" s="47">
        <v>4.5999999999999996</v>
      </c>
    </row>
    <row r="3478" spans="1:25" ht="21.6" x14ac:dyDescent="0.2">
      <c r="B3478" s="77"/>
      <c r="C3478" s="39" t="s">
        <v>56</v>
      </c>
      <c r="D3478" s="45">
        <v>800</v>
      </c>
      <c r="E3478" s="46">
        <v>47.9</v>
      </c>
      <c r="F3478" s="46">
        <v>46.5</v>
      </c>
      <c r="G3478" s="47">
        <v>5.6</v>
      </c>
    </row>
    <row r="3479" spans="1:25" x14ac:dyDescent="0.2">
      <c r="B3479" s="77"/>
      <c r="C3479" s="40" t="s">
        <v>57</v>
      </c>
      <c r="D3479" s="48">
        <v>798</v>
      </c>
      <c r="E3479" s="49">
        <v>44.2</v>
      </c>
      <c r="F3479" s="49">
        <v>49.9</v>
      </c>
      <c r="G3479" s="50">
        <v>5.9</v>
      </c>
    </row>
    <row r="3481" spans="1:25" x14ac:dyDescent="0.2">
      <c r="C3481" t="s">
        <v>35</v>
      </c>
    </row>
    <row r="3482" spans="1:25" x14ac:dyDescent="0.2">
      <c r="B3482" s="75" t="s">
        <v>324</v>
      </c>
      <c r="C3482" s="76"/>
      <c r="D3482" s="76"/>
      <c r="E3482" s="76"/>
      <c r="F3482" s="76"/>
      <c r="G3482" s="76"/>
      <c r="H3482" s="76"/>
      <c r="I3482" s="76"/>
      <c r="J3482" s="76"/>
      <c r="K3482" s="76"/>
      <c r="L3482" s="76"/>
      <c r="M3482" s="76"/>
      <c r="N3482" s="76"/>
      <c r="O3482" s="76"/>
      <c r="P3482" s="76"/>
      <c r="Q3482" s="76"/>
      <c r="R3482" s="76"/>
      <c r="S3482" s="76"/>
      <c r="T3482" s="76"/>
      <c r="U3482" s="76"/>
      <c r="V3482" s="76"/>
      <c r="W3482" s="76"/>
      <c r="X3482" s="76"/>
      <c r="Y3482" s="76"/>
    </row>
    <row r="3483" spans="1:25" s="32" customFormat="1" ht="36.450000000000003" customHeight="1" x14ac:dyDescent="0.15">
      <c r="A3483" s="31"/>
      <c r="D3483" s="33" t="s">
        <v>378</v>
      </c>
      <c r="E3483" s="36" t="s">
        <v>567</v>
      </c>
      <c r="F3483" s="55" t="s">
        <v>568</v>
      </c>
      <c r="G3483" s="37" t="s">
        <v>480</v>
      </c>
      <c r="H3483" s="35" t="s">
        <v>381</v>
      </c>
    </row>
    <row r="3484" spans="1:25" ht="21.6" x14ac:dyDescent="0.2">
      <c r="B3484" s="77" t="s">
        <v>37</v>
      </c>
      <c r="C3484" s="38" t="s">
        <v>58</v>
      </c>
      <c r="D3484" s="51">
        <v>609</v>
      </c>
      <c r="E3484" s="52">
        <v>47.6</v>
      </c>
      <c r="F3484" s="52">
        <v>46.1</v>
      </c>
      <c r="G3484" s="53">
        <v>6.2</v>
      </c>
    </row>
    <row r="3485" spans="1:25" ht="21.6" x14ac:dyDescent="0.2">
      <c r="B3485" s="77"/>
      <c r="C3485" s="39" t="s">
        <v>59</v>
      </c>
      <c r="D3485" s="45">
        <v>1391</v>
      </c>
      <c r="E3485" s="46">
        <v>42.3</v>
      </c>
      <c r="F3485" s="46">
        <v>49.7</v>
      </c>
      <c r="G3485" s="47">
        <v>8.1</v>
      </c>
    </row>
    <row r="3486" spans="1:25" x14ac:dyDescent="0.2">
      <c r="B3486" s="77"/>
      <c r="C3486" s="39" t="s">
        <v>60</v>
      </c>
      <c r="D3486" s="45">
        <v>1325</v>
      </c>
      <c r="E3486" s="46">
        <v>44.5</v>
      </c>
      <c r="F3486" s="46">
        <v>48.5</v>
      </c>
      <c r="G3486" s="47">
        <v>7</v>
      </c>
    </row>
    <row r="3487" spans="1:25" x14ac:dyDescent="0.2">
      <c r="B3487" s="77"/>
      <c r="C3487" s="39" t="s">
        <v>61</v>
      </c>
      <c r="D3487" s="45">
        <v>675</v>
      </c>
      <c r="E3487" s="46">
        <v>42.8</v>
      </c>
      <c r="F3487" s="46">
        <v>48.7</v>
      </c>
      <c r="G3487" s="47">
        <v>8.4</v>
      </c>
    </row>
    <row r="3488" spans="1:25" x14ac:dyDescent="0.2">
      <c r="B3488" s="77"/>
      <c r="C3488" s="39" t="s">
        <v>62</v>
      </c>
      <c r="D3488" s="45">
        <v>1086</v>
      </c>
      <c r="E3488" s="46">
        <v>40.5</v>
      </c>
      <c r="F3488" s="46">
        <v>51.7</v>
      </c>
      <c r="G3488" s="47">
        <v>7.8</v>
      </c>
    </row>
    <row r="3489" spans="2:7" ht="21.6" x14ac:dyDescent="0.2">
      <c r="B3489" s="77"/>
      <c r="C3489" s="39" t="s">
        <v>63</v>
      </c>
      <c r="D3489" s="45">
        <v>203</v>
      </c>
      <c r="E3489" s="46">
        <v>39.9</v>
      </c>
      <c r="F3489" s="46">
        <v>47.8</v>
      </c>
      <c r="G3489" s="47">
        <v>12.3</v>
      </c>
    </row>
    <row r="3490" spans="2:7" x14ac:dyDescent="0.2">
      <c r="B3490" s="77"/>
      <c r="C3490" s="39" t="s">
        <v>64</v>
      </c>
      <c r="D3490" s="45">
        <v>263</v>
      </c>
      <c r="E3490" s="46">
        <v>43.3</v>
      </c>
      <c r="F3490" s="46">
        <v>51.7</v>
      </c>
      <c r="G3490" s="47">
        <v>4.9000000000000004</v>
      </c>
    </row>
    <row r="3491" spans="2:7" x14ac:dyDescent="0.2">
      <c r="B3491" s="77"/>
      <c r="C3491" s="39" t="s">
        <v>65</v>
      </c>
      <c r="D3491" s="45">
        <v>312</v>
      </c>
      <c r="E3491" s="46">
        <v>38.799999999999997</v>
      </c>
      <c r="F3491" s="46">
        <v>51.9</v>
      </c>
      <c r="G3491" s="47">
        <v>9.3000000000000007</v>
      </c>
    </row>
    <row r="3492" spans="2:7" x14ac:dyDescent="0.2">
      <c r="B3492" s="77"/>
      <c r="C3492" s="39" t="s">
        <v>66</v>
      </c>
      <c r="D3492" s="45">
        <v>230</v>
      </c>
      <c r="E3492" s="46">
        <v>37</v>
      </c>
      <c r="F3492" s="46">
        <v>56.5</v>
      </c>
      <c r="G3492" s="47">
        <v>6.5</v>
      </c>
    </row>
    <row r="3493" spans="2:7" x14ac:dyDescent="0.2">
      <c r="B3493" s="77"/>
      <c r="C3493" s="39" t="s">
        <v>67</v>
      </c>
      <c r="D3493" s="45">
        <v>78</v>
      </c>
      <c r="E3493" s="46">
        <v>50</v>
      </c>
      <c r="F3493" s="46">
        <v>46.2</v>
      </c>
      <c r="G3493" s="47">
        <v>3.8</v>
      </c>
    </row>
    <row r="3494" spans="2:7" x14ac:dyDescent="0.2">
      <c r="B3494" s="77"/>
      <c r="C3494" s="39" t="s">
        <v>68</v>
      </c>
      <c r="D3494" s="45">
        <v>897</v>
      </c>
      <c r="E3494" s="46">
        <v>41.6</v>
      </c>
      <c r="F3494" s="46">
        <v>51.4</v>
      </c>
      <c r="G3494" s="47">
        <v>7</v>
      </c>
    </row>
    <row r="3495" spans="2:7" x14ac:dyDescent="0.2">
      <c r="B3495" s="77"/>
      <c r="C3495" s="39" t="s">
        <v>69</v>
      </c>
      <c r="D3495" s="45">
        <v>189</v>
      </c>
      <c r="E3495" s="46">
        <v>35.4</v>
      </c>
      <c r="F3495" s="46">
        <v>52.9</v>
      </c>
      <c r="G3495" s="47">
        <v>11.6</v>
      </c>
    </row>
    <row r="3496" spans="2:7" x14ac:dyDescent="0.2">
      <c r="B3496" s="77"/>
      <c r="C3496" s="39" t="s">
        <v>70</v>
      </c>
      <c r="D3496" s="45">
        <v>914</v>
      </c>
      <c r="E3496" s="46">
        <v>47.9</v>
      </c>
      <c r="F3496" s="46">
        <v>45</v>
      </c>
      <c r="G3496" s="47">
        <v>7.1</v>
      </c>
    </row>
    <row r="3497" spans="2:7" ht="21.6" x14ac:dyDescent="0.2">
      <c r="B3497" s="77"/>
      <c r="C3497" s="39" t="s">
        <v>63</v>
      </c>
      <c r="D3497" s="45">
        <v>193</v>
      </c>
      <c r="E3497" s="46">
        <v>49.2</v>
      </c>
      <c r="F3497" s="46">
        <v>40.4</v>
      </c>
      <c r="G3497" s="47">
        <v>10.4</v>
      </c>
    </row>
    <row r="3498" spans="2:7" x14ac:dyDescent="0.2">
      <c r="B3498" s="77"/>
      <c r="C3498" s="39" t="s">
        <v>64</v>
      </c>
      <c r="D3498" s="45">
        <v>203</v>
      </c>
      <c r="E3498" s="46">
        <v>46.3</v>
      </c>
      <c r="F3498" s="46">
        <v>48.3</v>
      </c>
      <c r="G3498" s="47">
        <v>5.4</v>
      </c>
    </row>
    <row r="3499" spans="2:7" x14ac:dyDescent="0.2">
      <c r="B3499" s="77"/>
      <c r="C3499" s="39" t="s">
        <v>65</v>
      </c>
      <c r="D3499" s="45">
        <v>263</v>
      </c>
      <c r="E3499" s="46">
        <v>43</v>
      </c>
      <c r="F3499" s="46">
        <v>50.6</v>
      </c>
      <c r="G3499" s="47">
        <v>6.5</v>
      </c>
    </row>
    <row r="3500" spans="2:7" x14ac:dyDescent="0.2">
      <c r="B3500" s="77"/>
      <c r="C3500" s="39" t="s">
        <v>66</v>
      </c>
      <c r="D3500" s="45">
        <v>194</v>
      </c>
      <c r="E3500" s="46">
        <v>51.5</v>
      </c>
      <c r="F3500" s="46">
        <v>41.2</v>
      </c>
      <c r="G3500" s="47">
        <v>7.2</v>
      </c>
    </row>
    <row r="3501" spans="2:7" x14ac:dyDescent="0.2">
      <c r="B3501" s="77"/>
      <c r="C3501" s="39" t="s">
        <v>67</v>
      </c>
      <c r="D3501" s="45">
        <v>61</v>
      </c>
      <c r="E3501" s="46">
        <v>59</v>
      </c>
      <c r="F3501" s="46">
        <v>36.1</v>
      </c>
      <c r="G3501" s="47">
        <v>4.9000000000000004</v>
      </c>
    </row>
    <row r="3502" spans="2:7" x14ac:dyDescent="0.2">
      <c r="B3502" s="77"/>
      <c r="C3502" s="39" t="s">
        <v>68</v>
      </c>
      <c r="D3502" s="45">
        <v>416</v>
      </c>
      <c r="E3502" s="46">
        <v>50.2</v>
      </c>
      <c r="F3502" s="46">
        <v>43.3</v>
      </c>
      <c r="G3502" s="47">
        <v>6.5</v>
      </c>
    </row>
    <row r="3503" spans="2:7" x14ac:dyDescent="0.2">
      <c r="B3503" s="77"/>
      <c r="C3503" s="40" t="s">
        <v>69</v>
      </c>
      <c r="D3503" s="48">
        <v>498</v>
      </c>
      <c r="E3503" s="49">
        <v>46</v>
      </c>
      <c r="F3503" s="49">
        <v>46.4</v>
      </c>
      <c r="G3503" s="50">
        <v>7.6</v>
      </c>
    </row>
    <row r="3505" spans="1:25" x14ac:dyDescent="0.2">
      <c r="A3505" s="26" t="s">
        <v>25</v>
      </c>
      <c r="B3505" t="s">
        <v>35</v>
      </c>
      <c r="C3505" t="s">
        <v>35</v>
      </c>
    </row>
    <row r="3506" spans="1:25" x14ac:dyDescent="0.2">
      <c r="B3506" s="75" t="s">
        <v>173</v>
      </c>
      <c r="C3506" s="76"/>
      <c r="D3506" s="76"/>
      <c r="E3506" s="76"/>
      <c r="F3506" s="76"/>
      <c r="G3506" s="76"/>
      <c r="H3506" s="76"/>
      <c r="I3506" s="76"/>
      <c r="J3506" s="76"/>
      <c r="K3506" s="76"/>
      <c r="L3506" s="76"/>
      <c r="M3506" s="76"/>
      <c r="N3506" s="76"/>
      <c r="O3506" s="76"/>
      <c r="P3506" s="76"/>
      <c r="Q3506" s="76"/>
      <c r="R3506" s="76"/>
      <c r="S3506" s="76"/>
      <c r="T3506" s="76"/>
      <c r="U3506" s="76"/>
      <c r="V3506" s="76"/>
      <c r="W3506" s="76"/>
      <c r="X3506" s="76"/>
      <c r="Y3506" s="76"/>
    </row>
    <row r="3507" spans="1:25" s="32" customFormat="1" ht="36.450000000000003" customHeight="1" x14ac:dyDescent="0.15">
      <c r="A3507" s="31"/>
      <c r="D3507" s="33" t="s">
        <v>378</v>
      </c>
      <c r="E3507" s="36" t="s">
        <v>567</v>
      </c>
      <c r="F3507" s="55" t="s">
        <v>568</v>
      </c>
      <c r="G3507" s="37" t="s">
        <v>480</v>
      </c>
      <c r="H3507" s="35" t="s">
        <v>381</v>
      </c>
    </row>
    <row r="3508" spans="1:25" x14ac:dyDescent="0.2">
      <c r="B3508" s="5"/>
      <c r="C3508" s="41" t="s">
        <v>38</v>
      </c>
      <c r="D3508" s="42">
        <v>2000</v>
      </c>
      <c r="E3508" s="43">
        <v>40.299999999999997</v>
      </c>
      <c r="F3508" s="43">
        <v>49.3</v>
      </c>
      <c r="G3508" s="44">
        <v>10.5</v>
      </c>
    </row>
    <row r="3509" spans="1:25" x14ac:dyDescent="0.2">
      <c r="B3509" s="77" t="s">
        <v>37</v>
      </c>
      <c r="C3509" s="39" t="s">
        <v>39</v>
      </c>
      <c r="D3509" s="45">
        <v>111</v>
      </c>
      <c r="E3509" s="46">
        <v>40.5</v>
      </c>
      <c r="F3509" s="46">
        <v>49.5</v>
      </c>
      <c r="G3509" s="47">
        <v>9.9</v>
      </c>
    </row>
    <row r="3510" spans="1:25" x14ac:dyDescent="0.2">
      <c r="B3510" s="77"/>
      <c r="C3510" s="39" t="s">
        <v>40</v>
      </c>
      <c r="D3510" s="45">
        <v>450</v>
      </c>
      <c r="E3510" s="46">
        <v>35.799999999999997</v>
      </c>
      <c r="F3510" s="46">
        <v>56.9</v>
      </c>
      <c r="G3510" s="47">
        <v>7.3</v>
      </c>
    </row>
    <row r="3511" spans="1:25" ht="21.6" x14ac:dyDescent="0.2">
      <c r="B3511" s="77"/>
      <c r="C3511" s="39" t="s">
        <v>41</v>
      </c>
      <c r="D3511" s="45">
        <v>30</v>
      </c>
      <c r="E3511" s="46">
        <v>46.7</v>
      </c>
      <c r="F3511" s="46">
        <v>33.299999999999997</v>
      </c>
      <c r="G3511" s="47">
        <v>20</v>
      </c>
    </row>
    <row r="3512" spans="1:25" ht="21.6" x14ac:dyDescent="0.2">
      <c r="B3512" s="77"/>
      <c r="C3512" s="39" t="s">
        <v>42</v>
      </c>
      <c r="D3512" s="45">
        <v>336</v>
      </c>
      <c r="E3512" s="46">
        <v>44.9</v>
      </c>
      <c r="F3512" s="46">
        <v>46.1</v>
      </c>
      <c r="G3512" s="47">
        <v>8.9</v>
      </c>
    </row>
    <row r="3513" spans="1:25" ht="21.6" x14ac:dyDescent="0.2">
      <c r="B3513" s="77"/>
      <c r="C3513" s="39" t="s">
        <v>43</v>
      </c>
      <c r="D3513" s="45">
        <v>327</v>
      </c>
      <c r="E3513" s="46">
        <v>38.799999999999997</v>
      </c>
      <c r="F3513" s="46">
        <v>49.2</v>
      </c>
      <c r="G3513" s="47">
        <v>11.9</v>
      </c>
    </row>
    <row r="3514" spans="1:25" ht="21.6" x14ac:dyDescent="0.2">
      <c r="B3514" s="77"/>
      <c r="C3514" s="39" t="s">
        <v>44</v>
      </c>
      <c r="D3514" s="45">
        <v>181</v>
      </c>
      <c r="E3514" s="46">
        <v>34.799999999999997</v>
      </c>
      <c r="F3514" s="46">
        <v>54.7</v>
      </c>
      <c r="G3514" s="47">
        <v>10.5</v>
      </c>
    </row>
    <row r="3515" spans="1:25" ht="21.6" x14ac:dyDescent="0.2">
      <c r="B3515" s="77"/>
      <c r="C3515" s="39" t="s">
        <v>45</v>
      </c>
      <c r="D3515" s="45">
        <v>565</v>
      </c>
      <c r="E3515" s="46">
        <v>43.2</v>
      </c>
      <c r="F3515" s="46">
        <v>44.2</v>
      </c>
      <c r="G3515" s="47">
        <v>12.6</v>
      </c>
    </row>
    <row r="3516" spans="1:25" ht="21.6" x14ac:dyDescent="0.2">
      <c r="B3516" s="77"/>
      <c r="C3516" s="39" t="s">
        <v>46</v>
      </c>
      <c r="D3516" s="45">
        <v>473</v>
      </c>
      <c r="E3516" s="46">
        <v>33</v>
      </c>
      <c r="F3516" s="46">
        <v>55.4</v>
      </c>
      <c r="G3516" s="47">
        <v>11.6</v>
      </c>
    </row>
    <row r="3517" spans="1:25" ht="21.6" x14ac:dyDescent="0.2">
      <c r="B3517" s="77"/>
      <c r="C3517" s="39" t="s">
        <v>47</v>
      </c>
      <c r="D3517" s="45">
        <v>441</v>
      </c>
      <c r="E3517" s="46">
        <v>41.5</v>
      </c>
      <c r="F3517" s="46">
        <v>48.8</v>
      </c>
      <c r="G3517" s="47">
        <v>9.8000000000000007</v>
      </c>
    </row>
    <row r="3518" spans="1:25" ht="21.6" x14ac:dyDescent="0.2">
      <c r="B3518" s="77"/>
      <c r="C3518" s="39" t="s">
        <v>48</v>
      </c>
      <c r="D3518" s="45">
        <v>305</v>
      </c>
      <c r="E3518" s="46">
        <v>45.9</v>
      </c>
      <c r="F3518" s="46">
        <v>46.9</v>
      </c>
      <c r="G3518" s="47">
        <v>7.2</v>
      </c>
    </row>
    <row r="3519" spans="1:25" ht="21.6" x14ac:dyDescent="0.2">
      <c r="B3519" s="77"/>
      <c r="C3519" s="39" t="s">
        <v>49</v>
      </c>
      <c r="D3519" s="45">
        <v>223</v>
      </c>
      <c r="E3519" s="46">
        <v>49.8</v>
      </c>
      <c r="F3519" s="46">
        <v>46.2</v>
      </c>
      <c r="G3519" s="47">
        <v>4</v>
      </c>
    </row>
    <row r="3520" spans="1:25" ht="21.6" x14ac:dyDescent="0.2">
      <c r="B3520" s="77"/>
      <c r="C3520" s="39" t="s">
        <v>50</v>
      </c>
      <c r="D3520" s="45">
        <v>123</v>
      </c>
      <c r="E3520" s="46">
        <v>51.2</v>
      </c>
      <c r="F3520" s="46">
        <v>46.3</v>
      </c>
      <c r="G3520" s="47">
        <v>2.4</v>
      </c>
    </row>
    <row r="3521" spans="1:25" ht="21.6" x14ac:dyDescent="0.2">
      <c r="B3521" s="77"/>
      <c r="C3521" s="39" t="s">
        <v>51</v>
      </c>
      <c r="D3521" s="45">
        <v>124</v>
      </c>
      <c r="E3521" s="46">
        <v>55.6</v>
      </c>
      <c r="F3521" s="46">
        <v>37.1</v>
      </c>
      <c r="G3521" s="47">
        <v>7.3</v>
      </c>
    </row>
    <row r="3522" spans="1:25" ht="21.6" x14ac:dyDescent="0.2">
      <c r="B3522" s="77"/>
      <c r="C3522" s="39" t="s">
        <v>52</v>
      </c>
      <c r="D3522" s="45">
        <v>312</v>
      </c>
      <c r="E3522" s="46">
        <v>42.6</v>
      </c>
      <c r="F3522" s="46">
        <v>44.9</v>
      </c>
      <c r="G3522" s="47">
        <v>12.5</v>
      </c>
    </row>
    <row r="3523" spans="1:25" x14ac:dyDescent="0.2">
      <c r="B3523" s="77"/>
      <c r="C3523" s="39" t="s">
        <v>53</v>
      </c>
      <c r="D3523" s="45">
        <v>269</v>
      </c>
      <c r="E3523" s="46">
        <v>34.9</v>
      </c>
      <c r="F3523" s="46">
        <v>56.5</v>
      </c>
      <c r="G3523" s="47">
        <v>8.6</v>
      </c>
    </row>
    <row r="3524" spans="1:25" ht="21.6" x14ac:dyDescent="0.2">
      <c r="B3524" s="77"/>
      <c r="C3524" s="39" t="s">
        <v>54</v>
      </c>
      <c r="D3524" s="45">
        <v>511</v>
      </c>
      <c r="E3524" s="46">
        <v>42.9</v>
      </c>
      <c r="F3524" s="46">
        <v>48.9</v>
      </c>
      <c r="G3524" s="47">
        <v>8.1999999999999993</v>
      </c>
    </row>
    <row r="3525" spans="1:25" ht="21.6" x14ac:dyDescent="0.2">
      <c r="B3525" s="77"/>
      <c r="C3525" s="39" t="s">
        <v>55</v>
      </c>
      <c r="D3525" s="45">
        <v>615</v>
      </c>
      <c r="E3525" s="46">
        <v>45.4</v>
      </c>
      <c r="F3525" s="46">
        <v>48.3</v>
      </c>
      <c r="G3525" s="47">
        <v>6.3</v>
      </c>
    </row>
    <row r="3526" spans="1:25" ht="21.6" x14ac:dyDescent="0.2">
      <c r="B3526" s="77"/>
      <c r="C3526" s="39" t="s">
        <v>56</v>
      </c>
      <c r="D3526" s="45">
        <v>800</v>
      </c>
      <c r="E3526" s="46">
        <v>44.1</v>
      </c>
      <c r="F3526" s="46">
        <v>48</v>
      </c>
      <c r="G3526" s="47">
        <v>7.9</v>
      </c>
    </row>
    <row r="3527" spans="1:25" x14ac:dyDescent="0.2">
      <c r="B3527" s="77"/>
      <c r="C3527" s="40" t="s">
        <v>57</v>
      </c>
      <c r="D3527" s="48">
        <v>798</v>
      </c>
      <c r="E3527" s="49">
        <v>41.5</v>
      </c>
      <c r="F3527" s="49">
        <v>49.4</v>
      </c>
      <c r="G3527" s="50">
        <v>9.1</v>
      </c>
    </row>
    <row r="3529" spans="1:25" x14ac:dyDescent="0.2">
      <c r="C3529" t="s">
        <v>35</v>
      </c>
    </row>
    <row r="3530" spans="1:25" x14ac:dyDescent="0.2">
      <c r="B3530" s="75" t="s">
        <v>325</v>
      </c>
      <c r="C3530" s="76"/>
      <c r="D3530" s="76"/>
      <c r="E3530" s="76"/>
      <c r="F3530" s="76"/>
      <c r="G3530" s="76"/>
      <c r="H3530" s="76"/>
      <c r="I3530" s="76"/>
      <c r="J3530" s="76"/>
      <c r="K3530" s="76"/>
      <c r="L3530" s="76"/>
      <c r="M3530" s="76"/>
      <c r="N3530" s="76"/>
      <c r="O3530" s="76"/>
      <c r="P3530" s="76"/>
      <c r="Q3530" s="76"/>
      <c r="R3530" s="76"/>
      <c r="S3530" s="76"/>
      <c r="T3530" s="76"/>
      <c r="U3530" s="76"/>
      <c r="V3530" s="76"/>
      <c r="W3530" s="76"/>
      <c r="X3530" s="76"/>
      <c r="Y3530" s="76"/>
    </row>
    <row r="3531" spans="1:25" s="32" customFormat="1" ht="36.450000000000003" customHeight="1" x14ac:dyDescent="0.15">
      <c r="A3531" s="31"/>
      <c r="D3531" s="33" t="s">
        <v>378</v>
      </c>
      <c r="E3531" s="36" t="s">
        <v>567</v>
      </c>
      <c r="F3531" s="55" t="s">
        <v>568</v>
      </c>
      <c r="G3531" s="37" t="s">
        <v>480</v>
      </c>
      <c r="H3531" s="35" t="s">
        <v>381</v>
      </c>
    </row>
    <row r="3532" spans="1:25" ht="21.6" x14ac:dyDescent="0.2">
      <c r="B3532" s="77" t="s">
        <v>37</v>
      </c>
      <c r="C3532" s="38" t="s">
        <v>58</v>
      </c>
      <c r="D3532" s="51">
        <v>609</v>
      </c>
      <c r="E3532" s="52">
        <v>43</v>
      </c>
      <c r="F3532" s="52">
        <v>48.1</v>
      </c>
      <c r="G3532" s="53">
        <v>8.9</v>
      </c>
    </row>
    <row r="3533" spans="1:25" ht="21.6" x14ac:dyDescent="0.2">
      <c r="B3533" s="77"/>
      <c r="C3533" s="39" t="s">
        <v>59</v>
      </c>
      <c r="D3533" s="45">
        <v>1391</v>
      </c>
      <c r="E3533" s="46">
        <v>39</v>
      </c>
      <c r="F3533" s="46">
        <v>49.8</v>
      </c>
      <c r="G3533" s="47">
        <v>11.1</v>
      </c>
    </row>
    <row r="3534" spans="1:25" x14ac:dyDescent="0.2">
      <c r="B3534" s="77"/>
      <c r="C3534" s="39" t="s">
        <v>60</v>
      </c>
      <c r="D3534" s="45">
        <v>1325</v>
      </c>
      <c r="E3534" s="46">
        <v>41.9</v>
      </c>
      <c r="F3534" s="46">
        <v>48.4</v>
      </c>
      <c r="G3534" s="47">
        <v>9.6999999999999993</v>
      </c>
    </row>
    <row r="3535" spans="1:25" x14ac:dyDescent="0.2">
      <c r="B3535" s="77"/>
      <c r="C3535" s="39" t="s">
        <v>61</v>
      </c>
      <c r="D3535" s="45">
        <v>675</v>
      </c>
      <c r="E3535" s="46">
        <v>37</v>
      </c>
      <c r="F3535" s="46">
        <v>51.1</v>
      </c>
      <c r="G3535" s="47">
        <v>11.9</v>
      </c>
    </row>
    <row r="3536" spans="1:25" x14ac:dyDescent="0.2">
      <c r="B3536" s="77"/>
      <c r="C3536" s="39" t="s">
        <v>62</v>
      </c>
      <c r="D3536" s="45">
        <v>1086</v>
      </c>
      <c r="E3536" s="46">
        <v>39.799999999999997</v>
      </c>
      <c r="F3536" s="46">
        <v>49.9</v>
      </c>
      <c r="G3536" s="47">
        <v>10.3</v>
      </c>
    </row>
    <row r="3537" spans="2:7" ht="21.6" x14ac:dyDescent="0.2">
      <c r="B3537" s="77"/>
      <c r="C3537" s="39" t="s">
        <v>63</v>
      </c>
      <c r="D3537" s="45">
        <v>203</v>
      </c>
      <c r="E3537" s="46">
        <v>36.9</v>
      </c>
      <c r="F3537" s="46">
        <v>48.8</v>
      </c>
      <c r="G3537" s="47">
        <v>14.3</v>
      </c>
    </row>
    <row r="3538" spans="2:7" x14ac:dyDescent="0.2">
      <c r="B3538" s="77"/>
      <c r="C3538" s="39" t="s">
        <v>64</v>
      </c>
      <c r="D3538" s="45">
        <v>263</v>
      </c>
      <c r="E3538" s="46">
        <v>38.4</v>
      </c>
      <c r="F3538" s="46">
        <v>52.5</v>
      </c>
      <c r="G3538" s="47">
        <v>9.1</v>
      </c>
    </row>
    <row r="3539" spans="2:7" x14ac:dyDescent="0.2">
      <c r="B3539" s="77"/>
      <c r="C3539" s="39" t="s">
        <v>65</v>
      </c>
      <c r="D3539" s="45">
        <v>312</v>
      </c>
      <c r="E3539" s="46">
        <v>39.1</v>
      </c>
      <c r="F3539" s="46">
        <v>48.7</v>
      </c>
      <c r="G3539" s="47">
        <v>12.2</v>
      </c>
    </row>
    <row r="3540" spans="2:7" x14ac:dyDescent="0.2">
      <c r="B3540" s="77"/>
      <c r="C3540" s="39" t="s">
        <v>66</v>
      </c>
      <c r="D3540" s="45">
        <v>230</v>
      </c>
      <c r="E3540" s="46">
        <v>41.7</v>
      </c>
      <c r="F3540" s="46">
        <v>51.3</v>
      </c>
      <c r="G3540" s="47">
        <v>7</v>
      </c>
    </row>
    <row r="3541" spans="2:7" x14ac:dyDescent="0.2">
      <c r="B3541" s="77"/>
      <c r="C3541" s="39" t="s">
        <v>67</v>
      </c>
      <c r="D3541" s="45">
        <v>78</v>
      </c>
      <c r="E3541" s="46">
        <v>48.7</v>
      </c>
      <c r="F3541" s="46">
        <v>44.9</v>
      </c>
      <c r="G3541" s="47">
        <v>6.4</v>
      </c>
    </row>
    <row r="3542" spans="2:7" x14ac:dyDescent="0.2">
      <c r="B3542" s="77"/>
      <c r="C3542" s="39" t="s">
        <v>68</v>
      </c>
      <c r="D3542" s="45">
        <v>897</v>
      </c>
      <c r="E3542" s="46">
        <v>42.3</v>
      </c>
      <c r="F3542" s="46">
        <v>48.5</v>
      </c>
      <c r="G3542" s="47">
        <v>9.3000000000000007</v>
      </c>
    </row>
    <row r="3543" spans="2:7" x14ac:dyDescent="0.2">
      <c r="B3543" s="77"/>
      <c r="C3543" s="39" t="s">
        <v>69</v>
      </c>
      <c r="D3543" s="45">
        <v>189</v>
      </c>
      <c r="E3543" s="46">
        <v>28</v>
      </c>
      <c r="F3543" s="46">
        <v>56.6</v>
      </c>
      <c r="G3543" s="47">
        <v>15.3</v>
      </c>
    </row>
    <row r="3544" spans="2:7" x14ac:dyDescent="0.2">
      <c r="B3544" s="77"/>
      <c r="C3544" s="39" t="s">
        <v>70</v>
      </c>
      <c r="D3544" s="45">
        <v>914</v>
      </c>
      <c r="E3544" s="46">
        <v>40.799999999999997</v>
      </c>
      <c r="F3544" s="46">
        <v>48.6</v>
      </c>
      <c r="G3544" s="47">
        <v>10.6</v>
      </c>
    </row>
    <row r="3545" spans="2:7" ht="21.6" x14ac:dyDescent="0.2">
      <c r="B3545" s="77"/>
      <c r="C3545" s="39" t="s">
        <v>63</v>
      </c>
      <c r="D3545" s="45">
        <v>193</v>
      </c>
      <c r="E3545" s="46">
        <v>38.299999999999997</v>
      </c>
      <c r="F3545" s="46">
        <v>47.7</v>
      </c>
      <c r="G3545" s="47">
        <v>14</v>
      </c>
    </row>
    <row r="3546" spans="2:7" x14ac:dyDescent="0.2">
      <c r="B3546" s="77"/>
      <c r="C3546" s="39" t="s">
        <v>64</v>
      </c>
      <c r="D3546" s="45">
        <v>203</v>
      </c>
      <c r="E3546" s="46">
        <v>38.4</v>
      </c>
      <c r="F3546" s="46">
        <v>50.2</v>
      </c>
      <c r="G3546" s="47">
        <v>11.3</v>
      </c>
    </row>
    <row r="3547" spans="2:7" x14ac:dyDescent="0.2">
      <c r="B3547" s="77"/>
      <c r="C3547" s="39" t="s">
        <v>65</v>
      </c>
      <c r="D3547" s="45">
        <v>263</v>
      </c>
      <c r="E3547" s="46">
        <v>41.4</v>
      </c>
      <c r="F3547" s="46">
        <v>49.8</v>
      </c>
      <c r="G3547" s="47">
        <v>8.6999999999999993</v>
      </c>
    </row>
    <row r="3548" spans="2:7" x14ac:dyDescent="0.2">
      <c r="B3548" s="77"/>
      <c r="C3548" s="39" t="s">
        <v>66</v>
      </c>
      <c r="D3548" s="45">
        <v>194</v>
      </c>
      <c r="E3548" s="46">
        <v>40.200000000000003</v>
      </c>
      <c r="F3548" s="46">
        <v>50.5</v>
      </c>
      <c r="G3548" s="47">
        <v>9.3000000000000007</v>
      </c>
    </row>
    <row r="3549" spans="2:7" x14ac:dyDescent="0.2">
      <c r="B3549" s="77"/>
      <c r="C3549" s="39" t="s">
        <v>67</v>
      </c>
      <c r="D3549" s="45">
        <v>61</v>
      </c>
      <c r="E3549" s="46">
        <v>55.7</v>
      </c>
      <c r="F3549" s="46">
        <v>34.4</v>
      </c>
      <c r="G3549" s="47">
        <v>9.8000000000000007</v>
      </c>
    </row>
    <row r="3550" spans="2:7" x14ac:dyDescent="0.2">
      <c r="B3550" s="77"/>
      <c r="C3550" s="39" t="s">
        <v>68</v>
      </c>
      <c r="D3550" s="45">
        <v>416</v>
      </c>
      <c r="E3550" s="46">
        <v>44.5</v>
      </c>
      <c r="F3550" s="46">
        <v>45.7</v>
      </c>
      <c r="G3550" s="47">
        <v>9.9</v>
      </c>
    </row>
    <row r="3551" spans="2:7" x14ac:dyDescent="0.2">
      <c r="B3551" s="77"/>
      <c r="C3551" s="40" t="s">
        <v>69</v>
      </c>
      <c r="D3551" s="48">
        <v>498</v>
      </c>
      <c r="E3551" s="49">
        <v>37.799999999999997</v>
      </c>
      <c r="F3551" s="49">
        <v>51</v>
      </c>
      <c r="G3551" s="50">
        <v>11.2</v>
      </c>
    </row>
    <row r="3553" spans="1:25" x14ac:dyDescent="0.2">
      <c r="A3553" s="26" t="s">
        <v>25</v>
      </c>
      <c r="B3553" t="s">
        <v>35</v>
      </c>
      <c r="C3553" t="s">
        <v>35</v>
      </c>
    </row>
    <row r="3554" spans="1:25" x14ac:dyDescent="0.2">
      <c r="B3554" s="75" t="s">
        <v>174</v>
      </c>
      <c r="C3554" s="76"/>
      <c r="D3554" s="76"/>
      <c r="E3554" s="76"/>
      <c r="F3554" s="76"/>
      <c r="G3554" s="76"/>
      <c r="H3554" s="76"/>
      <c r="I3554" s="76"/>
      <c r="J3554" s="76"/>
      <c r="K3554" s="76"/>
      <c r="L3554" s="76"/>
      <c r="M3554" s="76"/>
      <c r="N3554" s="76"/>
      <c r="O3554" s="76"/>
      <c r="P3554" s="76"/>
      <c r="Q3554" s="76"/>
      <c r="R3554" s="76"/>
      <c r="S3554" s="76"/>
      <c r="T3554" s="76"/>
      <c r="U3554" s="76"/>
      <c r="V3554" s="76"/>
      <c r="W3554" s="76"/>
      <c r="X3554" s="76"/>
      <c r="Y3554" s="76"/>
    </row>
    <row r="3555" spans="1:25" s="32" customFormat="1" ht="36.450000000000003" customHeight="1" x14ac:dyDescent="0.15">
      <c r="A3555" s="31"/>
      <c r="D3555" s="33" t="s">
        <v>378</v>
      </c>
      <c r="E3555" s="36" t="s">
        <v>567</v>
      </c>
      <c r="F3555" s="55" t="s">
        <v>568</v>
      </c>
      <c r="G3555" s="37" t="s">
        <v>480</v>
      </c>
      <c r="H3555" s="35" t="s">
        <v>381</v>
      </c>
    </row>
    <row r="3556" spans="1:25" x14ac:dyDescent="0.2">
      <c r="B3556" s="5"/>
      <c r="C3556" s="41" t="s">
        <v>38</v>
      </c>
      <c r="D3556" s="42">
        <v>2000</v>
      </c>
      <c r="E3556" s="43">
        <v>30.3</v>
      </c>
      <c r="F3556" s="43">
        <v>60.5</v>
      </c>
      <c r="G3556" s="44">
        <v>9.3000000000000007</v>
      </c>
    </row>
    <row r="3557" spans="1:25" x14ac:dyDescent="0.2">
      <c r="B3557" s="77" t="s">
        <v>37</v>
      </c>
      <c r="C3557" s="39" t="s">
        <v>39</v>
      </c>
      <c r="D3557" s="45">
        <v>111</v>
      </c>
      <c r="E3557" s="46">
        <v>34.200000000000003</v>
      </c>
      <c r="F3557" s="46">
        <v>56.8</v>
      </c>
      <c r="G3557" s="47">
        <v>9</v>
      </c>
    </row>
    <row r="3558" spans="1:25" x14ac:dyDescent="0.2">
      <c r="B3558" s="77"/>
      <c r="C3558" s="39" t="s">
        <v>40</v>
      </c>
      <c r="D3558" s="45">
        <v>450</v>
      </c>
      <c r="E3558" s="46">
        <v>32</v>
      </c>
      <c r="F3558" s="46">
        <v>61.3</v>
      </c>
      <c r="G3558" s="47">
        <v>6.7</v>
      </c>
    </row>
    <row r="3559" spans="1:25" ht="21.6" x14ac:dyDescent="0.2">
      <c r="B3559" s="77"/>
      <c r="C3559" s="39" t="s">
        <v>41</v>
      </c>
      <c r="D3559" s="45">
        <v>30</v>
      </c>
      <c r="E3559" s="46">
        <v>40</v>
      </c>
      <c r="F3559" s="46">
        <v>50</v>
      </c>
      <c r="G3559" s="47">
        <v>10</v>
      </c>
    </row>
    <row r="3560" spans="1:25" ht="21.6" x14ac:dyDescent="0.2">
      <c r="B3560" s="77"/>
      <c r="C3560" s="39" t="s">
        <v>42</v>
      </c>
      <c r="D3560" s="45">
        <v>336</v>
      </c>
      <c r="E3560" s="46">
        <v>34.799999999999997</v>
      </c>
      <c r="F3560" s="46">
        <v>56.5</v>
      </c>
      <c r="G3560" s="47">
        <v>8.6</v>
      </c>
    </row>
    <row r="3561" spans="1:25" ht="21.6" x14ac:dyDescent="0.2">
      <c r="B3561" s="77"/>
      <c r="C3561" s="39" t="s">
        <v>43</v>
      </c>
      <c r="D3561" s="45">
        <v>327</v>
      </c>
      <c r="E3561" s="46">
        <v>22.9</v>
      </c>
      <c r="F3561" s="46">
        <v>65.099999999999994</v>
      </c>
      <c r="G3561" s="47">
        <v>11.9</v>
      </c>
    </row>
    <row r="3562" spans="1:25" ht="21.6" x14ac:dyDescent="0.2">
      <c r="B3562" s="77"/>
      <c r="C3562" s="39" t="s">
        <v>44</v>
      </c>
      <c r="D3562" s="45">
        <v>181</v>
      </c>
      <c r="E3562" s="46">
        <v>36.5</v>
      </c>
      <c r="F3562" s="46">
        <v>54.7</v>
      </c>
      <c r="G3562" s="47">
        <v>8.8000000000000007</v>
      </c>
    </row>
    <row r="3563" spans="1:25" ht="21.6" x14ac:dyDescent="0.2">
      <c r="B3563" s="77"/>
      <c r="C3563" s="39" t="s">
        <v>45</v>
      </c>
      <c r="D3563" s="45">
        <v>565</v>
      </c>
      <c r="E3563" s="46">
        <v>27.1</v>
      </c>
      <c r="F3563" s="46">
        <v>62.5</v>
      </c>
      <c r="G3563" s="47">
        <v>10.4</v>
      </c>
    </row>
    <row r="3564" spans="1:25" ht="21.6" x14ac:dyDescent="0.2">
      <c r="B3564" s="77"/>
      <c r="C3564" s="39" t="s">
        <v>46</v>
      </c>
      <c r="D3564" s="45">
        <v>473</v>
      </c>
      <c r="E3564" s="46">
        <v>20.3</v>
      </c>
      <c r="F3564" s="46">
        <v>69.599999999999994</v>
      </c>
      <c r="G3564" s="47">
        <v>10.1</v>
      </c>
    </row>
    <row r="3565" spans="1:25" ht="21.6" x14ac:dyDescent="0.2">
      <c r="B3565" s="77"/>
      <c r="C3565" s="39" t="s">
        <v>47</v>
      </c>
      <c r="D3565" s="45">
        <v>441</v>
      </c>
      <c r="E3565" s="46">
        <v>29.5</v>
      </c>
      <c r="F3565" s="46">
        <v>62.6</v>
      </c>
      <c r="G3565" s="47">
        <v>7.9</v>
      </c>
    </row>
    <row r="3566" spans="1:25" ht="21.6" x14ac:dyDescent="0.2">
      <c r="B3566" s="77"/>
      <c r="C3566" s="39" t="s">
        <v>48</v>
      </c>
      <c r="D3566" s="45">
        <v>305</v>
      </c>
      <c r="E3566" s="46">
        <v>34.1</v>
      </c>
      <c r="F3566" s="46">
        <v>60</v>
      </c>
      <c r="G3566" s="47">
        <v>5.9</v>
      </c>
    </row>
    <row r="3567" spans="1:25" ht="21.6" x14ac:dyDescent="0.2">
      <c r="B3567" s="77"/>
      <c r="C3567" s="39" t="s">
        <v>49</v>
      </c>
      <c r="D3567" s="45">
        <v>223</v>
      </c>
      <c r="E3567" s="46">
        <v>38.1</v>
      </c>
      <c r="F3567" s="46">
        <v>58.3</v>
      </c>
      <c r="G3567" s="47">
        <v>3.6</v>
      </c>
    </row>
    <row r="3568" spans="1:25" ht="21.6" x14ac:dyDescent="0.2">
      <c r="B3568" s="77"/>
      <c r="C3568" s="39" t="s">
        <v>50</v>
      </c>
      <c r="D3568" s="45">
        <v>123</v>
      </c>
      <c r="E3568" s="46">
        <v>46.3</v>
      </c>
      <c r="F3568" s="46">
        <v>52</v>
      </c>
      <c r="G3568" s="47">
        <v>1.6</v>
      </c>
    </row>
    <row r="3569" spans="1:25" ht="21.6" x14ac:dyDescent="0.2">
      <c r="B3569" s="77"/>
      <c r="C3569" s="39" t="s">
        <v>51</v>
      </c>
      <c r="D3569" s="45">
        <v>124</v>
      </c>
      <c r="E3569" s="46">
        <v>46</v>
      </c>
      <c r="F3569" s="46">
        <v>46</v>
      </c>
      <c r="G3569" s="47">
        <v>8.1</v>
      </c>
    </row>
    <row r="3570" spans="1:25" ht="21.6" x14ac:dyDescent="0.2">
      <c r="B3570" s="77"/>
      <c r="C3570" s="39" t="s">
        <v>52</v>
      </c>
      <c r="D3570" s="45">
        <v>312</v>
      </c>
      <c r="E3570" s="46">
        <v>21.5</v>
      </c>
      <c r="F3570" s="46">
        <v>68.599999999999994</v>
      </c>
      <c r="G3570" s="47">
        <v>9.9</v>
      </c>
    </row>
    <row r="3571" spans="1:25" x14ac:dyDescent="0.2">
      <c r="B3571" s="77"/>
      <c r="C3571" s="39" t="s">
        <v>53</v>
      </c>
      <c r="D3571" s="45">
        <v>269</v>
      </c>
      <c r="E3571" s="46">
        <v>24.9</v>
      </c>
      <c r="F3571" s="46">
        <v>69.099999999999994</v>
      </c>
      <c r="G3571" s="47">
        <v>5.9</v>
      </c>
    </row>
    <row r="3572" spans="1:25" ht="21.6" x14ac:dyDescent="0.2">
      <c r="B3572" s="77"/>
      <c r="C3572" s="39" t="s">
        <v>54</v>
      </c>
      <c r="D3572" s="45">
        <v>511</v>
      </c>
      <c r="E3572" s="46">
        <v>31.7</v>
      </c>
      <c r="F3572" s="46">
        <v>60.9</v>
      </c>
      <c r="G3572" s="47">
        <v>7.4</v>
      </c>
    </row>
    <row r="3573" spans="1:25" ht="21.6" x14ac:dyDescent="0.2">
      <c r="B3573" s="77"/>
      <c r="C3573" s="39" t="s">
        <v>55</v>
      </c>
      <c r="D3573" s="45">
        <v>615</v>
      </c>
      <c r="E3573" s="46">
        <v>42.1</v>
      </c>
      <c r="F3573" s="46">
        <v>52</v>
      </c>
      <c r="G3573" s="47">
        <v>5.9</v>
      </c>
    </row>
    <row r="3574" spans="1:25" ht="21.6" x14ac:dyDescent="0.2">
      <c r="B3574" s="77"/>
      <c r="C3574" s="39" t="s">
        <v>56</v>
      </c>
      <c r="D3574" s="45">
        <v>800</v>
      </c>
      <c r="E3574" s="46">
        <v>39.6</v>
      </c>
      <c r="F3574" s="46">
        <v>53</v>
      </c>
      <c r="G3574" s="47">
        <v>7.4</v>
      </c>
    </row>
    <row r="3575" spans="1:25" x14ac:dyDescent="0.2">
      <c r="B3575" s="77"/>
      <c r="C3575" s="40" t="s">
        <v>57</v>
      </c>
      <c r="D3575" s="48">
        <v>798</v>
      </c>
      <c r="E3575" s="49">
        <v>27.6</v>
      </c>
      <c r="F3575" s="49">
        <v>64.900000000000006</v>
      </c>
      <c r="G3575" s="50">
        <v>7.5</v>
      </c>
    </row>
    <row r="3577" spans="1:25" x14ac:dyDescent="0.2">
      <c r="C3577" t="s">
        <v>35</v>
      </c>
    </row>
    <row r="3578" spans="1:25" x14ac:dyDescent="0.2">
      <c r="B3578" s="75" t="s">
        <v>326</v>
      </c>
      <c r="C3578" s="76"/>
      <c r="D3578" s="76"/>
      <c r="E3578" s="76"/>
      <c r="F3578" s="76"/>
      <c r="G3578" s="76"/>
      <c r="H3578" s="76"/>
      <c r="I3578" s="76"/>
      <c r="J3578" s="76"/>
      <c r="K3578" s="76"/>
      <c r="L3578" s="76"/>
      <c r="M3578" s="76"/>
      <c r="N3578" s="76"/>
      <c r="O3578" s="76"/>
      <c r="P3578" s="76"/>
      <c r="Q3578" s="76"/>
      <c r="R3578" s="76"/>
      <c r="S3578" s="76"/>
      <c r="T3578" s="76"/>
      <c r="U3578" s="76"/>
      <c r="V3578" s="76"/>
      <c r="W3578" s="76"/>
      <c r="X3578" s="76"/>
      <c r="Y3578" s="76"/>
    </row>
    <row r="3579" spans="1:25" s="32" customFormat="1" ht="36.450000000000003" customHeight="1" x14ac:dyDescent="0.15">
      <c r="A3579" s="31"/>
      <c r="D3579" s="33" t="s">
        <v>378</v>
      </c>
      <c r="E3579" s="36" t="s">
        <v>567</v>
      </c>
      <c r="F3579" s="55" t="s">
        <v>568</v>
      </c>
      <c r="G3579" s="37" t="s">
        <v>480</v>
      </c>
      <c r="H3579" s="35" t="s">
        <v>381</v>
      </c>
    </row>
    <row r="3580" spans="1:25" ht="21.6" x14ac:dyDescent="0.2">
      <c r="B3580" s="77" t="s">
        <v>37</v>
      </c>
      <c r="C3580" s="38" t="s">
        <v>58</v>
      </c>
      <c r="D3580" s="51">
        <v>609</v>
      </c>
      <c r="E3580" s="52">
        <v>38.1</v>
      </c>
      <c r="F3580" s="52">
        <v>53</v>
      </c>
      <c r="G3580" s="53">
        <v>8.9</v>
      </c>
    </row>
    <row r="3581" spans="1:25" ht="21.6" x14ac:dyDescent="0.2">
      <c r="B3581" s="77"/>
      <c r="C3581" s="39" t="s">
        <v>59</v>
      </c>
      <c r="D3581" s="45">
        <v>1391</v>
      </c>
      <c r="E3581" s="46">
        <v>26.8</v>
      </c>
      <c r="F3581" s="46">
        <v>63.7</v>
      </c>
      <c r="G3581" s="47">
        <v>9.5</v>
      </c>
    </row>
    <row r="3582" spans="1:25" x14ac:dyDescent="0.2">
      <c r="B3582" s="77"/>
      <c r="C3582" s="39" t="s">
        <v>60</v>
      </c>
      <c r="D3582" s="45">
        <v>1325</v>
      </c>
      <c r="E3582" s="46">
        <v>31.2</v>
      </c>
      <c r="F3582" s="46">
        <v>60.5</v>
      </c>
      <c r="G3582" s="47">
        <v>8.4</v>
      </c>
    </row>
    <row r="3583" spans="1:25" x14ac:dyDescent="0.2">
      <c r="B3583" s="77"/>
      <c r="C3583" s="39" t="s">
        <v>61</v>
      </c>
      <c r="D3583" s="45">
        <v>675</v>
      </c>
      <c r="E3583" s="46">
        <v>28.4</v>
      </c>
      <c r="F3583" s="46">
        <v>60.4</v>
      </c>
      <c r="G3583" s="47">
        <v>11.1</v>
      </c>
    </row>
    <row r="3584" spans="1:25" x14ac:dyDescent="0.2">
      <c r="B3584" s="77"/>
      <c r="C3584" s="39" t="s">
        <v>62</v>
      </c>
      <c r="D3584" s="45">
        <v>1086</v>
      </c>
      <c r="E3584" s="46">
        <v>33</v>
      </c>
      <c r="F3584" s="46">
        <v>58.1</v>
      </c>
      <c r="G3584" s="47">
        <v>8.9</v>
      </c>
    </row>
    <row r="3585" spans="2:7" ht="21.6" x14ac:dyDescent="0.2">
      <c r="B3585" s="77"/>
      <c r="C3585" s="39" t="s">
        <v>63</v>
      </c>
      <c r="D3585" s="45">
        <v>203</v>
      </c>
      <c r="E3585" s="46">
        <v>36.5</v>
      </c>
      <c r="F3585" s="46">
        <v>50.7</v>
      </c>
      <c r="G3585" s="47">
        <v>12.8</v>
      </c>
    </row>
    <row r="3586" spans="2:7" x14ac:dyDescent="0.2">
      <c r="B3586" s="77"/>
      <c r="C3586" s="39" t="s">
        <v>64</v>
      </c>
      <c r="D3586" s="45">
        <v>263</v>
      </c>
      <c r="E3586" s="46">
        <v>37.6</v>
      </c>
      <c r="F3586" s="46">
        <v>54.8</v>
      </c>
      <c r="G3586" s="47">
        <v>7.6</v>
      </c>
    </row>
    <row r="3587" spans="2:7" x14ac:dyDescent="0.2">
      <c r="B3587" s="77"/>
      <c r="C3587" s="39" t="s">
        <v>65</v>
      </c>
      <c r="D3587" s="45">
        <v>312</v>
      </c>
      <c r="E3587" s="46">
        <v>30.4</v>
      </c>
      <c r="F3587" s="46">
        <v>59.3</v>
      </c>
      <c r="G3587" s="47">
        <v>10.3</v>
      </c>
    </row>
    <row r="3588" spans="2:7" x14ac:dyDescent="0.2">
      <c r="B3588" s="77"/>
      <c r="C3588" s="39" t="s">
        <v>66</v>
      </c>
      <c r="D3588" s="45">
        <v>230</v>
      </c>
      <c r="E3588" s="46">
        <v>28.7</v>
      </c>
      <c r="F3588" s="46">
        <v>65.2</v>
      </c>
      <c r="G3588" s="47">
        <v>6.1</v>
      </c>
    </row>
    <row r="3589" spans="2:7" x14ac:dyDescent="0.2">
      <c r="B3589" s="77"/>
      <c r="C3589" s="39" t="s">
        <v>67</v>
      </c>
      <c r="D3589" s="45">
        <v>78</v>
      </c>
      <c r="E3589" s="46">
        <v>30.8</v>
      </c>
      <c r="F3589" s="46">
        <v>62.8</v>
      </c>
      <c r="G3589" s="47">
        <v>6.4</v>
      </c>
    </row>
    <row r="3590" spans="2:7" x14ac:dyDescent="0.2">
      <c r="B3590" s="77"/>
      <c r="C3590" s="39" t="s">
        <v>68</v>
      </c>
      <c r="D3590" s="45">
        <v>897</v>
      </c>
      <c r="E3590" s="46">
        <v>36.700000000000003</v>
      </c>
      <c r="F3590" s="46">
        <v>55.3</v>
      </c>
      <c r="G3590" s="47">
        <v>8</v>
      </c>
    </row>
    <row r="3591" spans="2:7" x14ac:dyDescent="0.2">
      <c r="B3591" s="77"/>
      <c r="C3591" s="39" t="s">
        <v>69</v>
      </c>
      <c r="D3591" s="45">
        <v>189</v>
      </c>
      <c r="E3591" s="46">
        <v>15.3</v>
      </c>
      <c r="F3591" s="46">
        <v>71.400000000000006</v>
      </c>
      <c r="G3591" s="47">
        <v>13.2</v>
      </c>
    </row>
    <row r="3592" spans="2:7" x14ac:dyDescent="0.2">
      <c r="B3592" s="77"/>
      <c r="C3592" s="39" t="s">
        <v>70</v>
      </c>
      <c r="D3592" s="45">
        <v>914</v>
      </c>
      <c r="E3592" s="46">
        <v>27</v>
      </c>
      <c r="F3592" s="46">
        <v>63.2</v>
      </c>
      <c r="G3592" s="47">
        <v>9.6999999999999993</v>
      </c>
    </row>
    <row r="3593" spans="2:7" ht="21.6" x14ac:dyDescent="0.2">
      <c r="B3593" s="77"/>
      <c r="C3593" s="39" t="s">
        <v>63</v>
      </c>
      <c r="D3593" s="45">
        <v>193</v>
      </c>
      <c r="E3593" s="46">
        <v>38.299999999999997</v>
      </c>
      <c r="F3593" s="46">
        <v>49.7</v>
      </c>
      <c r="G3593" s="47">
        <v>11.9</v>
      </c>
    </row>
    <row r="3594" spans="2:7" x14ac:dyDescent="0.2">
      <c r="B3594" s="77"/>
      <c r="C3594" s="39" t="s">
        <v>64</v>
      </c>
      <c r="D3594" s="45">
        <v>203</v>
      </c>
      <c r="E3594" s="46">
        <v>27.6</v>
      </c>
      <c r="F3594" s="46">
        <v>65</v>
      </c>
      <c r="G3594" s="47">
        <v>7.4</v>
      </c>
    </row>
    <row r="3595" spans="2:7" x14ac:dyDescent="0.2">
      <c r="B3595" s="77"/>
      <c r="C3595" s="39" t="s">
        <v>65</v>
      </c>
      <c r="D3595" s="45">
        <v>263</v>
      </c>
      <c r="E3595" s="46">
        <v>24.7</v>
      </c>
      <c r="F3595" s="46">
        <v>66.2</v>
      </c>
      <c r="G3595" s="47">
        <v>9.1</v>
      </c>
    </row>
    <row r="3596" spans="2:7" x14ac:dyDescent="0.2">
      <c r="B3596" s="77"/>
      <c r="C3596" s="39" t="s">
        <v>66</v>
      </c>
      <c r="D3596" s="45">
        <v>194</v>
      </c>
      <c r="E3596" s="46">
        <v>20.6</v>
      </c>
      <c r="F3596" s="46">
        <v>69.599999999999994</v>
      </c>
      <c r="G3596" s="47">
        <v>9.8000000000000007</v>
      </c>
    </row>
    <row r="3597" spans="2:7" x14ac:dyDescent="0.2">
      <c r="B3597" s="77"/>
      <c r="C3597" s="39" t="s">
        <v>67</v>
      </c>
      <c r="D3597" s="45">
        <v>61</v>
      </c>
      <c r="E3597" s="46">
        <v>19.7</v>
      </c>
      <c r="F3597" s="46">
        <v>67.2</v>
      </c>
      <c r="G3597" s="47">
        <v>13.1</v>
      </c>
    </row>
    <row r="3598" spans="2:7" x14ac:dyDescent="0.2">
      <c r="B3598" s="77"/>
      <c r="C3598" s="39" t="s">
        <v>68</v>
      </c>
      <c r="D3598" s="45">
        <v>416</v>
      </c>
      <c r="E3598" s="46">
        <v>37</v>
      </c>
      <c r="F3598" s="46">
        <v>55.3</v>
      </c>
      <c r="G3598" s="47">
        <v>7.7</v>
      </c>
    </row>
    <row r="3599" spans="2:7" x14ac:dyDescent="0.2">
      <c r="B3599" s="77"/>
      <c r="C3599" s="40" t="s">
        <v>69</v>
      </c>
      <c r="D3599" s="48">
        <v>498</v>
      </c>
      <c r="E3599" s="49">
        <v>18.7</v>
      </c>
      <c r="F3599" s="49">
        <v>69.900000000000006</v>
      </c>
      <c r="G3599" s="50">
        <v>11.4</v>
      </c>
    </row>
    <row r="3601" spans="1:25" x14ac:dyDescent="0.2">
      <c r="A3601" s="26" t="s">
        <v>25</v>
      </c>
      <c r="B3601" t="s">
        <v>35</v>
      </c>
      <c r="C3601" t="s">
        <v>35</v>
      </c>
    </row>
    <row r="3602" spans="1:25" x14ac:dyDescent="0.2">
      <c r="B3602" s="75" t="s">
        <v>175</v>
      </c>
      <c r="C3602" s="76"/>
      <c r="D3602" s="76"/>
      <c r="E3602" s="76"/>
      <c r="F3602" s="76"/>
      <c r="G3602" s="76"/>
      <c r="H3602" s="76"/>
      <c r="I3602" s="76"/>
      <c r="J3602" s="76"/>
      <c r="K3602" s="76"/>
      <c r="L3602" s="76"/>
      <c r="M3602" s="76"/>
      <c r="N3602" s="76"/>
      <c r="O3602" s="76"/>
      <c r="P3602" s="76"/>
      <c r="Q3602" s="76"/>
      <c r="R3602" s="76"/>
      <c r="S3602" s="76"/>
      <c r="T3602" s="76"/>
      <c r="U3602" s="76"/>
      <c r="V3602" s="76"/>
      <c r="W3602" s="76"/>
      <c r="X3602" s="76"/>
      <c r="Y3602" s="76"/>
    </row>
    <row r="3603" spans="1:25" s="32" customFormat="1" ht="36.450000000000003" customHeight="1" x14ac:dyDescent="0.15">
      <c r="A3603" s="31"/>
      <c r="D3603" s="33" t="s">
        <v>378</v>
      </c>
      <c r="E3603" s="36" t="s">
        <v>567</v>
      </c>
      <c r="F3603" s="55" t="s">
        <v>568</v>
      </c>
      <c r="G3603" s="37" t="s">
        <v>480</v>
      </c>
      <c r="H3603" s="35" t="s">
        <v>381</v>
      </c>
    </row>
    <row r="3604" spans="1:25" x14ac:dyDescent="0.2">
      <c r="B3604" s="5"/>
      <c r="C3604" s="41" t="s">
        <v>38</v>
      </c>
      <c r="D3604" s="42">
        <v>2000</v>
      </c>
      <c r="E3604" s="43">
        <v>47.1</v>
      </c>
      <c r="F3604" s="43">
        <v>45.5</v>
      </c>
      <c r="G3604" s="44">
        <v>7.5</v>
      </c>
    </row>
    <row r="3605" spans="1:25" x14ac:dyDescent="0.2">
      <c r="B3605" s="77" t="s">
        <v>37</v>
      </c>
      <c r="C3605" s="39" t="s">
        <v>39</v>
      </c>
      <c r="D3605" s="45">
        <v>111</v>
      </c>
      <c r="E3605" s="46">
        <v>54.1</v>
      </c>
      <c r="F3605" s="46">
        <v>37.799999999999997</v>
      </c>
      <c r="G3605" s="47">
        <v>8.1</v>
      </c>
    </row>
    <row r="3606" spans="1:25" x14ac:dyDescent="0.2">
      <c r="B3606" s="77"/>
      <c r="C3606" s="39" t="s">
        <v>40</v>
      </c>
      <c r="D3606" s="45">
        <v>450</v>
      </c>
      <c r="E3606" s="46">
        <v>47.6</v>
      </c>
      <c r="F3606" s="46">
        <v>46.9</v>
      </c>
      <c r="G3606" s="47">
        <v>5.6</v>
      </c>
    </row>
    <row r="3607" spans="1:25" ht="21.6" x14ac:dyDescent="0.2">
      <c r="B3607" s="77"/>
      <c r="C3607" s="39" t="s">
        <v>41</v>
      </c>
      <c r="D3607" s="45">
        <v>30</v>
      </c>
      <c r="E3607" s="46">
        <v>40</v>
      </c>
      <c r="F3607" s="46">
        <v>50</v>
      </c>
      <c r="G3607" s="47">
        <v>10</v>
      </c>
    </row>
    <row r="3608" spans="1:25" ht="21.6" x14ac:dyDescent="0.2">
      <c r="B3608" s="77"/>
      <c r="C3608" s="39" t="s">
        <v>42</v>
      </c>
      <c r="D3608" s="45">
        <v>336</v>
      </c>
      <c r="E3608" s="46">
        <v>48.8</v>
      </c>
      <c r="F3608" s="46">
        <v>44.3</v>
      </c>
      <c r="G3608" s="47">
        <v>6.8</v>
      </c>
    </row>
    <row r="3609" spans="1:25" ht="21.6" x14ac:dyDescent="0.2">
      <c r="B3609" s="77"/>
      <c r="C3609" s="39" t="s">
        <v>43</v>
      </c>
      <c r="D3609" s="45">
        <v>327</v>
      </c>
      <c r="E3609" s="46">
        <v>47.7</v>
      </c>
      <c r="F3609" s="46">
        <v>43.7</v>
      </c>
      <c r="G3609" s="47">
        <v>8.6</v>
      </c>
    </row>
    <row r="3610" spans="1:25" ht="21.6" x14ac:dyDescent="0.2">
      <c r="B3610" s="77"/>
      <c r="C3610" s="39" t="s">
        <v>44</v>
      </c>
      <c r="D3610" s="45">
        <v>181</v>
      </c>
      <c r="E3610" s="46">
        <v>45.9</v>
      </c>
      <c r="F3610" s="46">
        <v>47</v>
      </c>
      <c r="G3610" s="47">
        <v>7.2</v>
      </c>
    </row>
    <row r="3611" spans="1:25" ht="21.6" x14ac:dyDescent="0.2">
      <c r="B3611" s="77"/>
      <c r="C3611" s="39" t="s">
        <v>45</v>
      </c>
      <c r="D3611" s="45">
        <v>565</v>
      </c>
      <c r="E3611" s="46">
        <v>44.6</v>
      </c>
      <c r="F3611" s="46">
        <v>46.9</v>
      </c>
      <c r="G3611" s="47">
        <v>8.5</v>
      </c>
    </row>
    <row r="3612" spans="1:25" ht="21.6" x14ac:dyDescent="0.2">
      <c r="B3612" s="77"/>
      <c r="C3612" s="39" t="s">
        <v>46</v>
      </c>
      <c r="D3612" s="45">
        <v>473</v>
      </c>
      <c r="E3612" s="46">
        <v>39.700000000000003</v>
      </c>
      <c r="F3612" s="46">
        <v>53.1</v>
      </c>
      <c r="G3612" s="47">
        <v>7.2</v>
      </c>
    </row>
    <row r="3613" spans="1:25" ht="21.6" x14ac:dyDescent="0.2">
      <c r="B3613" s="77"/>
      <c r="C3613" s="39" t="s">
        <v>47</v>
      </c>
      <c r="D3613" s="45">
        <v>441</v>
      </c>
      <c r="E3613" s="46">
        <v>49.7</v>
      </c>
      <c r="F3613" s="46">
        <v>44.2</v>
      </c>
      <c r="G3613" s="47">
        <v>6.1</v>
      </c>
    </row>
    <row r="3614" spans="1:25" ht="21.6" x14ac:dyDescent="0.2">
      <c r="B3614" s="77"/>
      <c r="C3614" s="39" t="s">
        <v>48</v>
      </c>
      <c r="D3614" s="45">
        <v>305</v>
      </c>
      <c r="E3614" s="46">
        <v>51.1</v>
      </c>
      <c r="F3614" s="46">
        <v>45.2</v>
      </c>
      <c r="G3614" s="47">
        <v>3.6</v>
      </c>
    </row>
    <row r="3615" spans="1:25" ht="21.6" x14ac:dyDescent="0.2">
      <c r="B3615" s="77"/>
      <c r="C3615" s="39" t="s">
        <v>49</v>
      </c>
      <c r="D3615" s="45">
        <v>223</v>
      </c>
      <c r="E3615" s="46">
        <v>55.2</v>
      </c>
      <c r="F3615" s="46">
        <v>41.3</v>
      </c>
      <c r="G3615" s="47">
        <v>3.6</v>
      </c>
    </row>
    <row r="3616" spans="1:25" ht="21.6" x14ac:dyDescent="0.2">
      <c r="B3616" s="77"/>
      <c r="C3616" s="39" t="s">
        <v>50</v>
      </c>
      <c r="D3616" s="45">
        <v>123</v>
      </c>
      <c r="E3616" s="46">
        <v>60.2</v>
      </c>
      <c r="F3616" s="46">
        <v>38.200000000000003</v>
      </c>
      <c r="G3616" s="47">
        <v>1.6</v>
      </c>
    </row>
    <row r="3617" spans="1:25" ht="21.6" x14ac:dyDescent="0.2">
      <c r="B3617" s="77"/>
      <c r="C3617" s="39" t="s">
        <v>51</v>
      </c>
      <c r="D3617" s="45">
        <v>124</v>
      </c>
      <c r="E3617" s="46">
        <v>66.099999999999994</v>
      </c>
      <c r="F3617" s="46">
        <v>29</v>
      </c>
      <c r="G3617" s="47">
        <v>4.8</v>
      </c>
    </row>
    <row r="3618" spans="1:25" ht="21.6" x14ac:dyDescent="0.2">
      <c r="B3618" s="77"/>
      <c r="C3618" s="39" t="s">
        <v>52</v>
      </c>
      <c r="D3618" s="45">
        <v>312</v>
      </c>
      <c r="E3618" s="46">
        <v>49.4</v>
      </c>
      <c r="F3618" s="46">
        <v>42.9</v>
      </c>
      <c r="G3618" s="47">
        <v>7.7</v>
      </c>
    </row>
    <row r="3619" spans="1:25" x14ac:dyDescent="0.2">
      <c r="B3619" s="77"/>
      <c r="C3619" s="39" t="s">
        <v>53</v>
      </c>
      <c r="D3619" s="45">
        <v>269</v>
      </c>
      <c r="E3619" s="46">
        <v>42.8</v>
      </c>
      <c r="F3619" s="46">
        <v>52</v>
      </c>
      <c r="G3619" s="47">
        <v>5.2</v>
      </c>
    </row>
    <row r="3620" spans="1:25" ht="21.6" x14ac:dyDescent="0.2">
      <c r="B3620" s="77"/>
      <c r="C3620" s="39" t="s">
        <v>54</v>
      </c>
      <c r="D3620" s="45">
        <v>511</v>
      </c>
      <c r="E3620" s="46">
        <v>52.3</v>
      </c>
      <c r="F3620" s="46">
        <v>42.1</v>
      </c>
      <c r="G3620" s="47">
        <v>5.7</v>
      </c>
    </row>
    <row r="3621" spans="1:25" ht="21.6" x14ac:dyDescent="0.2">
      <c r="B3621" s="77"/>
      <c r="C3621" s="39" t="s">
        <v>55</v>
      </c>
      <c r="D3621" s="45">
        <v>615</v>
      </c>
      <c r="E3621" s="46">
        <v>53.2</v>
      </c>
      <c r="F3621" s="46">
        <v>42</v>
      </c>
      <c r="G3621" s="47">
        <v>4.9000000000000004</v>
      </c>
    </row>
    <row r="3622" spans="1:25" ht="21.6" x14ac:dyDescent="0.2">
      <c r="B3622" s="77"/>
      <c r="C3622" s="39" t="s">
        <v>56</v>
      </c>
      <c r="D3622" s="45">
        <v>800</v>
      </c>
      <c r="E3622" s="46">
        <v>53.3</v>
      </c>
      <c r="F3622" s="46">
        <v>40.5</v>
      </c>
      <c r="G3622" s="47">
        <v>6.3</v>
      </c>
    </row>
    <row r="3623" spans="1:25" x14ac:dyDescent="0.2">
      <c r="B3623" s="77"/>
      <c r="C3623" s="40" t="s">
        <v>57</v>
      </c>
      <c r="D3623" s="48">
        <v>798</v>
      </c>
      <c r="E3623" s="49">
        <v>47.5</v>
      </c>
      <c r="F3623" s="49">
        <v>46.7</v>
      </c>
      <c r="G3623" s="50">
        <v>5.8</v>
      </c>
    </row>
    <row r="3625" spans="1:25" x14ac:dyDescent="0.2">
      <c r="C3625" t="s">
        <v>35</v>
      </c>
    </row>
    <row r="3626" spans="1:25" x14ac:dyDescent="0.2">
      <c r="B3626" s="75" t="s">
        <v>327</v>
      </c>
      <c r="C3626" s="76"/>
      <c r="D3626" s="76"/>
      <c r="E3626" s="76"/>
      <c r="F3626" s="76"/>
      <c r="G3626" s="76"/>
      <c r="H3626" s="76"/>
      <c r="I3626" s="76"/>
      <c r="J3626" s="76"/>
      <c r="K3626" s="76"/>
      <c r="L3626" s="76"/>
      <c r="M3626" s="76"/>
      <c r="N3626" s="76"/>
      <c r="O3626" s="76"/>
      <c r="P3626" s="76"/>
      <c r="Q3626" s="76"/>
      <c r="R3626" s="76"/>
      <c r="S3626" s="76"/>
      <c r="T3626" s="76"/>
      <c r="U3626" s="76"/>
      <c r="V3626" s="76"/>
      <c r="W3626" s="76"/>
      <c r="X3626" s="76"/>
      <c r="Y3626" s="76"/>
    </row>
    <row r="3627" spans="1:25" s="32" customFormat="1" ht="36.450000000000003" customHeight="1" x14ac:dyDescent="0.15">
      <c r="A3627" s="31"/>
      <c r="D3627" s="33" t="s">
        <v>378</v>
      </c>
      <c r="E3627" s="36" t="s">
        <v>567</v>
      </c>
      <c r="F3627" s="55" t="s">
        <v>568</v>
      </c>
      <c r="G3627" s="37" t="s">
        <v>480</v>
      </c>
      <c r="H3627" s="35" t="s">
        <v>381</v>
      </c>
    </row>
    <row r="3628" spans="1:25" ht="21.6" x14ac:dyDescent="0.2">
      <c r="B3628" s="77" t="s">
        <v>37</v>
      </c>
      <c r="C3628" s="38" t="s">
        <v>58</v>
      </c>
      <c r="D3628" s="51">
        <v>609</v>
      </c>
      <c r="E3628" s="52">
        <v>50.9</v>
      </c>
      <c r="F3628" s="52">
        <v>41.4</v>
      </c>
      <c r="G3628" s="53">
        <v>7.7</v>
      </c>
    </row>
    <row r="3629" spans="1:25" ht="21.6" x14ac:dyDescent="0.2">
      <c r="B3629" s="77"/>
      <c r="C3629" s="39" t="s">
        <v>59</v>
      </c>
      <c r="D3629" s="45">
        <v>1391</v>
      </c>
      <c r="E3629" s="46">
        <v>45.4</v>
      </c>
      <c r="F3629" s="46">
        <v>47.3</v>
      </c>
      <c r="G3629" s="47">
        <v>7.3</v>
      </c>
    </row>
    <row r="3630" spans="1:25" x14ac:dyDescent="0.2">
      <c r="B3630" s="77"/>
      <c r="C3630" s="39" t="s">
        <v>60</v>
      </c>
      <c r="D3630" s="45">
        <v>1325</v>
      </c>
      <c r="E3630" s="46">
        <v>47.8</v>
      </c>
      <c r="F3630" s="46">
        <v>45.1</v>
      </c>
      <c r="G3630" s="47">
        <v>7.1</v>
      </c>
    </row>
    <row r="3631" spans="1:25" x14ac:dyDescent="0.2">
      <c r="B3631" s="77"/>
      <c r="C3631" s="39" t="s">
        <v>61</v>
      </c>
      <c r="D3631" s="45">
        <v>675</v>
      </c>
      <c r="E3631" s="46">
        <v>45.5</v>
      </c>
      <c r="F3631" s="46">
        <v>46.4</v>
      </c>
      <c r="G3631" s="47">
        <v>8.1</v>
      </c>
    </row>
    <row r="3632" spans="1:25" x14ac:dyDescent="0.2">
      <c r="B3632" s="77"/>
      <c r="C3632" s="39" t="s">
        <v>62</v>
      </c>
      <c r="D3632" s="45">
        <v>1086</v>
      </c>
      <c r="E3632" s="46">
        <v>48.5</v>
      </c>
      <c r="F3632" s="46">
        <v>43.2</v>
      </c>
      <c r="G3632" s="47">
        <v>8.3000000000000007</v>
      </c>
    </row>
    <row r="3633" spans="2:7" ht="21.6" x14ac:dyDescent="0.2">
      <c r="B3633" s="77"/>
      <c r="C3633" s="39" t="s">
        <v>63</v>
      </c>
      <c r="D3633" s="45">
        <v>203</v>
      </c>
      <c r="E3633" s="46">
        <v>44.3</v>
      </c>
      <c r="F3633" s="46">
        <v>42.9</v>
      </c>
      <c r="G3633" s="47">
        <v>12.8</v>
      </c>
    </row>
    <row r="3634" spans="2:7" x14ac:dyDescent="0.2">
      <c r="B3634" s="77"/>
      <c r="C3634" s="39" t="s">
        <v>64</v>
      </c>
      <c r="D3634" s="45">
        <v>263</v>
      </c>
      <c r="E3634" s="46">
        <v>50.2</v>
      </c>
      <c r="F3634" s="46">
        <v>43</v>
      </c>
      <c r="G3634" s="47">
        <v>6.8</v>
      </c>
    </row>
    <row r="3635" spans="2:7" x14ac:dyDescent="0.2">
      <c r="B3635" s="77"/>
      <c r="C3635" s="39" t="s">
        <v>65</v>
      </c>
      <c r="D3635" s="45">
        <v>312</v>
      </c>
      <c r="E3635" s="46">
        <v>43.9</v>
      </c>
      <c r="F3635" s="46">
        <v>46.8</v>
      </c>
      <c r="G3635" s="47">
        <v>9.3000000000000007</v>
      </c>
    </row>
    <row r="3636" spans="2:7" x14ac:dyDescent="0.2">
      <c r="B3636" s="77"/>
      <c r="C3636" s="39" t="s">
        <v>66</v>
      </c>
      <c r="D3636" s="45">
        <v>230</v>
      </c>
      <c r="E3636" s="46">
        <v>54.8</v>
      </c>
      <c r="F3636" s="46">
        <v>39.1</v>
      </c>
      <c r="G3636" s="47">
        <v>6.1</v>
      </c>
    </row>
    <row r="3637" spans="2:7" x14ac:dyDescent="0.2">
      <c r="B3637" s="77"/>
      <c r="C3637" s="39" t="s">
        <v>67</v>
      </c>
      <c r="D3637" s="45">
        <v>78</v>
      </c>
      <c r="E3637" s="46">
        <v>53.8</v>
      </c>
      <c r="F3637" s="46">
        <v>42.3</v>
      </c>
      <c r="G3637" s="47">
        <v>3.8</v>
      </c>
    </row>
    <row r="3638" spans="2:7" x14ac:dyDescent="0.2">
      <c r="B3638" s="77"/>
      <c r="C3638" s="39" t="s">
        <v>68</v>
      </c>
      <c r="D3638" s="45">
        <v>897</v>
      </c>
      <c r="E3638" s="46">
        <v>51.7</v>
      </c>
      <c r="F3638" s="46">
        <v>41</v>
      </c>
      <c r="G3638" s="47">
        <v>7.2</v>
      </c>
    </row>
    <row r="3639" spans="2:7" x14ac:dyDescent="0.2">
      <c r="B3639" s="77"/>
      <c r="C3639" s="39" t="s">
        <v>69</v>
      </c>
      <c r="D3639" s="45">
        <v>189</v>
      </c>
      <c r="E3639" s="46">
        <v>33.299999999999997</v>
      </c>
      <c r="F3639" s="46">
        <v>53.4</v>
      </c>
      <c r="G3639" s="47">
        <v>13.2</v>
      </c>
    </row>
    <row r="3640" spans="2:7" x14ac:dyDescent="0.2">
      <c r="B3640" s="77"/>
      <c r="C3640" s="39" t="s">
        <v>70</v>
      </c>
      <c r="D3640" s="45">
        <v>914</v>
      </c>
      <c r="E3640" s="46">
        <v>45.3</v>
      </c>
      <c r="F3640" s="46">
        <v>48.2</v>
      </c>
      <c r="G3640" s="47">
        <v>6.5</v>
      </c>
    </row>
    <row r="3641" spans="2:7" ht="21.6" x14ac:dyDescent="0.2">
      <c r="B3641" s="77"/>
      <c r="C3641" s="39" t="s">
        <v>63</v>
      </c>
      <c r="D3641" s="45">
        <v>193</v>
      </c>
      <c r="E3641" s="46">
        <v>47.7</v>
      </c>
      <c r="F3641" s="46">
        <v>42.5</v>
      </c>
      <c r="G3641" s="47">
        <v>9.8000000000000007</v>
      </c>
    </row>
    <row r="3642" spans="2:7" x14ac:dyDescent="0.2">
      <c r="B3642" s="77"/>
      <c r="C3642" s="39" t="s">
        <v>64</v>
      </c>
      <c r="D3642" s="45">
        <v>203</v>
      </c>
      <c r="E3642" s="46">
        <v>47.8</v>
      </c>
      <c r="F3642" s="46">
        <v>46.3</v>
      </c>
      <c r="G3642" s="47">
        <v>5.9</v>
      </c>
    </row>
    <row r="3643" spans="2:7" x14ac:dyDescent="0.2">
      <c r="B3643" s="77"/>
      <c r="C3643" s="39" t="s">
        <v>65</v>
      </c>
      <c r="D3643" s="45">
        <v>263</v>
      </c>
      <c r="E3643" s="46">
        <v>42.2</v>
      </c>
      <c r="F3643" s="46">
        <v>51.3</v>
      </c>
      <c r="G3643" s="47">
        <v>6.5</v>
      </c>
    </row>
    <row r="3644" spans="2:7" x14ac:dyDescent="0.2">
      <c r="B3644" s="77"/>
      <c r="C3644" s="39" t="s">
        <v>66</v>
      </c>
      <c r="D3644" s="45">
        <v>194</v>
      </c>
      <c r="E3644" s="46">
        <v>42.8</v>
      </c>
      <c r="F3644" s="46">
        <v>52.6</v>
      </c>
      <c r="G3644" s="47">
        <v>4.5999999999999996</v>
      </c>
    </row>
    <row r="3645" spans="2:7" x14ac:dyDescent="0.2">
      <c r="B3645" s="77"/>
      <c r="C3645" s="39" t="s">
        <v>67</v>
      </c>
      <c r="D3645" s="45">
        <v>61</v>
      </c>
      <c r="E3645" s="46">
        <v>50.8</v>
      </c>
      <c r="F3645" s="46">
        <v>45.9</v>
      </c>
      <c r="G3645" s="47">
        <v>3.3</v>
      </c>
    </row>
    <row r="3646" spans="2:7" x14ac:dyDescent="0.2">
      <c r="B3646" s="77"/>
      <c r="C3646" s="39" t="s">
        <v>68</v>
      </c>
      <c r="D3646" s="45">
        <v>416</v>
      </c>
      <c r="E3646" s="46">
        <v>55.3</v>
      </c>
      <c r="F3646" s="46">
        <v>38.9</v>
      </c>
      <c r="G3646" s="47">
        <v>5.8</v>
      </c>
    </row>
    <row r="3647" spans="2:7" x14ac:dyDescent="0.2">
      <c r="B3647" s="77"/>
      <c r="C3647" s="40" t="s">
        <v>69</v>
      </c>
      <c r="D3647" s="48">
        <v>498</v>
      </c>
      <c r="E3647" s="49">
        <v>36.9</v>
      </c>
      <c r="F3647" s="49">
        <v>56</v>
      </c>
      <c r="G3647" s="50">
        <v>7</v>
      </c>
    </row>
    <row r="3649" spans="1:25" x14ac:dyDescent="0.2">
      <c r="A3649" s="26" t="s">
        <v>25</v>
      </c>
      <c r="B3649" t="s">
        <v>35</v>
      </c>
      <c r="C3649" t="s">
        <v>35</v>
      </c>
    </row>
    <row r="3650" spans="1:25" x14ac:dyDescent="0.2">
      <c r="B3650" s="75" t="s">
        <v>176</v>
      </c>
      <c r="C3650" s="76"/>
      <c r="D3650" s="76"/>
      <c r="E3650" s="76"/>
      <c r="F3650" s="76"/>
      <c r="G3650" s="76"/>
      <c r="H3650" s="76"/>
      <c r="I3650" s="76"/>
      <c r="J3650" s="76"/>
      <c r="K3650" s="76"/>
      <c r="L3650" s="76"/>
      <c r="M3650" s="76"/>
      <c r="N3650" s="76"/>
      <c r="O3650" s="76"/>
      <c r="P3650" s="76"/>
      <c r="Q3650" s="76"/>
      <c r="R3650" s="76"/>
      <c r="S3650" s="76"/>
      <c r="T3650" s="76"/>
      <c r="U3650" s="76"/>
      <c r="V3650" s="76"/>
      <c r="W3650" s="76"/>
      <c r="X3650" s="76"/>
      <c r="Y3650" s="76"/>
    </row>
    <row r="3651" spans="1:25" s="32" customFormat="1" ht="36.450000000000003" customHeight="1" x14ac:dyDescent="0.15">
      <c r="A3651" s="31"/>
      <c r="D3651" s="33" t="s">
        <v>378</v>
      </c>
      <c r="E3651" s="36" t="s">
        <v>567</v>
      </c>
      <c r="F3651" s="55" t="s">
        <v>568</v>
      </c>
      <c r="G3651" s="37" t="s">
        <v>480</v>
      </c>
      <c r="H3651" s="35" t="s">
        <v>381</v>
      </c>
    </row>
    <row r="3652" spans="1:25" x14ac:dyDescent="0.2">
      <c r="B3652" s="5"/>
      <c r="C3652" s="41" t="s">
        <v>38</v>
      </c>
      <c r="D3652" s="42">
        <v>2000</v>
      </c>
      <c r="E3652" s="43">
        <v>42.1</v>
      </c>
      <c r="F3652" s="43">
        <v>50.7</v>
      </c>
      <c r="G3652" s="44">
        <v>7.3</v>
      </c>
    </row>
    <row r="3653" spans="1:25" x14ac:dyDescent="0.2">
      <c r="B3653" s="77" t="s">
        <v>37</v>
      </c>
      <c r="C3653" s="39" t="s">
        <v>39</v>
      </c>
      <c r="D3653" s="45">
        <v>111</v>
      </c>
      <c r="E3653" s="46">
        <v>53.2</v>
      </c>
      <c r="F3653" s="46">
        <v>40.5</v>
      </c>
      <c r="G3653" s="47">
        <v>6.3</v>
      </c>
    </row>
    <row r="3654" spans="1:25" x14ac:dyDescent="0.2">
      <c r="B3654" s="77"/>
      <c r="C3654" s="39" t="s">
        <v>40</v>
      </c>
      <c r="D3654" s="45">
        <v>450</v>
      </c>
      <c r="E3654" s="46">
        <v>46.9</v>
      </c>
      <c r="F3654" s="46">
        <v>48.2</v>
      </c>
      <c r="G3654" s="47">
        <v>4.9000000000000004</v>
      </c>
    </row>
    <row r="3655" spans="1:25" ht="21.6" x14ac:dyDescent="0.2">
      <c r="B3655" s="77"/>
      <c r="C3655" s="39" t="s">
        <v>41</v>
      </c>
      <c r="D3655" s="45">
        <v>30</v>
      </c>
      <c r="E3655" s="46">
        <v>46.7</v>
      </c>
      <c r="F3655" s="46">
        <v>43.3</v>
      </c>
      <c r="G3655" s="47">
        <v>10</v>
      </c>
    </row>
    <row r="3656" spans="1:25" ht="21.6" x14ac:dyDescent="0.2">
      <c r="B3656" s="77"/>
      <c r="C3656" s="39" t="s">
        <v>42</v>
      </c>
      <c r="D3656" s="45">
        <v>336</v>
      </c>
      <c r="E3656" s="46">
        <v>53</v>
      </c>
      <c r="F3656" s="46">
        <v>40.5</v>
      </c>
      <c r="G3656" s="47">
        <v>6.5</v>
      </c>
    </row>
    <row r="3657" spans="1:25" ht="21.6" x14ac:dyDescent="0.2">
      <c r="B3657" s="77"/>
      <c r="C3657" s="39" t="s">
        <v>43</v>
      </c>
      <c r="D3657" s="45">
        <v>327</v>
      </c>
      <c r="E3657" s="46">
        <v>32.4</v>
      </c>
      <c r="F3657" s="46">
        <v>58.7</v>
      </c>
      <c r="G3657" s="47">
        <v>8.9</v>
      </c>
    </row>
    <row r="3658" spans="1:25" ht="21.6" x14ac:dyDescent="0.2">
      <c r="B3658" s="77"/>
      <c r="C3658" s="39" t="s">
        <v>44</v>
      </c>
      <c r="D3658" s="45">
        <v>181</v>
      </c>
      <c r="E3658" s="46">
        <v>42.5</v>
      </c>
      <c r="F3658" s="46">
        <v>50.8</v>
      </c>
      <c r="G3658" s="47">
        <v>6.6</v>
      </c>
    </row>
    <row r="3659" spans="1:25" ht="21.6" x14ac:dyDescent="0.2">
      <c r="B3659" s="77"/>
      <c r="C3659" s="39" t="s">
        <v>45</v>
      </c>
      <c r="D3659" s="45">
        <v>565</v>
      </c>
      <c r="E3659" s="46">
        <v>34.700000000000003</v>
      </c>
      <c r="F3659" s="46">
        <v>56.3</v>
      </c>
      <c r="G3659" s="47">
        <v>9</v>
      </c>
    </row>
    <row r="3660" spans="1:25" ht="21.6" x14ac:dyDescent="0.2">
      <c r="B3660" s="77"/>
      <c r="C3660" s="39" t="s">
        <v>46</v>
      </c>
      <c r="D3660" s="45">
        <v>473</v>
      </c>
      <c r="E3660" s="46">
        <v>31.7</v>
      </c>
      <c r="F3660" s="46">
        <v>60.3</v>
      </c>
      <c r="G3660" s="47">
        <v>8</v>
      </c>
    </row>
    <row r="3661" spans="1:25" ht="21.6" x14ac:dyDescent="0.2">
      <c r="B3661" s="77"/>
      <c r="C3661" s="39" t="s">
        <v>47</v>
      </c>
      <c r="D3661" s="45">
        <v>441</v>
      </c>
      <c r="E3661" s="46">
        <v>41.7</v>
      </c>
      <c r="F3661" s="46">
        <v>53.3</v>
      </c>
      <c r="G3661" s="47">
        <v>5</v>
      </c>
    </row>
    <row r="3662" spans="1:25" ht="21.6" x14ac:dyDescent="0.2">
      <c r="B3662" s="77"/>
      <c r="C3662" s="39" t="s">
        <v>48</v>
      </c>
      <c r="D3662" s="45">
        <v>305</v>
      </c>
      <c r="E3662" s="46">
        <v>49.5</v>
      </c>
      <c r="F3662" s="46">
        <v>46.6</v>
      </c>
      <c r="G3662" s="47">
        <v>3.9</v>
      </c>
    </row>
    <row r="3663" spans="1:25" ht="21.6" x14ac:dyDescent="0.2">
      <c r="B3663" s="77"/>
      <c r="C3663" s="39" t="s">
        <v>49</v>
      </c>
      <c r="D3663" s="45">
        <v>223</v>
      </c>
      <c r="E3663" s="46">
        <v>54.7</v>
      </c>
      <c r="F3663" s="46">
        <v>43.5</v>
      </c>
      <c r="G3663" s="47">
        <v>1.8</v>
      </c>
    </row>
    <row r="3664" spans="1:25" ht="21.6" x14ac:dyDescent="0.2">
      <c r="B3664" s="77"/>
      <c r="C3664" s="39" t="s">
        <v>50</v>
      </c>
      <c r="D3664" s="45">
        <v>123</v>
      </c>
      <c r="E3664" s="46">
        <v>55.3</v>
      </c>
      <c r="F3664" s="46">
        <v>42.3</v>
      </c>
      <c r="G3664" s="47">
        <v>2.4</v>
      </c>
    </row>
    <row r="3665" spans="1:25" ht="21.6" x14ac:dyDescent="0.2">
      <c r="B3665" s="77"/>
      <c r="C3665" s="39" t="s">
        <v>51</v>
      </c>
      <c r="D3665" s="45">
        <v>124</v>
      </c>
      <c r="E3665" s="46">
        <v>64.5</v>
      </c>
      <c r="F3665" s="46">
        <v>31.5</v>
      </c>
      <c r="G3665" s="47">
        <v>4</v>
      </c>
    </row>
    <row r="3666" spans="1:25" ht="21.6" x14ac:dyDescent="0.2">
      <c r="B3666" s="77"/>
      <c r="C3666" s="39" t="s">
        <v>52</v>
      </c>
      <c r="D3666" s="45">
        <v>312</v>
      </c>
      <c r="E3666" s="46">
        <v>37.200000000000003</v>
      </c>
      <c r="F3666" s="46">
        <v>56.1</v>
      </c>
      <c r="G3666" s="47">
        <v>6.7</v>
      </c>
    </row>
    <row r="3667" spans="1:25" x14ac:dyDescent="0.2">
      <c r="B3667" s="77"/>
      <c r="C3667" s="39" t="s">
        <v>53</v>
      </c>
      <c r="D3667" s="45">
        <v>269</v>
      </c>
      <c r="E3667" s="46">
        <v>33.1</v>
      </c>
      <c r="F3667" s="46">
        <v>60.6</v>
      </c>
      <c r="G3667" s="47">
        <v>6.3</v>
      </c>
    </row>
    <row r="3668" spans="1:25" ht="21.6" x14ac:dyDescent="0.2">
      <c r="B3668" s="77"/>
      <c r="C3668" s="39" t="s">
        <v>54</v>
      </c>
      <c r="D3668" s="45">
        <v>511</v>
      </c>
      <c r="E3668" s="46">
        <v>47.2</v>
      </c>
      <c r="F3668" s="46">
        <v>47.9</v>
      </c>
      <c r="G3668" s="47">
        <v>4.9000000000000004</v>
      </c>
    </row>
    <row r="3669" spans="1:25" ht="21.6" x14ac:dyDescent="0.2">
      <c r="B3669" s="77"/>
      <c r="C3669" s="39" t="s">
        <v>55</v>
      </c>
      <c r="D3669" s="45">
        <v>615</v>
      </c>
      <c r="E3669" s="46">
        <v>53.7</v>
      </c>
      <c r="F3669" s="46">
        <v>42</v>
      </c>
      <c r="G3669" s="47">
        <v>4.4000000000000004</v>
      </c>
    </row>
    <row r="3670" spans="1:25" ht="21.6" x14ac:dyDescent="0.2">
      <c r="B3670" s="77"/>
      <c r="C3670" s="39" t="s">
        <v>56</v>
      </c>
      <c r="D3670" s="45">
        <v>800</v>
      </c>
      <c r="E3670" s="46">
        <v>51.9</v>
      </c>
      <c r="F3670" s="46">
        <v>41.8</v>
      </c>
      <c r="G3670" s="47">
        <v>6.4</v>
      </c>
    </row>
    <row r="3671" spans="1:25" x14ac:dyDescent="0.2">
      <c r="B3671" s="77"/>
      <c r="C3671" s="40" t="s">
        <v>57</v>
      </c>
      <c r="D3671" s="48">
        <v>798</v>
      </c>
      <c r="E3671" s="49">
        <v>40.1</v>
      </c>
      <c r="F3671" s="49">
        <v>55.3</v>
      </c>
      <c r="G3671" s="50">
        <v>4.5999999999999996</v>
      </c>
    </row>
    <row r="3673" spans="1:25" x14ac:dyDescent="0.2">
      <c r="C3673" t="s">
        <v>35</v>
      </c>
    </row>
    <row r="3674" spans="1:25" x14ac:dyDescent="0.2">
      <c r="B3674" s="75" t="s">
        <v>328</v>
      </c>
      <c r="C3674" s="76"/>
      <c r="D3674" s="76"/>
      <c r="E3674" s="76"/>
      <c r="F3674" s="76"/>
      <c r="G3674" s="76"/>
      <c r="H3674" s="76"/>
      <c r="I3674" s="76"/>
      <c r="J3674" s="76"/>
      <c r="K3674" s="76"/>
      <c r="L3674" s="76"/>
      <c r="M3674" s="76"/>
      <c r="N3674" s="76"/>
      <c r="O3674" s="76"/>
      <c r="P3674" s="76"/>
      <c r="Q3674" s="76"/>
      <c r="R3674" s="76"/>
      <c r="S3674" s="76"/>
      <c r="T3674" s="76"/>
      <c r="U3674" s="76"/>
      <c r="V3674" s="76"/>
      <c r="W3674" s="76"/>
      <c r="X3674" s="76"/>
      <c r="Y3674" s="76"/>
    </row>
    <row r="3675" spans="1:25" s="32" customFormat="1" ht="36.450000000000003" customHeight="1" x14ac:dyDescent="0.15">
      <c r="A3675" s="31"/>
      <c r="D3675" s="33" t="s">
        <v>378</v>
      </c>
      <c r="E3675" s="36" t="s">
        <v>567</v>
      </c>
      <c r="F3675" s="55" t="s">
        <v>568</v>
      </c>
      <c r="G3675" s="37" t="s">
        <v>480</v>
      </c>
      <c r="H3675" s="35" t="s">
        <v>381</v>
      </c>
    </row>
    <row r="3676" spans="1:25" ht="21.6" x14ac:dyDescent="0.2">
      <c r="B3676" s="77" t="s">
        <v>37</v>
      </c>
      <c r="C3676" s="38" t="s">
        <v>58</v>
      </c>
      <c r="D3676" s="51">
        <v>609</v>
      </c>
      <c r="E3676" s="52">
        <v>49.3</v>
      </c>
      <c r="F3676" s="52">
        <v>43.8</v>
      </c>
      <c r="G3676" s="53">
        <v>6.9</v>
      </c>
    </row>
    <row r="3677" spans="1:25" ht="21.6" x14ac:dyDescent="0.2">
      <c r="B3677" s="77"/>
      <c r="C3677" s="39" t="s">
        <v>59</v>
      </c>
      <c r="D3677" s="45">
        <v>1391</v>
      </c>
      <c r="E3677" s="46">
        <v>38.9</v>
      </c>
      <c r="F3677" s="46">
        <v>53.6</v>
      </c>
      <c r="G3677" s="47">
        <v>7.5</v>
      </c>
    </row>
    <row r="3678" spans="1:25" x14ac:dyDescent="0.2">
      <c r="B3678" s="77"/>
      <c r="C3678" s="39" t="s">
        <v>60</v>
      </c>
      <c r="D3678" s="45">
        <v>1325</v>
      </c>
      <c r="E3678" s="46">
        <v>42.9</v>
      </c>
      <c r="F3678" s="46">
        <v>50.3</v>
      </c>
      <c r="G3678" s="47">
        <v>6.8</v>
      </c>
    </row>
    <row r="3679" spans="1:25" x14ac:dyDescent="0.2">
      <c r="B3679" s="77"/>
      <c r="C3679" s="39" t="s">
        <v>61</v>
      </c>
      <c r="D3679" s="45">
        <v>675</v>
      </c>
      <c r="E3679" s="46">
        <v>40.299999999999997</v>
      </c>
      <c r="F3679" s="46">
        <v>51.4</v>
      </c>
      <c r="G3679" s="47">
        <v>8.3000000000000007</v>
      </c>
    </row>
    <row r="3680" spans="1:25" x14ac:dyDescent="0.2">
      <c r="B3680" s="77"/>
      <c r="C3680" s="39" t="s">
        <v>62</v>
      </c>
      <c r="D3680" s="45">
        <v>1086</v>
      </c>
      <c r="E3680" s="46">
        <v>45.6</v>
      </c>
      <c r="F3680" s="46">
        <v>45.8</v>
      </c>
      <c r="G3680" s="47">
        <v>8.6999999999999993</v>
      </c>
    </row>
    <row r="3681" spans="2:7" ht="21.6" x14ac:dyDescent="0.2">
      <c r="B3681" s="77"/>
      <c r="C3681" s="39" t="s">
        <v>63</v>
      </c>
      <c r="D3681" s="45">
        <v>203</v>
      </c>
      <c r="E3681" s="46">
        <v>39.4</v>
      </c>
      <c r="F3681" s="46">
        <v>45.8</v>
      </c>
      <c r="G3681" s="47">
        <v>14.8</v>
      </c>
    </row>
    <row r="3682" spans="2:7" x14ac:dyDescent="0.2">
      <c r="B3682" s="77"/>
      <c r="C3682" s="39" t="s">
        <v>64</v>
      </c>
      <c r="D3682" s="45">
        <v>263</v>
      </c>
      <c r="E3682" s="46">
        <v>46.4</v>
      </c>
      <c r="F3682" s="46">
        <v>46.8</v>
      </c>
      <c r="G3682" s="47">
        <v>6.8</v>
      </c>
    </row>
    <row r="3683" spans="2:7" x14ac:dyDescent="0.2">
      <c r="B3683" s="77"/>
      <c r="C3683" s="39" t="s">
        <v>65</v>
      </c>
      <c r="D3683" s="45">
        <v>312</v>
      </c>
      <c r="E3683" s="46">
        <v>46.8</v>
      </c>
      <c r="F3683" s="46">
        <v>43.6</v>
      </c>
      <c r="G3683" s="47">
        <v>9.6</v>
      </c>
    </row>
    <row r="3684" spans="2:7" x14ac:dyDescent="0.2">
      <c r="B3684" s="77"/>
      <c r="C3684" s="39" t="s">
        <v>66</v>
      </c>
      <c r="D3684" s="45">
        <v>230</v>
      </c>
      <c r="E3684" s="46">
        <v>49.1</v>
      </c>
      <c r="F3684" s="46">
        <v>44.8</v>
      </c>
      <c r="G3684" s="47">
        <v>6.1</v>
      </c>
    </row>
    <row r="3685" spans="2:7" x14ac:dyDescent="0.2">
      <c r="B3685" s="77"/>
      <c r="C3685" s="39" t="s">
        <v>67</v>
      </c>
      <c r="D3685" s="45">
        <v>78</v>
      </c>
      <c r="E3685" s="46">
        <v>43.6</v>
      </c>
      <c r="F3685" s="46">
        <v>53.8</v>
      </c>
      <c r="G3685" s="47">
        <v>2.6</v>
      </c>
    </row>
    <row r="3686" spans="2:7" x14ac:dyDescent="0.2">
      <c r="B3686" s="77"/>
      <c r="C3686" s="39" t="s">
        <v>68</v>
      </c>
      <c r="D3686" s="45">
        <v>897</v>
      </c>
      <c r="E3686" s="46">
        <v>49.8</v>
      </c>
      <c r="F3686" s="46">
        <v>42.4</v>
      </c>
      <c r="G3686" s="47">
        <v>7.8</v>
      </c>
    </row>
    <row r="3687" spans="2:7" x14ac:dyDescent="0.2">
      <c r="B3687" s="77"/>
      <c r="C3687" s="39" t="s">
        <v>69</v>
      </c>
      <c r="D3687" s="45">
        <v>189</v>
      </c>
      <c r="E3687" s="46">
        <v>25.4</v>
      </c>
      <c r="F3687" s="46">
        <v>61.9</v>
      </c>
      <c r="G3687" s="47">
        <v>12.7</v>
      </c>
    </row>
    <row r="3688" spans="2:7" x14ac:dyDescent="0.2">
      <c r="B3688" s="77"/>
      <c r="C3688" s="39" t="s">
        <v>70</v>
      </c>
      <c r="D3688" s="45">
        <v>914</v>
      </c>
      <c r="E3688" s="46">
        <v>37.9</v>
      </c>
      <c r="F3688" s="46">
        <v>56.5</v>
      </c>
      <c r="G3688" s="47">
        <v>5.7</v>
      </c>
    </row>
    <row r="3689" spans="2:7" ht="21.6" x14ac:dyDescent="0.2">
      <c r="B3689" s="77"/>
      <c r="C3689" s="39" t="s">
        <v>63</v>
      </c>
      <c r="D3689" s="45">
        <v>193</v>
      </c>
      <c r="E3689" s="46">
        <v>45.1</v>
      </c>
      <c r="F3689" s="46">
        <v>46.6</v>
      </c>
      <c r="G3689" s="47">
        <v>8.3000000000000007</v>
      </c>
    </row>
    <row r="3690" spans="2:7" x14ac:dyDescent="0.2">
      <c r="B3690" s="77"/>
      <c r="C3690" s="39" t="s">
        <v>64</v>
      </c>
      <c r="D3690" s="45">
        <v>203</v>
      </c>
      <c r="E3690" s="46">
        <v>40.4</v>
      </c>
      <c r="F3690" s="46">
        <v>55.7</v>
      </c>
      <c r="G3690" s="47">
        <v>3.9</v>
      </c>
    </row>
    <row r="3691" spans="2:7" x14ac:dyDescent="0.2">
      <c r="B3691" s="77"/>
      <c r="C3691" s="39" t="s">
        <v>65</v>
      </c>
      <c r="D3691" s="45">
        <v>263</v>
      </c>
      <c r="E3691" s="46">
        <v>41.4</v>
      </c>
      <c r="F3691" s="46">
        <v>52.9</v>
      </c>
      <c r="G3691" s="47">
        <v>5.7</v>
      </c>
    </row>
    <row r="3692" spans="2:7" x14ac:dyDescent="0.2">
      <c r="B3692" s="77"/>
      <c r="C3692" s="39" t="s">
        <v>66</v>
      </c>
      <c r="D3692" s="45">
        <v>194</v>
      </c>
      <c r="E3692" s="46">
        <v>27.8</v>
      </c>
      <c r="F3692" s="46">
        <v>67.5</v>
      </c>
      <c r="G3692" s="47">
        <v>4.5999999999999996</v>
      </c>
    </row>
    <row r="3693" spans="2:7" x14ac:dyDescent="0.2">
      <c r="B3693" s="77"/>
      <c r="C3693" s="39" t="s">
        <v>67</v>
      </c>
      <c r="D3693" s="45">
        <v>61</v>
      </c>
      <c r="E3693" s="46">
        <v>23</v>
      </c>
      <c r="F3693" s="46">
        <v>70.5</v>
      </c>
      <c r="G3693" s="47">
        <v>6.6</v>
      </c>
    </row>
    <row r="3694" spans="2:7" x14ac:dyDescent="0.2">
      <c r="B3694" s="77"/>
      <c r="C3694" s="39" t="s">
        <v>68</v>
      </c>
      <c r="D3694" s="45">
        <v>416</v>
      </c>
      <c r="E3694" s="46">
        <v>52.2</v>
      </c>
      <c r="F3694" s="46">
        <v>44.2</v>
      </c>
      <c r="G3694" s="47">
        <v>3.6</v>
      </c>
    </row>
    <row r="3695" spans="2:7" x14ac:dyDescent="0.2">
      <c r="B3695" s="77"/>
      <c r="C3695" s="40" t="s">
        <v>69</v>
      </c>
      <c r="D3695" s="48">
        <v>498</v>
      </c>
      <c r="E3695" s="49">
        <v>25.9</v>
      </c>
      <c r="F3695" s="49">
        <v>66.7</v>
      </c>
      <c r="G3695" s="50">
        <v>7.4</v>
      </c>
    </row>
    <row r="3697" spans="1:25" x14ac:dyDescent="0.2">
      <c r="A3697" s="26" t="s">
        <v>25</v>
      </c>
      <c r="B3697" t="s">
        <v>35</v>
      </c>
      <c r="C3697" t="s">
        <v>35</v>
      </c>
    </row>
    <row r="3698" spans="1:25" x14ac:dyDescent="0.2">
      <c r="B3698" s="75" t="s">
        <v>177</v>
      </c>
      <c r="C3698" s="76"/>
      <c r="D3698" s="76"/>
      <c r="E3698" s="76"/>
      <c r="F3698" s="76"/>
      <c r="G3698" s="76"/>
      <c r="H3698" s="76"/>
      <c r="I3698" s="76"/>
      <c r="J3698" s="76"/>
      <c r="K3698" s="76"/>
      <c r="L3698" s="76"/>
      <c r="M3698" s="76"/>
      <c r="N3698" s="76"/>
      <c r="O3698" s="76"/>
      <c r="P3698" s="76"/>
      <c r="Q3698" s="76"/>
      <c r="R3698" s="76"/>
      <c r="S3698" s="76"/>
      <c r="T3698" s="76"/>
      <c r="U3698" s="76"/>
      <c r="V3698" s="76"/>
      <c r="W3698" s="76"/>
      <c r="X3698" s="76"/>
      <c r="Y3698" s="76"/>
    </row>
    <row r="3699" spans="1:25" s="32" customFormat="1" ht="36.450000000000003" customHeight="1" x14ac:dyDescent="0.15">
      <c r="A3699" s="31"/>
      <c r="D3699" s="33" t="s">
        <v>378</v>
      </c>
      <c r="E3699" s="36" t="s">
        <v>567</v>
      </c>
      <c r="F3699" s="55" t="s">
        <v>568</v>
      </c>
      <c r="G3699" s="37" t="s">
        <v>480</v>
      </c>
      <c r="H3699" s="35" t="s">
        <v>381</v>
      </c>
    </row>
    <row r="3700" spans="1:25" x14ac:dyDescent="0.2">
      <c r="B3700" s="5"/>
      <c r="C3700" s="41" t="s">
        <v>38</v>
      </c>
      <c r="D3700" s="42">
        <v>2000</v>
      </c>
      <c r="E3700" s="43">
        <v>37.4</v>
      </c>
      <c r="F3700" s="43">
        <v>54.7</v>
      </c>
      <c r="G3700" s="44">
        <v>8</v>
      </c>
    </row>
    <row r="3701" spans="1:25" x14ac:dyDescent="0.2">
      <c r="B3701" s="77" t="s">
        <v>37</v>
      </c>
      <c r="C3701" s="39" t="s">
        <v>39</v>
      </c>
      <c r="D3701" s="45">
        <v>111</v>
      </c>
      <c r="E3701" s="46">
        <v>44.1</v>
      </c>
      <c r="F3701" s="46">
        <v>50.5</v>
      </c>
      <c r="G3701" s="47">
        <v>5.4</v>
      </c>
    </row>
    <row r="3702" spans="1:25" x14ac:dyDescent="0.2">
      <c r="B3702" s="77"/>
      <c r="C3702" s="39" t="s">
        <v>40</v>
      </c>
      <c r="D3702" s="45">
        <v>450</v>
      </c>
      <c r="E3702" s="46">
        <v>36.200000000000003</v>
      </c>
      <c r="F3702" s="46">
        <v>58.2</v>
      </c>
      <c r="G3702" s="47">
        <v>5.6</v>
      </c>
    </row>
    <row r="3703" spans="1:25" ht="21.6" x14ac:dyDescent="0.2">
      <c r="B3703" s="77"/>
      <c r="C3703" s="39" t="s">
        <v>41</v>
      </c>
      <c r="D3703" s="45">
        <v>30</v>
      </c>
      <c r="E3703" s="46">
        <v>40</v>
      </c>
      <c r="F3703" s="46">
        <v>50</v>
      </c>
      <c r="G3703" s="47">
        <v>10</v>
      </c>
    </row>
    <row r="3704" spans="1:25" ht="21.6" x14ac:dyDescent="0.2">
      <c r="B3704" s="77"/>
      <c r="C3704" s="39" t="s">
        <v>42</v>
      </c>
      <c r="D3704" s="45">
        <v>336</v>
      </c>
      <c r="E3704" s="46">
        <v>41.7</v>
      </c>
      <c r="F3704" s="46">
        <v>50</v>
      </c>
      <c r="G3704" s="47">
        <v>8.3000000000000007</v>
      </c>
    </row>
    <row r="3705" spans="1:25" ht="21.6" x14ac:dyDescent="0.2">
      <c r="B3705" s="77"/>
      <c r="C3705" s="39" t="s">
        <v>43</v>
      </c>
      <c r="D3705" s="45">
        <v>327</v>
      </c>
      <c r="E3705" s="46">
        <v>38.5</v>
      </c>
      <c r="F3705" s="46">
        <v>52</v>
      </c>
      <c r="G3705" s="47">
        <v>9.5</v>
      </c>
    </row>
    <row r="3706" spans="1:25" ht="21.6" x14ac:dyDescent="0.2">
      <c r="B3706" s="77"/>
      <c r="C3706" s="39" t="s">
        <v>44</v>
      </c>
      <c r="D3706" s="45">
        <v>181</v>
      </c>
      <c r="E3706" s="46">
        <v>34.799999999999997</v>
      </c>
      <c r="F3706" s="46">
        <v>56.9</v>
      </c>
      <c r="G3706" s="47">
        <v>8.3000000000000007</v>
      </c>
    </row>
    <row r="3707" spans="1:25" ht="21.6" x14ac:dyDescent="0.2">
      <c r="B3707" s="77"/>
      <c r="C3707" s="39" t="s">
        <v>45</v>
      </c>
      <c r="D3707" s="45">
        <v>565</v>
      </c>
      <c r="E3707" s="46">
        <v>34.299999999999997</v>
      </c>
      <c r="F3707" s="46">
        <v>56.6</v>
      </c>
      <c r="G3707" s="47">
        <v>9</v>
      </c>
    </row>
    <row r="3708" spans="1:25" ht="21.6" x14ac:dyDescent="0.2">
      <c r="B3708" s="77"/>
      <c r="C3708" s="39" t="s">
        <v>46</v>
      </c>
      <c r="D3708" s="45">
        <v>473</v>
      </c>
      <c r="E3708" s="46">
        <v>33.4</v>
      </c>
      <c r="F3708" s="46">
        <v>57.7</v>
      </c>
      <c r="G3708" s="47">
        <v>8.9</v>
      </c>
    </row>
    <row r="3709" spans="1:25" ht="21.6" x14ac:dyDescent="0.2">
      <c r="B3709" s="77"/>
      <c r="C3709" s="39" t="s">
        <v>47</v>
      </c>
      <c r="D3709" s="45">
        <v>441</v>
      </c>
      <c r="E3709" s="46">
        <v>39</v>
      </c>
      <c r="F3709" s="46">
        <v>55.3</v>
      </c>
      <c r="G3709" s="47">
        <v>5.7</v>
      </c>
    </row>
    <row r="3710" spans="1:25" ht="21.6" x14ac:dyDescent="0.2">
      <c r="B3710" s="77"/>
      <c r="C3710" s="39" t="s">
        <v>48</v>
      </c>
      <c r="D3710" s="45">
        <v>305</v>
      </c>
      <c r="E3710" s="46">
        <v>38.4</v>
      </c>
      <c r="F3710" s="46">
        <v>57</v>
      </c>
      <c r="G3710" s="47">
        <v>4.5999999999999996</v>
      </c>
    </row>
    <row r="3711" spans="1:25" ht="21.6" x14ac:dyDescent="0.2">
      <c r="B3711" s="77"/>
      <c r="C3711" s="39" t="s">
        <v>49</v>
      </c>
      <c r="D3711" s="45">
        <v>223</v>
      </c>
      <c r="E3711" s="46">
        <v>41.3</v>
      </c>
      <c r="F3711" s="46">
        <v>56.1</v>
      </c>
      <c r="G3711" s="47">
        <v>2.7</v>
      </c>
    </row>
    <row r="3712" spans="1:25" ht="21.6" x14ac:dyDescent="0.2">
      <c r="B3712" s="77"/>
      <c r="C3712" s="39" t="s">
        <v>50</v>
      </c>
      <c r="D3712" s="45">
        <v>123</v>
      </c>
      <c r="E3712" s="46">
        <v>52</v>
      </c>
      <c r="F3712" s="46">
        <v>45.5</v>
      </c>
      <c r="G3712" s="47">
        <v>2.4</v>
      </c>
    </row>
    <row r="3713" spans="1:25" ht="21.6" x14ac:dyDescent="0.2">
      <c r="B3713" s="77"/>
      <c r="C3713" s="39" t="s">
        <v>51</v>
      </c>
      <c r="D3713" s="45">
        <v>124</v>
      </c>
      <c r="E3713" s="46">
        <v>49.2</v>
      </c>
      <c r="F3713" s="46">
        <v>44.4</v>
      </c>
      <c r="G3713" s="47">
        <v>6.5</v>
      </c>
    </row>
    <row r="3714" spans="1:25" ht="21.6" x14ac:dyDescent="0.2">
      <c r="B3714" s="77"/>
      <c r="C3714" s="39" t="s">
        <v>52</v>
      </c>
      <c r="D3714" s="45">
        <v>312</v>
      </c>
      <c r="E3714" s="46">
        <v>38.1</v>
      </c>
      <c r="F3714" s="46">
        <v>54.8</v>
      </c>
      <c r="G3714" s="47">
        <v>7.1</v>
      </c>
    </row>
    <row r="3715" spans="1:25" x14ac:dyDescent="0.2">
      <c r="B3715" s="77"/>
      <c r="C3715" s="39" t="s">
        <v>53</v>
      </c>
      <c r="D3715" s="45">
        <v>269</v>
      </c>
      <c r="E3715" s="46">
        <v>30.1</v>
      </c>
      <c r="F3715" s="46">
        <v>61.3</v>
      </c>
      <c r="G3715" s="47">
        <v>8.6</v>
      </c>
    </row>
    <row r="3716" spans="1:25" ht="21.6" x14ac:dyDescent="0.2">
      <c r="B3716" s="77"/>
      <c r="C3716" s="39" t="s">
        <v>54</v>
      </c>
      <c r="D3716" s="45">
        <v>511</v>
      </c>
      <c r="E3716" s="46">
        <v>40.1</v>
      </c>
      <c r="F3716" s="46">
        <v>54.4</v>
      </c>
      <c r="G3716" s="47">
        <v>5.5</v>
      </c>
    </row>
    <row r="3717" spans="1:25" ht="21.6" x14ac:dyDescent="0.2">
      <c r="B3717" s="77"/>
      <c r="C3717" s="39" t="s">
        <v>55</v>
      </c>
      <c r="D3717" s="45">
        <v>615</v>
      </c>
      <c r="E3717" s="46">
        <v>41.8</v>
      </c>
      <c r="F3717" s="46">
        <v>52.7</v>
      </c>
      <c r="G3717" s="47">
        <v>5.5</v>
      </c>
    </row>
    <row r="3718" spans="1:25" ht="21.6" x14ac:dyDescent="0.2">
      <c r="B3718" s="77"/>
      <c r="C3718" s="39" t="s">
        <v>56</v>
      </c>
      <c r="D3718" s="45">
        <v>800</v>
      </c>
      <c r="E3718" s="46">
        <v>42.6</v>
      </c>
      <c r="F3718" s="46">
        <v>50.3</v>
      </c>
      <c r="G3718" s="47">
        <v>7.1</v>
      </c>
    </row>
    <row r="3719" spans="1:25" x14ac:dyDescent="0.2">
      <c r="B3719" s="77"/>
      <c r="C3719" s="40" t="s">
        <v>57</v>
      </c>
      <c r="D3719" s="48">
        <v>798</v>
      </c>
      <c r="E3719" s="49">
        <v>34.299999999999997</v>
      </c>
      <c r="F3719" s="49">
        <v>60</v>
      </c>
      <c r="G3719" s="50">
        <v>5.6</v>
      </c>
    </row>
    <row r="3721" spans="1:25" x14ac:dyDescent="0.2">
      <c r="C3721" t="s">
        <v>35</v>
      </c>
    </row>
    <row r="3722" spans="1:25" x14ac:dyDescent="0.2">
      <c r="B3722" s="75" t="s">
        <v>329</v>
      </c>
      <c r="C3722" s="76"/>
      <c r="D3722" s="76"/>
      <c r="E3722" s="76"/>
      <c r="F3722" s="76"/>
      <c r="G3722" s="76"/>
      <c r="H3722" s="76"/>
      <c r="I3722" s="76"/>
      <c r="J3722" s="76"/>
      <c r="K3722" s="76"/>
      <c r="L3722" s="76"/>
      <c r="M3722" s="76"/>
      <c r="N3722" s="76"/>
      <c r="O3722" s="76"/>
      <c r="P3722" s="76"/>
      <c r="Q3722" s="76"/>
      <c r="R3722" s="76"/>
      <c r="S3722" s="76"/>
      <c r="T3722" s="76"/>
      <c r="U3722" s="76"/>
      <c r="V3722" s="76"/>
      <c r="W3722" s="76"/>
      <c r="X3722" s="76"/>
      <c r="Y3722" s="76"/>
    </row>
    <row r="3723" spans="1:25" s="32" customFormat="1" ht="36.450000000000003" customHeight="1" x14ac:dyDescent="0.15">
      <c r="A3723" s="31"/>
      <c r="D3723" s="33" t="s">
        <v>378</v>
      </c>
      <c r="E3723" s="36" t="s">
        <v>567</v>
      </c>
      <c r="F3723" s="55" t="s">
        <v>568</v>
      </c>
      <c r="G3723" s="37" t="s">
        <v>480</v>
      </c>
      <c r="H3723" s="35" t="s">
        <v>381</v>
      </c>
    </row>
    <row r="3724" spans="1:25" ht="21.6" x14ac:dyDescent="0.2">
      <c r="B3724" s="77" t="s">
        <v>37</v>
      </c>
      <c r="C3724" s="38" t="s">
        <v>58</v>
      </c>
      <c r="D3724" s="51">
        <v>609</v>
      </c>
      <c r="E3724" s="52">
        <v>41.2</v>
      </c>
      <c r="F3724" s="52">
        <v>50.6</v>
      </c>
      <c r="G3724" s="53">
        <v>8.1999999999999993</v>
      </c>
    </row>
    <row r="3725" spans="1:25" ht="21.6" x14ac:dyDescent="0.2">
      <c r="B3725" s="77"/>
      <c r="C3725" s="39" t="s">
        <v>59</v>
      </c>
      <c r="D3725" s="45">
        <v>1391</v>
      </c>
      <c r="E3725" s="46">
        <v>35.700000000000003</v>
      </c>
      <c r="F3725" s="46">
        <v>56.5</v>
      </c>
      <c r="G3725" s="47">
        <v>7.8</v>
      </c>
    </row>
    <row r="3726" spans="1:25" x14ac:dyDescent="0.2">
      <c r="B3726" s="77"/>
      <c r="C3726" s="39" t="s">
        <v>60</v>
      </c>
      <c r="D3726" s="45">
        <v>1325</v>
      </c>
      <c r="E3726" s="46">
        <v>38.6</v>
      </c>
      <c r="F3726" s="46">
        <v>54.1</v>
      </c>
      <c r="G3726" s="47">
        <v>7.2</v>
      </c>
    </row>
    <row r="3727" spans="1:25" x14ac:dyDescent="0.2">
      <c r="B3727" s="77"/>
      <c r="C3727" s="39" t="s">
        <v>61</v>
      </c>
      <c r="D3727" s="45">
        <v>675</v>
      </c>
      <c r="E3727" s="46">
        <v>34.799999999999997</v>
      </c>
      <c r="F3727" s="46">
        <v>55.9</v>
      </c>
      <c r="G3727" s="47">
        <v>9.3000000000000007</v>
      </c>
    </row>
    <row r="3728" spans="1:25" x14ac:dyDescent="0.2">
      <c r="B3728" s="77"/>
      <c r="C3728" s="39" t="s">
        <v>62</v>
      </c>
      <c r="D3728" s="45">
        <v>1086</v>
      </c>
      <c r="E3728" s="46">
        <v>36</v>
      </c>
      <c r="F3728" s="46">
        <v>55.1</v>
      </c>
      <c r="G3728" s="47">
        <v>8.9</v>
      </c>
    </row>
    <row r="3729" spans="2:7" ht="21.6" x14ac:dyDescent="0.2">
      <c r="B3729" s="77"/>
      <c r="C3729" s="39" t="s">
        <v>63</v>
      </c>
      <c r="D3729" s="45">
        <v>203</v>
      </c>
      <c r="E3729" s="46">
        <v>40.4</v>
      </c>
      <c r="F3729" s="46">
        <v>45.3</v>
      </c>
      <c r="G3729" s="47">
        <v>14.3</v>
      </c>
    </row>
    <row r="3730" spans="2:7" x14ac:dyDescent="0.2">
      <c r="B3730" s="77"/>
      <c r="C3730" s="39" t="s">
        <v>64</v>
      </c>
      <c r="D3730" s="45">
        <v>263</v>
      </c>
      <c r="E3730" s="46">
        <v>36.9</v>
      </c>
      <c r="F3730" s="46">
        <v>55.1</v>
      </c>
      <c r="G3730" s="47">
        <v>8</v>
      </c>
    </row>
    <row r="3731" spans="2:7" x14ac:dyDescent="0.2">
      <c r="B3731" s="77"/>
      <c r="C3731" s="39" t="s">
        <v>65</v>
      </c>
      <c r="D3731" s="45">
        <v>312</v>
      </c>
      <c r="E3731" s="46">
        <v>32.700000000000003</v>
      </c>
      <c r="F3731" s="46">
        <v>57.7</v>
      </c>
      <c r="G3731" s="47">
        <v>9.6</v>
      </c>
    </row>
    <row r="3732" spans="2:7" x14ac:dyDescent="0.2">
      <c r="B3732" s="77"/>
      <c r="C3732" s="39" t="s">
        <v>66</v>
      </c>
      <c r="D3732" s="45">
        <v>230</v>
      </c>
      <c r="E3732" s="46">
        <v>33.5</v>
      </c>
      <c r="F3732" s="46">
        <v>60.4</v>
      </c>
      <c r="G3732" s="47">
        <v>6.1</v>
      </c>
    </row>
    <row r="3733" spans="2:7" x14ac:dyDescent="0.2">
      <c r="B3733" s="77"/>
      <c r="C3733" s="39" t="s">
        <v>67</v>
      </c>
      <c r="D3733" s="45">
        <v>78</v>
      </c>
      <c r="E3733" s="46">
        <v>42.3</v>
      </c>
      <c r="F3733" s="46">
        <v>53.8</v>
      </c>
      <c r="G3733" s="47">
        <v>3.8</v>
      </c>
    </row>
    <row r="3734" spans="2:7" x14ac:dyDescent="0.2">
      <c r="B3734" s="77"/>
      <c r="C3734" s="39" t="s">
        <v>68</v>
      </c>
      <c r="D3734" s="45">
        <v>897</v>
      </c>
      <c r="E3734" s="46">
        <v>37</v>
      </c>
      <c r="F3734" s="46">
        <v>55.1</v>
      </c>
      <c r="G3734" s="47">
        <v>7.9</v>
      </c>
    </row>
    <row r="3735" spans="2:7" x14ac:dyDescent="0.2">
      <c r="B3735" s="77"/>
      <c r="C3735" s="39" t="s">
        <v>69</v>
      </c>
      <c r="D3735" s="45">
        <v>189</v>
      </c>
      <c r="E3735" s="46">
        <v>31.2</v>
      </c>
      <c r="F3735" s="46">
        <v>55</v>
      </c>
      <c r="G3735" s="47">
        <v>13.8</v>
      </c>
    </row>
    <row r="3736" spans="2:7" x14ac:dyDescent="0.2">
      <c r="B3736" s="77"/>
      <c r="C3736" s="39" t="s">
        <v>70</v>
      </c>
      <c r="D3736" s="45">
        <v>914</v>
      </c>
      <c r="E3736" s="46">
        <v>38.9</v>
      </c>
      <c r="F3736" s="46">
        <v>54.3</v>
      </c>
      <c r="G3736" s="47">
        <v>6.8</v>
      </c>
    </row>
    <row r="3737" spans="2:7" ht="21.6" x14ac:dyDescent="0.2">
      <c r="B3737" s="77"/>
      <c r="C3737" s="39" t="s">
        <v>63</v>
      </c>
      <c r="D3737" s="45">
        <v>193</v>
      </c>
      <c r="E3737" s="46">
        <v>42.5</v>
      </c>
      <c r="F3737" s="46">
        <v>48.7</v>
      </c>
      <c r="G3737" s="47">
        <v>8.8000000000000007</v>
      </c>
    </row>
    <row r="3738" spans="2:7" x14ac:dyDescent="0.2">
      <c r="B3738" s="77"/>
      <c r="C3738" s="39" t="s">
        <v>64</v>
      </c>
      <c r="D3738" s="45">
        <v>203</v>
      </c>
      <c r="E3738" s="46">
        <v>35</v>
      </c>
      <c r="F3738" s="46">
        <v>57.1</v>
      </c>
      <c r="G3738" s="47">
        <v>7.9</v>
      </c>
    </row>
    <row r="3739" spans="2:7" x14ac:dyDescent="0.2">
      <c r="B3739" s="77"/>
      <c r="C3739" s="39" t="s">
        <v>65</v>
      </c>
      <c r="D3739" s="45">
        <v>263</v>
      </c>
      <c r="E3739" s="46">
        <v>39.9</v>
      </c>
      <c r="F3739" s="46">
        <v>53.6</v>
      </c>
      <c r="G3739" s="47">
        <v>6.5</v>
      </c>
    </row>
    <row r="3740" spans="2:7" x14ac:dyDescent="0.2">
      <c r="B3740" s="77"/>
      <c r="C3740" s="39" t="s">
        <v>66</v>
      </c>
      <c r="D3740" s="45">
        <v>194</v>
      </c>
      <c r="E3740" s="46">
        <v>41.2</v>
      </c>
      <c r="F3740" s="46">
        <v>55.2</v>
      </c>
      <c r="G3740" s="47">
        <v>3.6</v>
      </c>
    </row>
    <row r="3741" spans="2:7" x14ac:dyDescent="0.2">
      <c r="B3741" s="77"/>
      <c r="C3741" s="39" t="s">
        <v>67</v>
      </c>
      <c r="D3741" s="45">
        <v>61</v>
      </c>
      <c r="E3741" s="46">
        <v>29.5</v>
      </c>
      <c r="F3741" s="46">
        <v>62.3</v>
      </c>
      <c r="G3741" s="47">
        <v>8.1999999999999993</v>
      </c>
    </row>
    <row r="3742" spans="2:7" x14ac:dyDescent="0.2">
      <c r="B3742" s="77"/>
      <c r="C3742" s="39" t="s">
        <v>68</v>
      </c>
      <c r="D3742" s="45">
        <v>416</v>
      </c>
      <c r="E3742" s="46">
        <v>41.8</v>
      </c>
      <c r="F3742" s="46">
        <v>51.4</v>
      </c>
      <c r="G3742" s="47">
        <v>6.7</v>
      </c>
    </row>
    <row r="3743" spans="2:7" x14ac:dyDescent="0.2">
      <c r="B3743" s="77"/>
      <c r="C3743" s="40" t="s">
        <v>69</v>
      </c>
      <c r="D3743" s="48">
        <v>498</v>
      </c>
      <c r="E3743" s="49">
        <v>36.5</v>
      </c>
      <c r="F3743" s="49">
        <v>56.6</v>
      </c>
      <c r="G3743" s="50">
        <v>6.8</v>
      </c>
    </row>
    <row r="3745" spans="1:25" x14ac:dyDescent="0.2">
      <c r="A3745" s="26" t="s">
        <v>25</v>
      </c>
      <c r="B3745" t="s">
        <v>35</v>
      </c>
      <c r="C3745" t="s">
        <v>35</v>
      </c>
    </row>
    <row r="3746" spans="1:25" x14ac:dyDescent="0.2">
      <c r="B3746" s="75" t="s">
        <v>178</v>
      </c>
      <c r="C3746" s="76"/>
      <c r="D3746" s="76"/>
      <c r="E3746" s="76"/>
      <c r="F3746" s="76"/>
      <c r="G3746" s="76"/>
      <c r="H3746" s="76"/>
      <c r="I3746" s="76"/>
      <c r="J3746" s="76"/>
      <c r="K3746" s="76"/>
      <c r="L3746" s="76"/>
      <c r="M3746" s="76"/>
      <c r="N3746" s="76"/>
      <c r="O3746" s="76"/>
      <c r="P3746" s="76"/>
      <c r="Q3746" s="76"/>
      <c r="R3746" s="76"/>
      <c r="S3746" s="76"/>
      <c r="T3746" s="76"/>
      <c r="U3746" s="76"/>
      <c r="V3746" s="76"/>
      <c r="W3746" s="76"/>
      <c r="X3746" s="76"/>
      <c r="Y3746" s="76"/>
    </row>
    <row r="3747" spans="1:25" s="32" customFormat="1" ht="36.450000000000003" customHeight="1" x14ac:dyDescent="0.15">
      <c r="A3747" s="31"/>
      <c r="D3747" s="33" t="s">
        <v>378</v>
      </c>
      <c r="E3747" s="36" t="s">
        <v>567</v>
      </c>
      <c r="F3747" s="55" t="s">
        <v>568</v>
      </c>
      <c r="G3747" s="37" t="s">
        <v>480</v>
      </c>
      <c r="H3747" s="35" t="s">
        <v>381</v>
      </c>
    </row>
    <row r="3748" spans="1:25" x14ac:dyDescent="0.2">
      <c r="B3748" s="5"/>
      <c r="C3748" s="41" t="s">
        <v>38</v>
      </c>
      <c r="D3748" s="42">
        <v>2000</v>
      </c>
      <c r="E3748" s="43">
        <v>38.799999999999997</v>
      </c>
      <c r="F3748" s="43">
        <v>55.4</v>
      </c>
      <c r="G3748" s="44">
        <v>5.9</v>
      </c>
    </row>
    <row r="3749" spans="1:25" x14ac:dyDescent="0.2">
      <c r="B3749" s="77" t="s">
        <v>37</v>
      </c>
      <c r="C3749" s="39" t="s">
        <v>39</v>
      </c>
      <c r="D3749" s="45">
        <v>111</v>
      </c>
      <c r="E3749" s="46">
        <v>36.9</v>
      </c>
      <c r="F3749" s="46">
        <v>57.7</v>
      </c>
      <c r="G3749" s="47">
        <v>5.4</v>
      </c>
    </row>
    <row r="3750" spans="1:25" x14ac:dyDescent="0.2">
      <c r="B3750" s="77"/>
      <c r="C3750" s="39" t="s">
        <v>40</v>
      </c>
      <c r="D3750" s="45">
        <v>450</v>
      </c>
      <c r="E3750" s="46">
        <v>42.4</v>
      </c>
      <c r="F3750" s="46">
        <v>54.2</v>
      </c>
      <c r="G3750" s="47">
        <v>3.3</v>
      </c>
    </row>
    <row r="3751" spans="1:25" ht="21.6" x14ac:dyDescent="0.2">
      <c r="B3751" s="77"/>
      <c r="C3751" s="39" t="s">
        <v>41</v>
      </c>
      <c r="D3751" s="45">
        <v>30</v>
      </c>
      <c r="E3751" s="46">
        <v>50</v>
      </c>
      <c r="F3751" s="46">
        <v>43.3</v>
      </c>
      <c r="G3751" s="47">
        <v>6.7</v>
      </c>
    </row>
    <row r="3752" spans="1:25" ht="21.6" x14ac:dyDescent="0.2">
      <c r="B3752" s="77"/>
      <c r="C3752" s="39" t="s">
        <v>42</v>
      </c>
      <c r="D3752" s="45">
        <v>336</v>
      </c>
      <c r="E3752" s="46">
        <v>40.799999999999997</v>
      </c>
      <c r="F3752" s="46">
        <v>53</v>
      </c>
      <c r="G3752" s="47">
        <v>6.3</v>
      </c>
    </row>
    <row r="3753" spans="1:25" ht="21.6" x14ac:dyDescent="0.2">
      <c r="B3753" s="77"/>
      <c r="C3753" s="39" t="s">
        <v>43</v>
      </c>
      <c r="D3753" s="45">
        <v>327</v>
      </c>
      <c r="E3753" s="46">
        <v>34.6</v>
      </c>
      <c r="F3753" s="46">
        <v>57.5</v>
      </c>
      <c r="G3753" s="47">
        <v>8</v>
      </c>
    </row>
    <row r="3754" spans="1:25" ht="21.6" x14ac:dyDescent="0.2">
      <c r="B3754" s="77"/>
      <c r="C3754" s="39" t="s">
        <v>44</v>
      </c>
      <c r="D3754" s="45">
        <v>181</v>
      </c>
      <c r="E3754" s="46">
        <v>47.5</v>
      </c>
      <c r="F3754" s="46">
        <v>46.4</v>
      </c>
      <c r="G3754" s="47">
        <v>6.1</v>
      </c>
    </row>
    <row r="3755" spans="1:25" ht="21.6" x14ac:dyDescent="0.2">
      <c r="B3755" s="77"/>
      <c r="C3755" s="39" t="s">
        <v>45</v>
      </c>
      <c r="D3755" s="45">
        <v>565</v>
      </c>
      <c r="E3755" s="46">
        <v>34</v>
      </c>
      <c r="F3755" s="46">
        <v>59.5</v>
      </c>
      <c r="G3755" s="47">
        <v>6.5</v>
      </c>
    </row>
    <row r="3756" spans="1:25" ht="21.6" x14ac:dyDescent="0.2">
      <c r="B3756" s="77"/>
      <c r="C3756" s="39" t="s">
        <v>46</v>
      </c>
      <c r="D3756" s="45">
        <v>473</v>
      </c>
      <c r="E3756" s="46">
        <v>34.700000000000003</v>
      </c>
      <c r="F3756" s="46">
        <v>59.4</v>
      </c>
      <c r="G3756" s="47">
        <v>5.9</v>
      </c>
    </row>
    <row r="3757" spans="1:25" ht="21.6" x14ac:dyDescent="0.2">
      <c r="B3757" s="77"/>
      <c r="C3757" s="39" t="s">
        <v>47</v>
      </c>
      <c r="D3757" s="45">
        <v>441</v>
      </c>
      <c r="E3757" s="46">
        <v>36.299999999999997</v>
      </c>
      <c r="F3757" s="46">
        <v>58.3</v>
      </c>
      <c r="G3757" s="47">
        <v>5.4</v>
      </c>
    </row>
    <row r="3758" spans="1:25" ht="21.6" x14ac:dyDescent="0.2">
      <c r="B3758" s="77"/>
      <c r="C3758" s="39" t="s">
        <v>48</v>
      </c>
      <c r="D3758" s="45">
        <v>305</v>
      </c>
      <c r="E3758" s="46">
        <v>43.6</v>
      </c>
      <c r="F3758" s="46">
        <v>53.8</v>
      </c>
      <c r="G3758" s="47">
        <v>2.6</v>
      </c>
    </row>
    <row r="3759" spans="1:25" ht="21.6" x14ac:dyDescent="0.2">
      <c r="B3759" s="77"/>
      <c r="C3759" s="39" t="s">
        <v>49</v>
      </c>
      <c r="D3759" s="45">
        <v>223</v>
      </c>
      <c r="E3759" s="46">
        <v>48</v>
      </c>
      <c r="F3759" s="46">
        <v>50.2</v>
      </c>
      <c r="G3759" s="47">
        <v>1.8</v>
      </c>
    </row>
    <row r="3760" spans="1:25" ht="21.6" x14ac:dyDescent="0.2">
      <c r="B3760" s="77"/>
      <c r="C3760" s="39" t="s">
        <v>50</v>
      </c>
      <c r="D3760" s="45">
        <v>123</v>
      </c>
      <c r="E3760" s="46">
        <v>52</v>
      </c>
      <c r="F3760" s="46">
        <v>46.3</v>
      </c>
      <c r="G3760" s="47">
        <v>1.6</v>
      </c>
    </row>
    <row r="3761" spans="1:25" ht="21.6" x14ac:dyDescent="0.2">
      <c r="B3761" s="77"/>
      <c r="C3761" s="39" t="s">
        <v>51</v>
      </c>
      <c r="D3761" s="45">
        <v>124</v>
      </c>
      <c r="E3761" s="46">
        <v>46</v>
      </c>
      <c r="F3761" s="46">
        <v>50</v>
      </c>
      <c r="G3761" s="47">
        <v>4</v>
      </c>
    </row>
    <row r="3762" spans="1:25" ht="21.6" x14ac:dyDescent="0.2">
      <c r="B3762" s="77"/>
      <c r="C3762" s="39" t="s">
        <v>52</v>
      </c>
      <c r="D3762" s="45">
        <v>312</v>
      </c>
      <c r="E3762" s="46">
        <v>39.1</v>
      </c>
      <c r="F3762" s="46">
        <v>54.2</v>
      </c>
      <c r="G3762" s="47">
        <v>6.7</v>
      </c>
    </row>
    <row r="3763" spans="1:25" x14ac:dyDescent="0.2">
      <c r="B3763" s="77"/>
      <c r="C3763" s="39" t="s">
        <v>53</v>
      </c>
      <c r="D3763" s="45">
        <v>269</v>
      </c>
      <c r="E3763" s="46">
        <v>33.799999999999997</v>
      </c>
      <c r="F3763" s="46">
        <v>62.5</v>
      </c>
      <c r="G3763" s="47">
        <v>3.7</v>
      </c>
    </row>
    <row r="3764" spans="1:25" ht="21.6" x14ac:dyDescent="0.2">
      <c r="B3764" s="77"/>
      <c r="C3764" s="39" t="s">
        <v>54</v>
      </c>
      <c r="D3764" s="45">
        <v>511</v>
      </c>
      <c r="E3764" s="46">
        <v>39.299999999999997</v>
      </c>
      <c r="F3764" s="46">
        <v>56.6</v>
      </c>
      <c r="G3764" s="47">
        <v>4.0999999999999996</v>
      </c>
    </row>
    <row r="3765" spans="1:25" ht="21.6" x14ac:dyDescent="0.2">
      <c r="B3765" s="77"/>
      <c r="C3765" s="39" t="s">
        <v>55</v>
      </c>
      <c r="D3765" s="45">
        <v>615</v>
      </c>
      <c r="E3765" s="46">
        <v>45.2</v>
      </c>
      <c r="F3765" s="46">
        <v>51.1</v>
      </c>
      <c r="G3765" s="47">
        <v>3.7</v>
      </c>
    </row>
    <row r="3766" spans="1:25" ht="21.6" x14ac:dyDescent="0.2">
      <c r="B3766" s="77"/>
      <c r="C3766" s="39" t="s">
        <v>56</v>
      </c>
      <c r="D3766" s="45">
        <v>800</v>
      </c>
      <c r="E3766" s="46">
        <v>41.6</v>
      </c>
      <c r="F3766" s="46">
        <v>53.5</v>
      </c>
      <c r="G3766" s="47">
        <v>4.9000000000000004</v>
      </c>
    </row>
    <row r="3767" spans="1:25" x14ac:dyDescent="0.2">
      <c r="B3767" s="77"/>
      <c r="C3767" s="40" t="s">
        <v>57</v>
      </c>
      <c r="D3767" s="48">
        <v>798</v>
      </c>
      <c r="E3767" s="49">
        <v>39.6</v>
      </c>
      <c r="F3767" s="49">
        <v>55.6</v>
      </c>
      <c r="G3767" s="50">
        <v>4.8</v>
      </c>
    </row>
    <row r="3769" spans="1:25" x14ac:dyDescent="0.2">
      <c r="C3769" t="s">
        <v>35</v>
      </c>
    </row>
    <row r="3770" spans="1:25" x14ac:dyDescent="0.2">
      <c r="B3770" s="75" t="s">
        <v>330</v>
      </c>
      <c r="C3770" s="76"/>
      <c r="D3770" s="76"/>
      <c r="E3770" s="76"/>
      <c r="F3770" s="76"/>
      <c r="G3770" s="76"/>
      <c r="H3770" s="76"/>
      <c r="I3770" s="76"/>
      <c r="J3770" s="76"/>
      <c r="K3770" s="76"/>
      <c r="L3770" s="76"/>
      <c r="M3770" s="76"/>
      <c r="N3770" s="76"/>
      <c r="O3770" s="76"/>
      <c r="P3770" s="76"/>
      <c r="Q3770" s="76"/>
      <c r="R3770" s="76"/>
      <c r="S3770" s="76"/>
      <c r="T3770" s="76"/>
      <c r="U3770" s="76"/>
      <c r="V3770" s="76"/>
      <c r="W3770" s="76"/>
      <c r="X3770" s="76"/>
      <c r="Y3770" s="76"/>
    </row>
    <row r="3771" spans="1:25" s="32" customFormat="1" ht="36.450000000000003" customHeight="1" x14ac:dyDescent="0.15">
      <c r="A3771" s="31"/>
      <c r="D3771" s="33" t="s">
        <v>378</v>
      </c>
      <c r="E3771" s="36" t="s">
        <v>567</v>
      </c>
      <c r="F3771" s="55" t="s">
        <v>568</v>
      </c>
      <c r="G3771" s="37" t="s">
        <v>480</v>
      </c>
      <c r="H3771" s="35" t="s">
        <v>381</v>
      </c>
    </row>
    <row r="3772" spans="1:25" ht="21.6" x14ac:dyDescent="0.2">
      <c r="B3772" s="77" t="s">
        <v>37</v>
      </c>
      <c r="C3772" s="38" t="s">
        <v>58</v>
      </c>
      <c r="D3772" s="51">
        <v>609</v>
      </c>
      <c r="E3772" s="52">
        <v>38.9</v>
      </c>
      <c r="F3772" s="52">
        <v>55</v>
      </c>
      <c r="G3772" s="53">
        <v>6.1</v>
      </c>
    </row>
    <row r="3773" spans="1:25" ht="21.6" x14ac:dyDescent="0.2">
      <c r="B3773" s="77"/>
      <c r="C3773" s="39" t="s">
        <v>59</v>
      </c>
      <c r="D3773" s="45">
        <v>1391</v>
      </c>
      <c r="E3773" s="46">
        <v>38.700000000000003</v>
      </c>
      <c r="F3773" s="46">
        <v>55.5</v>
      </c>
      <c r="G3773" s="47">
        <v>5.8</v>
      </c>
    </row>
    <row r="3774" spans="1:25" x14ac:dyDescent="0.2">
      <c r="B3774" s="77"/>
      <c r="C3774" s="39" t="s">
        <v>60</v>
      </c>
      <c r="D3774" s="45">
        <v>1325</v>
      </c>
      <c r="E3774" s="46">
        <v>39.700000000000003</v>
      </c>
      <c r="F3774" s="46">
        <v>54.9</v>
      </c>
      <c r="G3774" s="47">
        <v>5.4</v>
      </c>
    </row>
    <row r="3775" spans="1:25" x14ac:dyDescent="0.2">
      <c r="B3775" s="77"/>
      <c r="C3775" s="39" t="s">
        <v>61</v>
      </c>
      <c r="D3775" s="45">
        <v>675</v>
      </c>
      <c r="E3775" s="46">
        <v>36.9</v>
      </c>
      <c r="F3775" s="46">
        <v>56.3</v>
      </c>
      <c r="G3775" s="47">
        <v>6.8</v>
      </c>
    </row>
    <row r="3776" spans="1:25" x14ac:dyDescent="0.2">
      <c r="B3776" s="77"/>
      <c r="C3776" s="39" t="s">
        <v>62</v>
      </c>
      <c r="D3776" s="45">
        <v>1086</v>
      </c>
      <c r="E3776" s="46">
        <v>36.4</v>
      </c>
      <c r="F3776" s="46">
        <v>56.7</v>
      </c>
      <c r="G3776" s="47">
        <v>6.9</v>
      </c>
    </row>
    <row r="3777" spans="2:7" ht="21.6" x14ac:dyDescent="0.2">
      <c r="B3777" s="77"/>
      <c r="C3777" s="39" t="s">
        <v>63</v>
      </c>
      <c r="D3777" s="45">
        <v>203</v>
      </c>
      <c r="E3777" s="46">
        <v>34.5</v>
      </c>
      <c r="F3777" s="46">
        <v>52.7</v>
      </c>
      <c r="G3777" s="47">
        <v>12.8</v>
      </c>
    </row>
    <row r="3778" spans="2:7" x14ac:dyDescent="0.2">
      <c r="B3778" s="77"/>
      <c r="C3778" s="39" t="s">
        <v>64</v>
      </c>
      <c r="D3778" s="45">
        <v>263</v>
      </c>
      <c r="E3778" s="46">
        <v>32.299999999999997</v>
      </c>
      <c r="F3778" s="46">
        <v>62.7</v>
      </c>
      <c r="G3778" s="47">
        <v>4.9000000000000004</v>
      </c>
    </row>
    <row r="3779" spans="2:7" x14ac:dyDescent="0.2">
      <c r="B3779" s="77"/>
      <c r="C3779" s="39" t="s">
        <v>65</v>
      </c>
      <c r="D3779" s="45">
        <v>312</v>
      </c>
      <c r="E3779" s="46">
        <v>34</v>
      </c>
      <c r="F3779" s="46">
        <v>58</v>
      </c>
      <c r="G3779" s="47">
        <v>8</v>
      </c>
    </row>
    <row r="3780" spans="2:7" x14ac:dyDescent="0.2">
      <c r="B3780" s="77"/>
      <c r="C3780" s="39" t="s">
        <v>66</v>
      </c>
      <c r="D3780" s="45">
        <v>230</v>
      </c>
      <c r="E3780" s="46">
        <v>42.6</v>
      </c>
      <c r="F3780" s="46">
        <v>53.5</v>
      </c>
      <c r="G3780" s="47">
        <v>3.9</v>
      </c>
    </row>
    <row r="3781" spans="2:7" x14ac:dyDescent="0.2">
      <c r="B3781" s="77"/>
      <c r="C3781" s="39" t="s">
        <v>67</v>
      </c>
      <c r="D3781" s="45">
        <v>78</v>
      </c>
      <c r="E3781" s="46">
        <v>46.2</v>
      </c>
      <c r="F3781" s="46">
        <v>51.3</v>
      </c>
      <c r="G3781" s="47">
        <v>2.6</v>
      </c>
    </row>
    <row r="3782" spans="2:7" x14ac:dyDescent="0.2">
      <c r="B3782" s="77"/>
      <c r="C3782" s="39" t="s">
        <v>68</v>
      </c>
      <c r="D3782" s="45">
        <v>897</v>
      </c>
      <c r="E3782" s="46">
        <v>37.700000000000003</v>
      </c>
      <c r="F3782" s="46">
        <v>56.3</v>
      </c>
      <c r="G3782" s="47">
        <v>6</v>
      </c>
    </row>
    <row r="3783" spans="2:7" x14ac:dyDescent="0.2">
      <c r="B3783" s="77"/>
      <c r="C3783" s="39" t="s">
        <v>69</v>
      </c>
      <c r="D3783" s="45">
        <v>189</v>
      </c>
      <c r="E3783" s="46">
        <v>30.2</v>
      </c>
      <c r="F3783" s="46">
        <v>58.7</v>
      </c>
      <c r="G3783" s="47">
        <v>11.1</v>
      </c>
    </row>
    <row r="3784" spans="2:7" x14ac:dyDescent="0.2">
      <c r="B3784" s="77"/>
      <c r="C3784" s="39" t="s">
        <v>70</v>
      </c>
      <c r="D3784" s="45">
        <v>914</v>
      </c>
      <c r="E3784" s="46">
        <v>41.6</v>
      </c>
      <c r="F3784" s="46">
        <v>53.7</v>
      </c>
      <c r="G3784" s="47">
        <v>4.7</v>
      </c>
    </row>
    <row r="3785" spans="2:7" ht="21.6" x14ac:dyDescent="0.2">
      <c r="B3785" s="77"/>
      <c r="C3785" s="39" t="s">
        <v>63</v>
      </c>
      <c r="D3785" s="45">
        <v>193</v>
      </c>
      <c r="E3785" s="46">
        <v>40.9</v>
      </c>
      <c r="F3785" s="46">
        <v>51.3</v>
      </c>
      <c r="G3785" s="47">
        <v>7.8</v>
      </c>
    </row>
    <row r="3786" spans="2:7" x14ac:dyDescent="0.2">
      <c r="B3786" s="77"/>
      <c r="C3786" s="39" t="s">
        <v>64</v>
      </c>
      <c r="D3786" s="45">
        <v>203</v>
      </c>
      <c r="E3786" s="46">
        <v>35.5</v>
      </c>
      <c r="F3786" s="46">
        <v>61.1</v>
      </c>
      <c r="G3786" s="47">
        <v>3.4</v>
      </c>
    </row>
    <row r="3787" spans="2:7" x14ac:dyDescent="0.2">
      <c r="B3787" s="77"/>
      <c r="C3787" s="39" t="s">
        <v>65</v>
      </c>
      <c r="D3787" s="45">
        <v>263</v>
      </c>
      <c r="E3787" s="46">
        <v>43.3</v>
      </c>
      <c r="F3787" s="46">
        <v>51.7</v>
      </c>
      <c r="G3787" s="47">
        <v>4.9000000000000004</v>
      </c>
    </row>
    <row r="3788" spans="2:7" x14ac:dyDescent="0.2">
      <c r="B3788" s="77"/>
      <c r="C3788" s="39" t="s">
        <v>66</v>
      </c>
      <c r="D3788" s="45">
        <v>194</v>
      </c>
      <c r="E3788" s="46">
        <v>45.9</v>
      </c>
      <c r="F3788" s="46">
        <v>51</v>
      </c>
      <c r="G3788" s="47">
        <v>3.1</v>
      </c>
    </row>
    <row r="3789" spans="2:7" x14ac:dyDescent="0.2">
      <c r="B3789" s="77"/>
      <c r="C3789" s="39" t="s">
        <v>67</v>
      </c>
      <c r="D3789" s="45">
        <v>61</v>
      </c>
      <c r="E3789" s="46">
        <v>42.6</v>
      </c>
      <c r="F3789" s="46">
        <v>54.1</v>
      </c>
      <c r="G3789" s="47">
        <v>3.3</v>
      </c>
    </row>
    <row r="3790" spans="2:7" x14ac:dyDescent="0.2">
      <c r="B3790" s="77"/>
      <c r="C3790" s="39" t="s">
        <v>68</v>
      </c>
      <c r="D3790" s="45">
        <v>416</v>
      </c>
      <c r="E3790" s="46">
        <v>49.3</v>
      </c>
      <c r="F3790" s="46">
        <v>46.4</v>
      </c>
      <c r="G3790" s="47">
        <v>4.3</v>
      </c>
    </row>
    <row r="3791" spans="2:7" x14ac:dyDescent="0.2">
      <c r="B3791" s="77"/>
      <c r="C3791" s="40" t="s">
        <v>69</v>
      </c>
      <c r="D3791" s="48">
        <v>498</v>
      </c>
      <c r="E3791" s="49">
        <v>35.1</v>
      </c>
      <c r="F3791" s="49">
        <v>59.8</v>
      </c>
      <c r="G3791" s="50">
        <v>5</v>
      </c>
    </row>
    <row r="3793" spans="1:25" x14ac:dyDescent="0.2">
      <c r="A3793" s="26" t="s">
        <v>25</v>
      </c>
      <c r="B3793" t="s">
        <v>35</v>
      </c>
      <c r="C3793" t="s">
        <v>35</v>
      </c>
    </row>
    <row r="3794" spans="1:25" x14ac:dyDescent="0.2">
      <c r="B3794" s="75" t="s">
        <v>179</v>
      </c>
      <c r="C3794" s="76"/>
      <c r="D3794" s="76"/>
      <c r="E3794" s="76"/>
      <c r="F3794" s="76"/>
      <c r="G3794" s="76"/>
      <c r="H3794" s="76"/>
      <c r="I3794" s="76"/>
      <c r="J3794" s="76"/>
      <c r="K3794" s="76"/>
      <c r="L3794" s="76"/>
      <c r="M3794" s="76"/>
      <c r="N3794" s="76"/>
      <c r="O3794" s="76"/>
      <c r="P3794" s="76"/>
      <c r="Q3794" s="76"/>
      <c r="R3794" s="76"/>
      <c r="S3794" s="76"/>
      <c r="T3794" s="76"/>
      <c r="U3794" s="76"/>
      <c r="V3794" s="76"/>
      <c r="W3794" s="76"/>
      <c r="X3794" s="76"/>
      <c r="Y3794" s="76"/>
    </row>
    <row r="3795" spans="1:25" s="32" customFormat="1" ht="36.450000000000003" customHeight="1" x14ac:dyDescent="0.15">
      <c r="A3795" s="31"/>
      <c r="D3795" s="33" t="s">
        <v>378</v>
      </c>
      <c r="E3795" s="36" t="s">
        <v>567</v>
      </c>
      <c r="F3795" s="55" t="s">
        <v>568</v>
      </c>
      <c r="G3795" s="37" t="s">
        <v>480</v>
      </c>
      <c r="H3795" s="35" t="s">
        <v>381</v>
      </c>
    </row>
    <row r="3796" spans="1:25" x14ac:dyDescent="0.2">
      <c r="B3796" s="5"/>
      <c r="C3796" s="41" t="s">
        <v>38</v>
      </c>
      <c r="D3796" s="42">
        <v>2000</v>
      </c>
      <c r="E3796" s="43">
        <v>33.1</v>
      </c>
      <c r="F3796" s="43">
        <v>60.2</v>
      </c>
      <c r="G3796" s="44">
        <v>6.8</v>
      </c>
    </row>
    <row r="3797" spans="1:25" x14ac:dyDescent="0.2">
      <c r="B3797" s="77" t="s">
        <v>37</v>
      </c>
      <c r="C3797" s="39" t="s">
        <v>39</v>
      </c>
      <c r="D3797" s="45">
        <v>111</v>
      </c>
      <c r="E3797" s="46">
        <v>36.9</v>
      </c>
      <c r="F3797" s="46">
        <v>55.9</v>
      </c>
      <c r="G3797" s="47">
        <v>7.2</v>
      </c>
    </row>
    <row r="3798" spans="1:25" x14ac:dyDescent="0.2">
      <c r="B3798" s="77"/>
      <c r="C3798" s="39" t="s">
        <v>40</v>
      </c>
      <c r="D3798" s="45">
        <v>450</v>
      </c>
      <c r="E3798" s="46">
        <v>32.700000000000003</v>
      </c>
      <c r="F3798" s="46">
        <v>62.2</v>
      </c>
      <c r="G3798" s="47">
        <v>5.0999999999999996</v>
      </c>
    </row>
    <row r="3799" spans="1:25" ht="21.6" x14ac:dyDescent="0.2">
      <c r="B3799" s="77"/>
      <c r="C3799" s="39" t="s">
        <v>41</v>
      </c>
      <c r="D3799" s="45">
        <v>30</v>
      </c>
      <c r="E3799" s="46">
        <v>43.3</v>
      </c>
      <c r="F3799" s="46">
        <v>46.7</v>
      </c>
      <c r="G3799" s="47">
        <v>10</v>
      </c>
    </row>
    <row r="3800" spans="1:25" ht="21.6" x14ac:dyDescent="0.2">
      <c r="B3800" s="77"/>
      <c r="C3800" s="39" t="s">
        <v>42</v>
      </c>
      <c r="D3800" s="45">
        <v>336</v>
      </c>
      <c r="E3800" s="46">
        <v>30.1</v>
      </c>
      <c r="F3800" s="46">
        <v>64.3</v>
      </c>
      <c r="G3800" s="47">
        <v>5.7</v>
      </c>
    </row>
    <row r="3801" spans="1:25" ht="21.6" x14ac:dyDescent="0.2">
      <c r="B3801" s="77"/>
      <c r="C3801" s="39" t="s">
        <v>43</v>
      </c>
      <c r="D3801" s="45">
        <v>327</v>
      </c>
      <c r="E3801" s="46">
        <v>33</v>
      </c>
      <c r="F3801" s="46">
        <v>59.6</v>
      </c>
      <c r="G3801" s="47">
        <v>7.3</v>
      </c>
    </row>
    <row r="3802" spans="1:25" ht="21.6" x14ac:dyDescent="0.2">
      <c r="B3802" s="77"/>
      <c r="C3802" s="39" t="s">
        <v>44</v>
      </c>
      <c r="D3802" s="45">
        <v>181</v>
      </c>
      <c r="E3802" s="46">
        <v>35.9</v>
      </c>
      <c r="F3802" s="46">
        <v>58</v>
      </c>
      <c r="G3802" s="47">
        <v>6.1</v>
      </c>
    </row>
    <row r="3803" spans="1:25" ht="21.6" x14ac:dyDescent="0.2">
      <c r="B3803" s="77"/>
      <c r="C3803" s="39" t="s">
        <v>45</v>
      </c>
      <c r="D3803" s="45">
        <v>565</v>
      </c>
      <c r="E3803" s="46">
        <v>32.9</v>
      </c>
      <c r="F3803" s="46">
        <v>58.6</v>
      </c>
      <c r="G3803" s="47">
        <v>8.5</v>
      </c>
    </row>
    <row r="3804" spans="1:25" ht="21.6" x14ac:dyDescent="0.2">
      <c r="B3804" s="77"/>
      <c r="C3804" s="39" t="s">
        <v>46</v>
      </c>
      <c r="D3804" s="45">
        <v>473</v>
      </c>
      <c r="E3804" s="46">
        <v>31.5</v>
      </c>
      <c r="F3804" s="46">
        <v>61.3</v>
      </c>
      <c r="G3804" s="47">
        <v>7.2</v>
      </c>
    </row>
    <row r="3805" spans="1:25" ht="21.6" x14ac:dyDescent="0.2">
      <c r="B3805" s="77"/>
      <c r="C3805" s="39" t="s">
        <v>47</v>
      </c>
      <c r="D3805" s="45">
        <v>441</v>
      </c>
      <c r="E3805" s="46">
        <v>31.5</v>
      </c>
      <c r="F3805" s="46">
        <v>62.1</v>
      </c>
      <c r="G3805" s="47">
        <v>6.3</v>
      </c>
    </row>
    <row r="3806" spans="1:25" ht="21.6" x14ac:dyDescent="0.2">
      <c r="B3806" s="77"/>
      <c r="C3806" s="39" t="s">
        <v>48</v>
      </c>
      <c r="D3806" s="45">
        <v>305</v>
      </c>
      <c r="E3806" s="46">
        <v>36.1</v>
      </c>
      <c r="F3806" s="46">
        <v>60.7</v>
      </c>
      <c r="G3806" s="47">
        <v>3.3</v>
      </c>
    </row>
    <row r="3807" spans="1:25" ht="21.6" x14ac:dyDescent="0.2">
      <c r="B3807" s="77"/>
      <c r="C3807" s="39" t="s">
        <v>49</v>
      </c>
      <c r="D3807" s="45">
        <v>223</v>
      </c>
      <c r="E3807" s="46">
        <v>35.9</v>
      </c>
      <c r="F3807" s="46">
        <v>61.4</v>
      </c>
      <c r="G3807" s="47">
        <v>2.7</v>
      </c>
    </row>
    <row r="3808" spans="1:25" ht="21.6" x14ac:dyDescent="0.2">
      <c r="B3808" s="77"/>
      <c r="C3808" s="39" t="s">
        <v>50</v>
      </c>
      <c r="D3808" s="45">
        <v>123</v>
      </c>
      <c r="E3808" s="46">
        <v>41.5</v>
      </c>
      <c r="F3808" s="46">
        <v>55.3</v>
      </c>
      <c r="G3808" s="47">
        <v>3.3</v>
      </c>
    </row>
    <row r="3809" spans="1:25" ht="21.6" x14ac:dyDescent="0.2">
      <c r="B3809" s="77"/>
      <c r="C3809" s="39" t="s">
        <v>51</v>
      </c>
      <c r="D3809" s="45">
        <v>124</v>
      </c>
      <c r="E3809" s="46">
        <v>39.5</v>
      </c>
      <c r="F3809" s="46">
        <v>54.8</v>
      </c>
      <c r="G3809" s="47">
        <v>5.6</v>
      </c>
    </row>
    <row r="3810" spans="1:25" ht="21.6" x14ac:dyDescent="0.2">
      <c r="B3810" s="77"/>
      <c r="C3810" s="39" t="s">
        <v>52</v>
      </c>
      <c r="D3810" s="45">
        <v>312</v>
      </c>
      <c r="E3810" s="46">
        <v>36.200000000000003</v>
      </c>
      <c r="F3810" s="46">
        <v>56.7</v>
      </c>
      <c r="G3810" s="47">
        <v>7.1</v>
      </c>
    </row>
    <row r="3811" spans="1:25" x14ac:dyDescent="0.2">
      <c r="B3811" s="77"/>
      <c r="C3811" s="39" t="s">
        <v>53</v>
      </c>
      <c r="D3811" s="45">
        <v>269</v>
      </c>
      <c r="E3811" s="46">
        <v>28.3</v>
      </c>
      <c r="F3811" s="46">
        <v>66.900000000000006</v>
      </c>
      <c r="G3811" s="47">
        <v>4.8</v>
      </c>
    </row>
    <row r="3812" spans="1:25" ht="21.6" x14ac:dyDescent="0.2">
      <c r="B3812" s="77"/>
      <c r="C3812" s="39" t="s">
        <v>54</v>
      </c>
      <c r="D3812" s="45">
        <v>511</v>
      </c>
      <c r="E3812" s="46">
        <v>35.4</v>
      </c>
      <c r="F3812" s="46">
        <v>58.9</v>
      </c>
      <c r="G3812" s="47">
        <v>5.7</v>
      </c>
    </row>
    <row r="3813" spans="1:25" ht="21.6" x14ac:dyDescent="0.2">
      <c r="B3813" s="77"/>
      <c r="C3813" s="39" t="s">
        <v>55</v>
      </c>
      <c r="D3813" s="45">
        <v>615</v>
      </c>
      <c r="E3813" s="46">
        <v>34</v>
      </c>
      <c r="F3813" s="46">
        <v>61.3</v>
      </c>
      <c r="G3813" s="47">
        <v>4.7</v>
      </c>
    </row>
    <row r="3814" spans="1:25" ht="21.6" x14ac:dyDescent="0.2">
      <c r="B3814" s="77"/>
      <c r="C3814" s="39" t="s">
        <v>56</v>
      </c>
      <c r="D3814" s="45">
        <v>800</v>
      </c>
      <c r="E3814" s="46">
        <v>34</v>
      </c>
      <c r="F3814" s="46">
        <v>59.8</v>
      </c>
      <c r="G3814" s="47">
        <v>6.3</v>
      </c>
    </row>
    <row r="3815" spans="1:25" x14ac:dyDescent="0.2">
      <c r="B3815" s="77"/>
      <c r="C3815" s="40" t="s">
        <v>57</v>
      </c>
      <c r="D3815" s="48">
        <v>798</v>
      </c>
      <c r="E3815" s="49">
        <v>32.5</v>
      </c>
      <c r="F3815" s="49">
        <v>62.3</v>
      </c>
      <c r="G3815" s="50">
        <v>5.3</v>
      </c>
    </row>
    <row r="3817" spans="1:25" x14ac:dyDescent="0.2">
      <c r="C3817" t="s">
        <v>35</v>
      </c>
    </row>
    <row r="3818" spans="1:25" x14ac:dyDescent="0.2">
      <c r="B3818" s="75" t="s">
        <v>331</v>
      </c>
      <c r="C3818" s="76"/>
      <c r="D3818" s="76"/>
      <c r="E3818" s="76"/>
      <c r="F3818" s="76"/>
      <c r="G3818" s="76"/>
      <c r="H3818" s="76"/>
      <c r="I3818" s="76"/>
      <c r="J3818" s="76"/>
      <c r="K3818" s="76"/>
      <c r="L3818" s="76"/>
      <c r="M3818" s="76"/>
      <c r="N3818" s="76"/>
      <c r="O3818" s="76"/>
      <c r="P3818" s="76"/>
      <c r="Q3818" s="76"/>
      <c r="R3818" s="76"/>
      <c r="S3818" s="76"/>
      <c r="T3818" s="76"/>
      <c r="U3818" s="76"/>
      <c r="V3818" s="76"/>
      <c r="W3818" s="76"/>
      <c r="X3818" s="76"/>
      <c r="Y3818" s="76"/>
    </row>
    <row r="3819" spans="1:25" s="32" customFormat="1" ht="36.450000000000003" customHeight="1" x14ac:dyDescent="0.15">
      <c r="A3819" s="31"/>
      <c r="D3819" s="33" t="s">
        <v>378</v>
      </c>
      <c r="E3819" s="36" t="s">
        <v>567</v>
      </c>
      <c r="F3819" s="55" t="s">
        <v>568</v>
      </c>
      <c r="G3819" s="37" t="s">
        <v>480</v>
      </c>
      <c r="H3819" s="35" t="s">
        <v>381</v>
      </c>
    </row>
    <row r="3820" spans="1:25" ht="21.6" x14ac:dyDescent="0.2">
      <c r="B3820" s="77" t="s">
        <v>37</v>
      </c>
      <c r="C3820" s="38" t="s">
        <v>58</v>
      </c>
      <c r="D3820" s="51">
        <v>609</v>
      </c>
      <c r="E3820" s="52">
        <v>33.5</v>
      </c>
      <c r="F3820" s="52">
        <v>59.1</v>
      </c>
      <c r="G3820" s="53">
        <v>7.4</v>
      </c>
    </row>
    <row r="3821" spans="1:25" ht="21.6" x14ac:dyDescent="0.2">
      <c r="B3821" s="77"/>
      <c r="C3821" s="39" t="s">
        <v>59</v>
      </c>
      <c r="D3821" s="45">
        <v>1391</v>
      </c>
      <c r="E3821" s="46">
        <v>32.9</v>
      </c>
      <c r="F3821" s="46">
        <v>60.6</v>
      </c>
      <c r="G3821" s="47">
        <v>6.5</v>
      </c>
    </row>
    <row r="3822" spans="1:25" x14ac:dyDescent="0.2">
      <c r="B3822" s="77"/>
      <c r="C3822" s="39" t="s">
        <v>60</v>
      </c>
      <c r="D3822" s="45">
        <v>1325</v>
      </c>
      <c r="E3822" s="46">
        <v>33.6</v>
      </c>
      <c r="F3822" s="46">
        <v>59.5</v>
      </c>
      <c r="G3822" s="47">
        <v>6.9</v>
      </c>
    </row>
    <row r="3823" spans="1:25" x14ac:dyDescent="0.2">
      <c r="B3823" s="77"/>
      <c r="C3823" s="39" t="s">
        <v>61</v>
      </c>
      <c r="D3823" s="45">
        <v>675</v>
      </c>
      <c r="E3823" s="46">
        <v>32</v>
      </c>
      <c r="F3823" s="46">
        <v>61.5</v>
      </c>
      <c r="G3823" s="47">
        <v>6.5</v>
      </c>
    </row>
    <row r="3824" spans="1:25" x14ac:dyDescent="0.2">
      <c r="B3824" s="77"/>
      <c r="C3824" s="39" t="s">
        <v>62</v>
      </c>
      <c r="D3824" s="45">
        <v>1086</v>
      </c>
      <c r="E3824" s="46">
        <v>28.6</v>
      </c>
      <c r="F3824" s="46">
        <v>62.9</v>
      </c>
      <c r="G3824" s="47">
        <v>8.5</v>
      </c>
    </row>
    <row r="3825" spans="2:7" ht="21.6" x14ac:dyDescent="0.2">
      <c r="B3825" s="77"/>
      <c r="C3825" s="39" t="s">
        <v>63</v>
      </c>
      <c r="D3825" s="45">
        <v>203</v>
      </c>
      <c r="E3825" s="46">
        <v>30.5</v>
      </c>
      <c r="F3825" s="46">
        <v>55.2</v>
      </c>
      <c r="G3825" s="47">
        <v>14.3</v>
      </c>
    </row>
    <row r="3826" spans="2:7" x14ac:dyDescent="0.2">
      <c r="B3826" s="77"/>
      <c r="C3826" s="39" t="s">
        <v>64</v>
      </c>
      <c r="D3826" s="45">
        <v>263</v>
      </c>
      <c r="E3826" s="46">
        <v>27</v>
      </c>
      <c r="F3826" s="46">
        <v>66.5</v>
      </c>
      <c r="G3826" s="47">
        <v>6.5</v>
      </c>
    </row>
    <row r="3827" spans="2:7" x14ac:dyDescent="0.2">
      <c r="B3827" s="77"/>
      <c r="C3827" s="39" t="s">
        <v>65</v>
      </c>
      <c r="D3827" s="45">
        <v>312</v>
      </c>
      <c r="E3827" s="46">
        <v>25.3</v>
      </c>
      <c r="F3827" s="46">
        <v>65.099999999999994</v>
      </c>
      <c r="G3827" s="47">
        <v>9.6</v>
      </c>
    </row>
    <row r="3828" spans="2:7" x14ac:dyDescent="0.2">
      <c r="B3828" s="77"/>
      <c r="C3828" s="39" t="s">
        <v>66</v>
      </c>
      <c r="D3828" s="45">
        <v>230</v>
      </c>
      <c r="E3828" s="46">
        <v>28.3</v>
      </c>
      <c r="F3828" s="46">
        <v>66.5</v>
      </c>
      <c r="G3828" s="47">
        <v>5.2</v>
      </c>
    </row>
    <row r="3829" spans="2:7" x14ac:dyDescent="0.2">
      <c r="B3829" s="77"/>
      <c r="C3829" s="39" t="s">
        <v>67</v>
      </c>
      <c r="D3829" s="45">
        <v>78</v>
      </c>
      <c r="E3829" s="46">
        <v>43.6</v>
      </c>
      <c r="F3829" s="46">
        <v>51.3</v>
      </c>
      <c r="G3829" s="47">
        <v>5.0999999999999996</v>
      </c>
    </row>
    <row r="3830" spans="2:7" x14ac:dyDescent="0.2">
      <c r="B3830" s="77"/>
      <c r="C3830" s="39" t="s">
        <v>68</v>
      </c>
      <c r="D3830" s="45">
        <v>897</v>
      </c>
      <c r="E3830" s="46">
        <v>27.8</v>
      </c>
      <c r="F3830" s="46">
        <v>64.3</v>
      </c>
      <c r="G3830" s="47">
        <v>7.9</v>
      </c>
    </row>
    <row r="3831" spans="2:7" x14ac:dyDescent="0.2">
      <c r="B3831" s="77"/>
      <c r="C3831" s="39" t="s">
        <v>69</v>
      </c>
      <c r="D3831" s="45">
        <v>189</v>
      </c>
      <c r="E3831" s="46">
        <v>32.799999999999997</v>
      </c>
      <c r="F3831" s="46">
        <v>56.1</v>
      </c>
      <c r="G3831" s="47">
        <v>11.1</v>
      </c>
    </row>
    <row r="3832" spans="2:7" x14ac:dyDescent="0.2">
      <c r="B3832" s="77"/>
      <c r="C3832" s="39" t="s">
        <v>70</v>
      </c>
      <c r="D3832" s="45">
        <v>914</v>
      </c>
      <c r="E3832" s="46">
        <v>38.299999999999997</v>
      </c>
      <c r="F3832" s="46">
        <v>56.9</v>
      </c>
      <c r="G3832" s="47">
        <v>4.8</v>
      </c>
    </row>
    <row r="3833" spans="2:7" ht="21.6" x14ac:dyDescent="0.2">
      <c r="B3833" s="77"/>
      <c r="C3833" s="39" t="s">
        <v>63</v>
      </c>
      <c r="D3833" s="45">
        <v>193</v>
      </c>
      <c r="E3833" s="46">
        <v>41.5</v>
      </c>
      <c r="F3833" s="46">
        <v>50.8</v>
      </c>
      <c r="G3833" s="47">
        <v>7.8</v>
      </c>
    </row>
    <row r="3834" spans="2:7" x14ac:dyDescent="0.2">
      <c r="B3834" s="77"/>
      <c r="C3834" s="39" t="s">
        <v>64</v>
      </c>
      <c r="D3834" s="45">
        <v>203</v>
      </c>
      <c r="E3834" s="46">
        <v>36.9</v>
      </c>
      <c r="F3834" s="46">
        <v>60.6</v>
      </c>
      <c r="G3834" s="47">
        <v>2.5</v>
      </c>
    </row>
    <row r="3835" spans="2:7" x14ac:dyDescent="0.2">
      <c r="B3835" s="77"/>
      <c r="C3835" s="39" t="s">
        <v>65</v>
      </c>
      <c r="D3835" s="45">
        <v>263</v>
      </c>
      <c r="E3835" s="46">
        <v>36.1</v>
      </c>
      <c r="F3835" s="46">
        <v>58.9</v>
      </c>
      <c r="G3835" s="47">
        <v>4.9000000000000004</v>
      </c>
    </row>
    <row r="3836" spans="2:7" x14ac:dyDescent="0.2">
      <c r="B3836" s="77"/>
      <c r="C3836" s="39" t="s">
        <v>66</v>
      </c>
      <c r="D3836" s="45">
        <v>194</v>
      </c>
      <c r="E3836" s="46">
        <v>39.200000000000003</v>
      </c>
      <c r="F3836" s="46">
        <v>56.7</v>
      </c>
      <c r="G3836" s="47">
        <v>4.0999999999999996</v>
      </c>
    </row>
    <row r="3837" spans="2:7" x14ac:dyDescent="0.2">
      <c r="B3837" s="77"/>
      <c r="C3837" s="39" t="s">
        <v>67</v>
      </c>
      <c r="D3837" s="45">
        <v>61</v>
      </c>
      <c r="E3837" s="46">
        <v>39.299999999999997</v>
      </c>
      <c r="F3837" s="46">
        <v>55.7</v>
      </c>
      <c r="G3837" s="47">
        <v>4.9000000000000004</v>
      </c>
    </row>
    <row r="3838" spans="2:7" x14ac:dyDescent="0.2">
      <c r="B3838" s="77"/>
      <c r="C3838" s="39" t="s">
        <v>68</v>
      </c>
      <c r="D3838" s="45">
        <v>416</v>
      </c>
      <c r="E3838" s="46">
        <v>39.700000000000003</v>
      </c>
      <c r="F3838" s="46">
        <v>55.8</v>
      </c>
      <c r="G3838" s="47">
        <v>4.5999999999999996</v>
      </c>
    </row>
    <row r="3839" spans="2:7" x14ac:dyDescent="0.2">
      <c r="B3839" s="77"/>
      <c r="C3839" s="40" t="s">
        <v>69</v>
      </c>
      <c r="D3839" s="48">
        <v>498</v>
      </c>
      <c r="E3839" s="49">
        <v>37.1</v>
      </c>
      <c r="F3839" s="49">
        <v>57.8</v>
      </c>
      <c r="G3839" s="50">
        <v>5</v>
      </c>
    </row>
    <row r="3841" spans="1:25" x14ac:dyDescent="0.2">
      <c r="A3841" s="26" t="s">
        <v>25</v>
      </c>
      <c r="B3841" t="s">
        <v>35</v>
      </c>
      <c r="C3841" t="s">
        <v>35</v>
      </c>
    </row>
    <row r="3842" spans="1:25" x14ac:dyDescent="0.2">
      <c r="B3842" s="75" t="s">
        <v>180</v>
      </c>
      <c r="C3842" s="76"/>
      <c r="D3842" s="76"/>
      <c r="E3842" s="76"/>
      <c r="F3842" s="76"/>
      <c r="G3842" s="76"/>
      <c r="H3842" s="76"/>
      <c r="I3842" s="76"/>
      <c r="J3842" s="76"/>
      <c r="K3842" s="76"/>
      <c r="L3842" s="76"/>
      <c r="M3842" s="76"/>
      <c r="N3842" s="76"/>
      <c r="O3842" s="76"/>
      <c r="P3842" s="76"/>
      <c r="Q3842" s="76"/>
      <c r="R3842" s="76"/>
      <c r="S3842" s="76"/>
      <c r="T3842" s="76"/>
      <c r="U3842" s="76"/>
      <c r="V3842" s="76"/>
      <c r="W3842" s="76"/>
      <c r="X3842" s="76"/>
      <c r="Y3842" s="76"/>
    </row>
    <row r="3843" spans="1:25" s="32" customFormat="1" ht="36.450000000000003" customHeight="1" x14ac:dyDescent="0.15">
      <c r="A3843" s="31"/>
      <c r="D3843" s="33" t="s">
        <v>378</v>
      </c>
      <c r="E3843" s="36" t="s">
        <v>567</v>
      </c>
      <c r="F3843" s="55" t="s">
        <v>568</v>
      </c>
      <c r="G3843" s="37" t="s">
        <v>480</v>
      </c>
      <c r="H3843" s="35" t="s">
        <v>381</v>
      </c>
    </row>
    <row r="3844" spans="1:25" x14ac:dyDescent="0.2">
      <c r="B3844" s="5"/>
      <c r="C3844" s="41" t="s">
        <v>38</v>
      </c>
      <c r="D3844" s="42">
        <v>2000</v>
      </c>
      <c r="E3844" s="43">
        <v>51.6</v>
      </c>
      <c r="F3844" s="43">
        <v>40.5</v>
      </c>
      <c r="G3844" s="44">
        <v>8</v>
      </c>
    </row>
    <row r="3845" spans="1:25" x14ac:dyDescent="0.2">
      <c r="B3845" s="77" t="s">
        <v>37</v>
      </c>
      <c r="C3845" s="39" t="s">
        <v>39</v>
      </c>
      <c r="D3845" s="45">
        <v>111</v>
      </c>
      <c r="E3845" s="46">
        <v>53.2</v>
      </c>
      <c r="F3845" s="46">
        <v>39.6</v>
      </c>
      <c r="G3845" s="47">
        <v>7.2</v>
      </c>
    </row>
    <row r="3846" spans="1:25" x14ac:dyDescent="0.2">
      <c r="B3846" s="77"/>
      <c r="C3846" s="39" t="s">
        <v>40</v>
      </c>
      <c r="D3846" s="45">
        <v>450</v>
      </c>
      <c r="E3846" s="46">
        <v>49.6</v>
      </c>
      <c r="F3846" s="46">
        <v>43.8</v>
      </c>
      <c r="G3846" s="47">
        <v>6.7</v>
      </c>
    </row>
    <row r="3847" spans="1:25" ht="21.6" x14ac:dyDescent="0.2">
      <c r="B3847" s="77"/>
      <c r="C3847" s="39" t="s">
        <v>41</v>
      </c>
      <c r="D3847" s="45">
        <v>30</v>
      </c>
      <c r="E3847" s="46">
        <v>63.3</v>
      </c>
      <c r="F3847" s="46">
        <v>26.7</v>
      </c>
      <c r="G3847" s="47">
        <v>10</v>
      </c>
    </row>
    <row r="3848" spans="1:25" ht="21.6" x14ac:dyDescent="0.2">
      <c r="B3848" s="77"/>
      <c r="C3848" s="39" t="s">
        <v>42</v>
      </c>
      <c r="D3848" s="45">
        <v>336</v>
      </c>
      <c r="E3848" s="46">
        <v>54.5</v>
      </c>
      <c r="F3848" s="46">
        <v>40.5</v>
      </c>
      <c r="G3848" s="47">
        <v>5.0999999999999996</v>
      </c>
    </row>
    <row r="3849" spans="1:25" ht="21.6" x14ac:dyDescent="0.2">
      <c r="B3849" s="77"/>
      <c r="C3849" s="39" t="s">
        <v>43</v>
      </c>
      <c r="D3849" s="45">
        <v>327</v>
      </c>
      <c r="E3849" s="46">
        <v>52.6</v>
      </c>
      <c r="F3849" s="46">
        <v>37.299999999999997</v>
      </c>
      <c r="G3849" s="47">
        <v>10.1</v>
      </c>
    </row>
    <row r="3850" spans="1:25" ht="21.6" x14ac:dyDescent="0.2">
      <c r="B3850" s="77"/>
      <c r="C3850" s="39" t="s">
        <v>44</v>
      </c>
      <c r="D3850" s="45">
        <v>181</v>
      </c>
      <c r="E3850" s="46">
        <v>49.7</v>
      </c>
      <c r="F3850" s="46">
        <v>43.6</v>
      </c>
      <c r="G3850" s="47">
        <v>6.6</v>
      </c>
    </row>
    <row r="3851" spans="1:25" ht="21.6" x14ac:dyDescent="0.2">
      <c r="B3851" s="77"/>
      <c r="C3851" s="39" t="s">
        <v>45</v>
      </c>
      <c r="D3851" s="45">
        <v>565</v>
      </c>
      <c r="E3851" s="46">
        <v>50.4</v>
      </c>
      <c r="F3851" s="46">
        <v>39.6</v>
      </c>
      <c r="G3851" s="47">
        <v>9.9</v>
      </c>
    </row>
    <row r="3852" spans="1:25" ht="21.6" x14ac:dyDescent="0.2">
      <c r="B3852" s="77"/>
      <c r="C3852" s="39" t="s">
        <v>46</v>
      </c>
      <c r="D3852" s="45">
        <v>473</v>
      </c>
      <c r="E3852" s="46">
        <v>49</v>
      </c>
      <c r="F3852" s="46">
        <v>42.3</v>
      </c>
      <c r="G3852" s="47">
        <v>8.6999999999999993</v>
      </c>
    </row>
    <row r="3853" spans="1:25" ht="21.6" x14ac:dyDescent="0.2">
      <c r="B3853" s="77"/>
      <c r="C3853" s="39" t="s">
        <v>47</v>
      </c>
      <c r="D3853" s="45">
        <v>441</v>
      </c>
      <c r="E3853" s="46">
        <v>50.8</v>
      </c>
      <c r="F3853" s="46">
        <v>43.3</v>
      </c>
      <c r="G3853" s="47">
        <v>5.9</v>
      </c>
    </row>
    <row r="3854" spans="1:25" ht="21.6" x14ac:dyDescent="0.2">
      <c r="B3854" s="77"/>
      <c r="C3854" s="39" t="s">
        <v>48</v>
      </c>
      <c r="D3854" s="45">
        <v>305</v>
      </c>
      <c r="E3854" s="46">
        <v>49.5</v>
      </c>
      <c r="F3854" s="46">
        <v>44.6</v>
      </c>
      <c r="G3854" s="47">
        <v>5.9</v>
      </c>
    </row>
    <row r="3855" spans="1:25" ht="21.6" x14ac:dyDescent="0.2">
      <c r="B3855" s="77"/>
      <c r="C3855" s="39" t="s">
        <v>49</v>
      </c>
      <c r="D3855" s="45">
        <v>223</v>
      </c>
      <c r="E3855" s="46">
        <v>59.2</v>
      </c>
      <c r="F3855" s="46">
        <v>38.1</v>
      </c>
      <c r="G3855" s="47">
        <v>2.7</v>
      </c>
    </row>
    <row r="3856" spans="1:25" ht="21.6" x14ac:dyDescent="0.2">
      <c r="B3856" s="77"/>
      <c r="C3856" s="39" t="s">
        <v>50</v>
      </c>
      <c r="D3856" s="45">
        <v>123</v>
      </c>
      <c r="E3856" s="46">
        <v>63.4</v>
      </c>
      <c r="F3856" s="46">
        <v>35</v>
      </c>
      <c r="G3856" s="47">
        <v>1.6</v>
      </c>
    </row>
    <row r="3857" spans="1:25" ht="21.6" x14ac:dyDescent="0.2">
      <c r="B3857" s="77"/>
      <c r="C3857" s="39" t="s">
        <v>51</v>
      </c>
      <c r="D3857" s="45">
        <v>124</v>
      </c>
      <c r="E3857" s="46">
        <v>64.5</v>
      </c>
      <c r="F3857" s="46">
        <v>27.4</v>
      </c>
      <c r="G3857" s="47">
        <v>8.1</v>
      </c>
    </row>
    <row r="3858" spans="1:25" ht="21.6" x14ac:dyDescent="0.2">
      <c r="B3858" s="77"/>
      <c r="C3858" s="39" t="s">
        <v>52</v>
      </c>
      <c r="D3858" s="45">
        <v>312</v>
      </c>
      <c r="E3858" s="46">
        <v>53.2</v>
      </c>
      <c r="F3858" s="46">
        <v>37.200000000000003</v>
      </c>
      <c r="G3858" s="47">
        <v>9.6</v>
      </c>
    </row>
    <row r="3859" spans="1:25" x14ac:dyDescent="0.2">
      <c r="B3859" s="77"/>
      <c r="C3859" s="39" t="s">
        <v>53</v>
      </c>
      <c r="D3859" s="45">
        <v>269</v>
      </c>
      <c r="E3859" s="46">
        <v>45</v>
      </c>
      <c r="F3859" s="46">
        <v>48.7</v>
      </c>
      <c r="G3859" s="47">
        <v>6.3</v>
      </c>
    </row>
    <row r="3860" spans="1:25" ht="21.6" x14ac:dyDescent="0.2">
      <c r="B3860" s="77"/>
      <c r="C3860" s="39" t="s">
        <v>54</v>
      </c>
      <c r="D3860" s="45">
        <v>511</v>
      </c>
      <c r="E3860" s="46">
        <v>52.3</v>
      </c>
      <c r="F3860" s="46">
        <v>43.1</v>
      </c>
      <c r="G3860" s="47">
        <v>4.7</v>
      </c>
    </row>
    <row r="3861" spans="1:25" ht="21.6" x14ac:dyDescent="0.2">
      <c r="B3861" s="77"/>
      <c r="C3861" s="39" t="s">
        <v>55</v>
      </c>
      <c r="D3861" s="45">
        <v>615</v>
      </c>
      <c r="E3861" s="46">
        <v>56.3</v>
      </c>
      <c r="F3861" s="46">
        <v>38.200000000000003</v>
      </c>
      <c r="G3861" s="47">
        <v>5.5</v>
      </c>
    </row>
    <row r="3862" spans="1:25" ht="21.6" x14ac:dyDescent="0.2">
      <c r="B3862" s="77"/>
      <c r="C3862" s="39" t="s">
        <v>56</v>
      </c>
      <c r="D3862" s="45">
        <v>800</v>
      </c>
      <c r="E3862" s="46">
        <v>55.8</v>
      </c>
      <c r="F3862" s="46">
        <v>37.6</v>
      </c>
      <c r="G3862" s="47">
        <v>6.6</v>
      </c>
    </row>
    <row r="3863" spans="1:25" x14ac:dyDescent="0.2">
      <c r="B3863" s="77"/>
      <c r="C3863" s="40" t="s">
        <v>57</v>
      </c>
      <c r="D3863" s="48">
        <v>798</v>
      </c>
      <c r="E3863" s="49">
        <v>49.7</v>
      </c>
      <c r="F3863" s="49">
        <v>44</v>
      </c>
      <c r="G3863" s="50">
        <v>6.3</v>
      </c>
    </row>
    <row r="3865" spans="1:25" x14ac:dyDescent="0.2">
      <c r="C3865" t="s">
        <v>35</v>
      </c>
    </row>
    <row r="3866" spans="1:25" x14ac:dyDescent="0.2">
      <c r="B3866" s="75" t="s">
        <v>332</v>
      </c>
      <c r="C3866" s="76"/>
      <c r="D3866" s="76"/>
      <c r="E3866" s="76"/>
      <c r="F3866" s="76"/>
      <c r="G3866" s="76"/>
      <c r="H3866" s="76"/>
      <c r="I3866" s="76"/>
      <c r="J3866" s="76"/>
      <c r="K3866" s="76"/>
      <c r="L3866" s="76"/>
      <c r="M3866" s="76"/>
      <c r="N3866" s="76"/>
      <c r="O3866" s="76"/>
      <c r="P3866" s="76"/>
      <c r="Q3866" s="76"/>
      <c r="R3866" s="76"/>
      <c r="S3866" s="76"/>
      <c r="T3866" s="76"/>
      <c r="U3866" s="76"/>
      <c r="V3866" s="76"/>
      <c r="W3866" s="76"/>
      <c r="X3866" s="76"/>
      <c r="Y3866" s="76"/>
    </row>
    <row r="3867" spans="1:25" s="32" customFormat="1" ht="36.450000000000003" customHeight="1" x14ac:dyDescent="0.15">
      <c r="A3867" s="31"/>
      <c r="D3867" s="33" t="s">
        <v>378</v>
      </c>
      <c r="E3867" s="36" t="s">
        <v>567</v>
      </c>
      <c r="F3867" s="55" t="s">
        <v>568</v>
      </c>
      <c r="G3867" s="37" t="s">
        <v>480</v>
      </c>
      <c r="H3867" s="35" t="s">
        <v>381</v>
      </c>
    </row>
    <row r="3868" spans="1:25" ht="21.6" x14ac:dyDescent="0.2">
      <c r="B3868" s="77" t="s">
        <v>37</v>
      </c>
      <c r="C3868" s="38" t="s">
        <v>58</v>
      </c>
      <c r="D3868" s="51">
        <v>609</v>
      </c>
      <c r="E3868" s="52">
        <v>52.9</v>
      </c>
      <c r="F3868" s="52">
        <v>38.9</v>
      </c>
      <c r="G3868" s="53">
        <v>8.1999999999999993</v>
      </c>
    </row>
    <row r="3869" spans="1:25" ht="21.6" x14ac:dyDescent="0.2">
      <c r="B3869" s="77"/>
      <c r="C3869" s="39" t="s">
        <v>59</v>
      </c>
      <c r="D3869" s="45">
        <v>1391</v>
      </c>
      <c r="E3869" s="46">
        <v>51</v>
      </c>
      <c r="F3869" s="46">
        <v>41.2</v>
      </c>
      <c r="G3869" s="47">
        <v>7.8</v>
      </c>
    </row>
    <row r="3870" spans="1:25" x14ac:dyDescent="0.2">
      <c r="B3870" s="77"/>
      <c r="C3870" s="39" t="s">
        <v>60</v>
      </c>
      <c r="D3870" s="45">
        <v>1325</v>
      </c>
      <c r="E3870" s="46">
        <v>51.4</v>
      </c>
      <c r="F3870" s="46">
        <v>40.700000000000003</v>
      </c>
      <c r="G3870" s="47">
        <v>7.9</v>
      </c>
    </row>
    <row r="3871" spans="1:25" x14ac:dyDescent="0.2">
      <c r="B3871" s="77"/>
      <c r="C3871" s="39" t="s">
        <v>61</v>
      </c>
      <c r="D3871" s="45">
        <v>675</v>
      </c>
      <c r="E3871" s="46">
        <v>51.9</v>
      </c>
      <c r="F3871" s="46">
        <v>40.1</v>
      </c>
      <c r="G3871" s="47">
        <v>8</v>
      </c>
    </row>
    <row r="3872" spans="1:25" x14ac:dyDescent="0.2">
      <c r="B3872" s="77"/>
      <c r="C3872" s="39" t="s">
        <v>62</v>
      </c>
      <c r="D3872" s="45">
        <v>1086</v>
      </c>
      <c r="E3872" s="46">
        <v>46.4</v>
      </c>
      <c r="F3872" s="46">
        <v>44.6</v>
      </c>
      <c r="G3872" s="47">
        <v>9</v>
      </c>
    </row>
    <row r="3873" spans="2:7" ht="21.6" x14ac:dyDescent="0.2">
      <c r="B3873" s="77"/>
      <c r="C3873" s="39" t="s">
        <v>63</v>
      </c>
      <c r="D3873" s="45">
        <v>203</v>
      </c>
      <c r="E3873" s="46">
        <v>51.2</v>
      </c>
      <c r="F3873" s="46">
        <v>35</v>
      </c>
      <c r="G3873" s="47">
        <v>13.8</v>
      </c>
    </row>
    <row r="3874" spans="2:7" x14ac:dyDescent="0.2">
      <c r="B3874" s="77"/>
      <c r="C3874" s="39" t="s">
        <v>64</v>
      </c>
      <c r="D3874" s="45">
        <v>263</v>
      </c>
      <c r="E3874" s="46">
        <v>44.5</v>
      </c>
      <c r="F3874" s="46">
        <v>48.3</v>
      </c>
      <c r="G3874" s="47">
        <v>7.2</v>
      </c>
    </row>
    <row r="3875" spans="2:7" x14ac:dyDescent="0.2">
      <c r="B3875" s="77"/>
      <c r="C3875" s="39" t="s">
        <v>65</v>
      </c>
      <c r="D3875" s="45">
        <v>312</v>
      </c>
      <c r="E3875" s="46">
        <v>41.3</v>
      </c>
      <c r="F3875" s="46">
        <v>48.1</v>
      </c>
      <c r="G3875" s="47">
        <v>10.6</v>
      </c>
    </row>
    <row r="3876" spans="2:7" x14ac:dyDescent="0.2">
      <c r="B3876" s="77"/>
      <c r="C3876" s="39" t="s">
        <v>66</v>
      </c>
      <c r="D3876" s="45">
        <v>230</v>
      </c>
      <c r="E3876" s="46">
        <v>48.7</v>
      </c>
      <c r="F3876" s="46">
        <v>45.2</v>
      </c>
      <c r="G3876" s="47">
        <v>6.1</v>
      </c>
    </row>
    <row r="3877" spans="2:7" x14ac:dyDescent="0.2">
      <c r="B3877" s="77"/>
      <c r="C3877" s="39" t="s">
        <v>67</v>
      </c>
      <c r="D3877" s="45">
        <v>78</v>
      </c>
      <c r="E3877" s="46">
        <v>53.8</v>
      </c>
      <c r="F3877" s="46">
        <v>41</v>
      </c>
      <c r="G3877" s="47">
        <v>5.0999999999999996</v>
      </c>
    </row>
    <row r="3878" spans="2:7" x14ac:dyDescent="0.2">
      <c r="B3878" s="77"/>
      <c r="C3878" s="39" t="s">
        <v>68</v>
      </c>
      <c r="D3878" s="45">
        <v>897</v>
      </c>
      <c r="E3878" s="46">
        <v>47.3</v>
      </c>
      <c r="F3878" s="46">
        <v>44.9</v>
      </c>
      <c r="G3878" s="47">
        <v>7.8</v>
      </c>
    </row>
    <row r="3879" spans="2:7" x14ac:dyDescent="0.2">
      <c r="B3879" s="77"/>
      <c r="C3879" s="39" t="s">
        <v>69</v>
      </c>
      <c r="D3879" s="45">
        <v>189</v>
      </c>
      <c r="E3879" s="46">
        <v>42.3</v>
      </c>
      <c r="F3879" s="46">
        <v>42.9</v>
      </c>
      <c r="G3879" s="47">
        <v>14.8</v>
      </c>
    </row>
    <row r="3880" spans="2:7" x14ac:dyDescent="0.2">
      <c r="B3880" s="77"/>
      <c r="C3880" s="39" t="s">
        <v>70</v>
      </c>
      <c r="D3880" s="45">
        <v>914</v>
      </c>
      <c r="E3880" s="46">
        <v>57.7</v>
      </c>
      <c r="F3880" s="46">
        <v>35.700000000000003</v>
      </c>
      <c r="G3880" s="47">
        <v>6.7</v>
      </c>
    </row>
    <row r="3881" spans="2:7" ht="21.6" x14ac:dyDescent="0.2">
      <c r="B3881" s="77"/>
      <c r="C3881" s="39" t="s">
        <v>63</v>
      </c>
      <c r="D3881" s="45">
        <v>193</v>
      </c>
      <c r="E3881" s="46">
        <v>62.7</v>
      </c>
      <c r="F3881" s="46">
        <v>28</v>
      </c>
      <c r="G3881" s="47">
        <v>9.3000000000000007</v>
      </c>
    </row>
    <row r="3882" spans="2:7" x14ac:dyDescent="0.2">
      <c r="B3882" s="77"/>
      <c r="C3882" s="39" t="s">
        <v>64</v>
      </c>
      <c r="D3882" s="45">
        <v>203</v>
      </c>
      <c r="E3882" s="46">
        <v>54.7</v>
      </c>
      <c r="F3882" s="46">
        <v>38.9</v>
      </c>
      <c r="G3882" s="47">
        <v>6.4</v>
      </c>
    </row>
    <row r="3883" spans="2:7" x14ac:dyDescent="0.2">
      <c r="B3883" s="77"/>
      <c r="C3883" s="39" t="s">
        <v>65</v>
      </c>
      <c r="D3883" s="45">
        <v>263</v>
      </c>
      <c r="E3883" s="46">
        <v>56.7</v>
      </c>
      <c r="F3883" s="46">
        <v>38.799999999999997</v>
      </c>
      <c r="G3883" s="47">
        <v>4.5999999999999996</v>
      </c>
    </row>
    <row r="3884" spans="2:7" x14ac:dyDescent="0.2">
      <c r="B3884" s="77"/>
      <c r="C3884" s="39" t="s">
        <v>66</v>
      </c>
      <c r="D3884" s="45">
        <v>194</v>
      </c>
      <c r="E3884" s="46">
        <v>59.3</v>
      </c>
      <c r="F3884" s="46">
        <v>35.6</v>
      </c>
      <c r="G3884" s="47">
        <v>5.2</v>
      </c>
    </row>
    <row r="3885" spans="2:7" x14ac:dyDescent="0.2">
      <c r="B3885" s="77"/>
      <c r="C3885" s="39" t="s">
        <v>67</v>
      </c>
      <c r="D3885" s="45">
        <v>61</v>
      </c>
      <c r="E3885" s="46">
        <v>50.8</v>
      </c>
      <c r="F3885" s="46">
        <v>36.1</v>
      </c>
      <c r="G3885" s="47">
        <v>13.1</v>
      </c>
    </row>
    <row r="3886" spans="2:7" x14ac:dyDescent="0.2">
      <c r="B3886" s="77"/>
      <c r="C3886" s="39" t="s">
        <v>68</v>
      </c>
      <c r="D3886" s="45">
        <v>416</v>
      </c>
      <c r="E3886" s="46">
        <v>57.2</v>
      </c>
      <c r="F3886" s="46">
        <v>36.799999999999997</v>
      </c>
      <c r="G3886" s="47">
        <v>6</v>
      </c>
    </row>
    <row r="3887" spans="2:7" x14ac:dyDescent="0.2">
      <c r="B3887" s="77"/>
      <c r="C3887" s="40" t="s">
        <v>69</v>
      </c>
      <c r="D3887" s="48">
        <v>498</v>
      </c>
      <c r="E3887" s="49">
        <v>58</v>
      </c>
      <c r="F3887" s="49">
        <v>34.700000000000003</v>
      </c>
      <c r="G3887" s="50">
        <v>7.2</v>
      </c>
    </row>
    <row r="3889" spans="1:25" x14ac:dyDescent="0.2">
      <c r="A3889" s="26" t="s">
        <v>25</v>
      </c>
      <c r="B3889" t="s">
        <v>35</v>
      </c>
      <c r="C3889" t="s">
        <v>35</v>
      </c>
    </row>
    <row r="3890" spans="1:25" x14ac:dyDescent="0.2">
      <c r="B3890" s="75" t="s">
        <v>181</v>
      </c>
      <c r="C3890" s="76"/>
      <c r="D3890" s="76"/>
      <c r="E3890" s="76"/>
      <c r="F3890" s="76"/>
      <c r="G3890" s="76"/>
      <c r="H3890" s="76"/>
      <c r="I3890" s="76"/>
      <c r="J3890" s="76"/>
      <c r="K3890" s="76"/>
      <c r="L3890" s="76"/>
      <c r="M3890" s="76"/>
      <c r="N3890" s="76"/>
      <c r="O3890" s="76"/>
      <c r="P3890" s="76"/>
      <c r="Q3890" s="76"/>
      <c r="R3890" s="76"/>
      <c r="S3890" s="76"/>
      <c r="T3890" s="76"/>
      <c r="U3890" s="76"/>
      <c r="V3890" s="76"/>
      <c r="W3890" s="76"/>
      <c r="X3890" s="76"/>
      <c r="Y3890" s="76"/>
    </row>
    <row r="3891" spans="1:25" s="32" customFormat="1" ht="36.450000000000003" customHeight="1" x14ac:dyDescent="0.15">
      <c r="A3891" s="31"/>
      <c r="D3891" s="33" t="s">
        <v>378</v>
      </c>
      <c r="E3891" s="36" t="s">
        <v>567</v>
      </c>
      <c r="F3891" s="55" t="s">
        <v>568</v>
      </c>
      <c r="G3891" s="37" t="s">
        <v>480</v>
      </c>
      <c r="H3891" s="35" t="s">
        <v>381</v>
      </c>
    </row>
    <row r="3892" spans="1:25" x14ac:dyDescent="0.2">
      <c r="B3892" s="5"/>
      <c r="C3892" s="41" t="s">
        <v>38</v>
      </c>
      <c r="D3892" s="42">
        <v>2000</v>
      </c>
      <c r="E3892" s="43">
        <v>50.8</v>
      </c>
      <c r="F3892" s="43">
        <v>41.6</v>
      </c>
      <c r="G3892" s="44">
        <v>7.7</v>
      </c>
    </row>
    <row r="3893" spans="1:25" x14ac:dyDescent="0.2">
      <c r="B3893" s="77" t="s">
        <v>37</v>
      </c>
      <c r="C3893" s="39" t="s">
        <v>39</v>
      </c>
      <c r="D3893" s="45">
        <v>111</v>
      </c>
      <c r="E3893" s="46">
        <v>50.5</v>
      </c>
      <c r="F3893" s="46">
        <v>42.3</v>
      </c>
      <c r="G3893" s="47">
        <v>7.2</v>
      </c>
    </row>
    <row r="3894" spans="1:25" x14ac:dyDescent="0.2">
      <c r="B3894" s="77"/>
      <c r="C3894" s="39" t="s">
        <v>40</v>
      </c>
      <c r="D3894" s="45">
        <v>450</v>
      </c>
      <c r="E3894" s="46">
        <v>47.8</v>
      </c>
      <c r="F3894" s="46">
        <v>44.7</v>
      </c>
      <c r="G3894" s="47">
        <v>7.6</v>
      </c>
    </row>
    <row r="3895" spans="1:25" ht="21.6" x14ac:dyDescent="0.2">
      <c r="B3895" s="77"/>
      <c r="C3895" s="39" t="s">
        <v>41</v>
      </c>
      <c r="D3895" s="45">
        <v>30</v>
      </c>
      <c r="E3895" s="46">
        <v>63.3</v>
      </c>
      <c r="F3895" s="46">
        <v>23.3</v>
      </c>
      <c r="G3895" s="47">
        <v>13.3</v>
      </c>
    </row>
    <row r="3896" spans="1:25" ht="21.6" x14ac:dyDescent="0.2">
      <c r="B3896" s="77"/>
      <c r="C3896" s="39" t="s">
        <v>42</v>
      </c>
      <c r="D3896" s="45">
        <v>336</v>
      </c>
      <c r="E3896" s="46">
        <v>46.4</v>
      </c>
      <c r="F3896" s="46">
        <v>47.3</v>
      </c>
      <c r="G3896" s="47">
        <v>6.3</v>
      </c>
    </row>
    <row r="3897" spans="1:25" ht="21.6" x14ac:dyDescent="0.2">
      <c r="B3897" s="77"/>
      <c r="C3897" s="39" t="s">
        <v>43</v>
      </c>
      <c r="D3897" s="45">
        <v>327</v>
      </c>
      <c r="E3897" s="46">
        <v>56.6</v>
      </c>
      <c r="F3897" s="46">
        <v>36.1</v>
      </c>
      <c r="G3897" s="47">
        <v>7.3</v>
      </c>
    </row>
    <row r="3898" spans="1:25" ht="21.6" x14ac:dyDescent="0.2">
      <c r="B3898" s="77"/>
      <c r="C3898" s="39" t="s">
        <v>44</v>
      </c>
      <c r="D3898" s="45">
        <v>181</v>
      </c>
      <c r="E3898" s="46">
        <v>52.5</v>
      </c>
      <c r="F3898" s="46">
        <v>40.9</v>
      </c>
      <c r="G3898" s="47">
        <v>6.6</v>
      </c>
    </row>
    <row r="3899" spans="1:25" ht="21.6" x14ac:dyDescent="0.2">
      <c r="B3899" s="77"/>
      <c r="C3899" s="39" t="s">
        <v>45</v>
      </c>
      <c r="D3899" s="45">
        <v>565</v>
      </c>
      <c r="E3899" s="46">
        <v>51.3</v>
      </c>
      <c r="F3899" s="46">
        <v>39.799999999999997</v>
      </c>
      <c r="G3899" s="47">
        <v>8.8000000000000007</v>
      </c>
    </row>
    <row r="3900" spans="1:25" ht="21.6" x14ac:dyDescent="0.2">
      <c r="B3900" s="77"/>
      <c r="C3900" s="39" t="s">
        <v>46</v>
      </c>
      <c r="D3900" s="45">
        <v>473</v>
      </c>
      <c r="E3900" s="46">
        <v>46.9</v>
      </c>
      <c r="F3900" s="46">
        <v>46.5</v>
      </c>
      <c r="G3900" s="47">
        <v>6.6</v>
      </c>
    </row>
    <row r="3901" spans="1:25" ht="21.6" x14ac:dyDescent="0.2">
      <c r="B3901" s="77"/>
      <c r="C3901" s="39" t="s">
        <v>47</v>
      </c>
      <c r="D3901" s="45">
        <v>441</v>
      </c>
      <c r="E3901" s="46">
        <v>52.4</v>
      </c>
      <c r="F3901" s="46">
        <v>41.3</v>
      </c>
      <c r="G3901" s="47">
        <v>6.3</v>
      </c>
    </row>
    <row r="3902" spans="1:25" ht="21.6" x14ac:dyDescent="0.2">
      <c r="B3902" s="77"/>
      <c r="C3902" s="39" t="s">
        <v>48</v>
      </c>
      <c r="D3902" s="45">
        <v>305</v>
      </c>
      <c r="E3902" s="46">
        <v>53.4</v>
      </c>
      <c r="F3902" s="46">
        <v>40.700000000000003</v>
      </c>
      <c r="G3902" s="47">
        <v>5.9</v>
      </c>
    </row>
    <row r="3903" spans="1:25" ht="21.6" x14ac:dyDescent="0.2">
      <c r="B3903" s="77"/>
      <c r="C3903" s="39" t="s">
        <v>49</v>
      </c>
      <c r="D3903" s="45">
        <v>223</v>
      </c>
      <c r="E3903" s="46">
        <v>56.5</v>
      </c>
      <c r="F3903" s="46">
        <v>41.7</v>
      </c>
      <c r="G3903" s="47">
        <v>1.8</v>
      </c>
    </row>
    <row r="3904" spans="1:25" ht="21.6" x14ac:dyDescent="0.2">
      <c r="B3904" s="77"/>
      <c r="C3904" s="39" t="s">
        <v>50</v>
      </c>
      <c r="D3904" s="45">
        <v>123</v>
      </c>
      <c r="E3904" s="46">
        <v>59.3</v>
      </c>
      <c r="F3904" s="46">
        <v>37.4</v>
      </c>
      <c r="G3904" s="47">
        <v>3.3</v>
      </c>
    </row>
    <row r="3905" spans="1:25" ht="21.6" x14ac:dyDescent="0.2">
      <c r="B3905" s="77"/>
      <c r="C3905" s="39" t="s">
        <v>51</v>
      </c>
      <c r="D3905" s="45">
        <v>124</v>
      </c>
      <c r="E3905" s="46">
        <v>64.5</v>
      </c>
      <c r="F3905" s="46">
        <v>29.8</v>
      </c>
      <c r="G3905" s="47">
        <v>5.6</v>
      </c>
    </row>
    <row r="3906" spans="1:25" ht="21.6" x14ac:dyDescent="0.2">
      <c r="B3906" s="77"/>
      <c r="C3906" s="39" t="s">
        <v>52</v>
      </c>
      <c r="D3906" s="45">
        <v>312</v>
      </c>
      <c r="E3906" s="46">
        <v>56.1</v>
      </c>
      <c r="F3906" s="46">
        <v>35.9</v>
      </c>
      <c r="G3906" s="47">
        <v>8</v>
      </c>
    </row>
    <row r="3907" spans="1:25" x14ac:dyDescent="0.2">
      <c r="B3907" s="77"/>
      <c r="C3907" s="39" t="s">
        <v>53</v>
      </c>
      <c r="D3907" s="45">
        <v>269</v>
      </c>
      <c r="E3907" s="46">
        <v>49.4</v>
      </c>
      <c r="F3907" s="46">
        <v>44.6</v>
      </c>
      <c r="G3907" s="47">
        <v>5.9</v>
      </c>
    </row>
    <row r="3908" spans="1:25" ht="21.6" x14ac:dyDescent="0.2">
      <c r="B3908" s="77"/>
      <c r="C3908" s="39" t="s">
        <v>54</v>
      </c>
      <c r="D3908" s="45">
        <v>511</v>
      </c>
      <c r="E3908" s="46">
        <v>48.5</v>
      </c>
      <c r="F3908" s="46">
        <v>47.2</v>
      </c>
      <c r="G3908" s="47">
        <v>4.3</v>
      </c>
    </row>
    <row r="3909" spans="1:25" ht="21.6" x14ac:dyDescent="0.2">
      <c r="B3909" s="77"/>
      <c r="C3909" s="39" t="s">
        <v>55</v>
      </c>
      <c r="D3909" s="45">
        <v>615</v>
      </c>
      <c r="E3909" s="46">
        <v>55.9</v>
      </c>
      <c r="F3909" s="46">
        <v>38.200000000000003</v>
      </c>
      <c r="G3909" s="47">
        <v>5.9</v>
      </c>
    </row>
    <row r="3910" spans="1:25" ht="21.6" x14ac:dyDescent="0.2">
      <c r="B3910" s="77"/>
      <c r="C3910" s="39" t="s">
        <v>56</v>
      </c>
      <c r="D3910" s="45">
        <v>800</v>
      </c>
      <c r="E3910" s="46">
        <v>53.9</v>
      </c>
      <c r="F3910" s="46">
        <v>39.799999999999997</v>
      </c>
      <c r="G3910" s="47">
        <v>6.4</v>
      </c>
    </row>
    <row r="3911" spans="1:25" x14ac:dyDescent="0.2">
      <c r="B3911" s="77"/>
      <c r="C3911" s="40" t="s">
        <v>57</v>
      </c>
      <c r="D3911" s="48">
        <v>798</v>
      </c>
      <c r="E3911" s="49">
        <v>49.9</v>
      </c>
      <c r="F3911" s="49">
        <v>44.2</v>
      </c>
      <c r="G3911" s="50">
        <v>5.9</v>
      </c>
    </row>
    <row r="3913" spans="1:25" x14ac:dyDescent="0.2">
      <c r="C3913" t="s">
        <v>35</v>
      </c>
    </row>
    <row r="3914" spans="1:25" x14ac:dyDescent="0.2">
      <c r="B3914" s="75" t="s">
        <v>333</v>
      </c>
      <c r="C3914" s="76"/>
      <c r="D3914" s="76"/>
      <c r="E3914" s="76"/>
      <c r="F3914" s="76"/>
      <c r="G3914" s="76"/>
      <c r="H3914" s="76"/>
      <c r="I3914" s="76"/>
      <c r="J3914" s="76"/>
      <c r="K3914" s="76"/>
      <c r="L3914" s="76"/>
      <c r="M3914" s="76"/>
      <c r="N3914" s="76"/>
      <c r="O3914" s="76"/>
      <c r="P3914" s="76"/>
      <c r="Q3914" s="76"/>
      <c r="R3914" s="76"/>
      <c r="S3914" s="76"/>
      <c r="T3914" s="76"/>
      <c r="U3914" s="76"/>
      <c r="V3914" s="76"/>
      <c r="W3914" s="76"/>
      <c r="X3914" s="76"/>
      <c r="Y3914" s="76"/>
    </row>
    <row r="3915" spans="1:25" s="32" customFormat="1" ht="36.450000000000003" customHeight="1" x14ac:dyDescent="0.15">
      <c r="A3915" s="31"/>
      <c r="D3915" s="33" t="s">
        <v>378</v>
      </c>
      <c r="E3915" s="36" t="s">
        <v>567</v>
      </c>
      <c r="F3915" s="55" t="s">
        <v>568</v>
      </c>
      <c r="G3915" s="37" t="s">
        <v>480</v>
      </c>
      <c r="H3915" s="35" t="s">
        <v>381</v>
      </c>
    </row>
    <row r="3916" spans="1:25" ht="21.6" x14ac:dyDescent="0.2">
      <c r="B3916" s="77" t="s">
        <v>37</v>
      </c>
      <c r="C3916" s="38" t="s">
        <v>58</v>
      </c>
      <c r="D3916" s="51">
        <v>609</v>
      </c>
      <c r="E3916" s="52">
        <v>51.2</v>
      </c>
      <c r="F3916" s="52">
        <v>41.1</v>
      </c>
      <c r="G3916" s="53">
        <v>7.7</v>
      </c>
    </row>
    <row r="3917" spans="1:25" ht="21.6" x14ac:dyDescent="0.2">
      <c r="B3917" s="77"/>
      <c r="C3917" s="39" t="s">
        <v>59</v>
      </c>
      <c r="D3917" s="45">
        <v>1391</v>
      </c>
      <c r="E3917" s="46">
        <v>50.6</v>
      </c>
      <c r="F3917" s="46">
        <v>41.8</v>
      </c>
      <c r="G3917" s="47">
        <v>7.6</v>
      </c>
    </row>
    <row r="3918" spans="1:25" x14ac:dyDescent="0.2">
      <c r="B3918" s="77"/>
      <c r="C3918" s="39" t="s">
        <v>60</v>
      </c>
      <c r="D3918" s="45">
        <v>1325</v>
      </c>
      <c r="E3918" s="46">
        <v>51.1</v>
      </c>
      <c r="F3918" s="46">
        <v>41.1</v>
      </c>
      <c r="G3918" s="47">
        <v>7.8</v>
      </c>
    </row>
    <row r="3919" spans="1:25" x14ac:dyDescent="0.2">
      <c r="B3919" s="77"/>
      <c r="C3919" s="39" t="s">
        <v>61</v>
      </c>
      <c r="D3919" s="45">
        <v>675</v>
      </c>
      <c r="E3919" s="46">
        <v>50.2</v>
      </c>
      <c r="F3919" s="46">
        <v>42.4</v>
      </c>
      <c r="G3919" s="47">
        <v>7.4</v>
      </c>
    </row>
    <row r="3920" spans="1:25" x14ac:dyDescent="0.2">
      <c r="B3920" s="77"/>
      <c r="C3920" s="39" t="s">
        <v>62</v>
      </c>
      <c r="D3920" s="45">
        <v>1086</v>
      </c>
      <c r="E3920" s="46">
        <v>43</v>
      </c>
      <c r="F3920" s="46">
        <v>48.2</v>
      </c>
      <c r="G3920" s="47">
        <v>8.8000000000000007</v>
      </c>
    </row>
    <row r="3921" spans="2:7" ht="21.6" x14ac:dyDescent="0.2">
      <c r="B3921" s="77"/>
      <c r="C3921" s="39" t="s">
        <v>63</v>
      </c>
      <c r="D3921" s="45">
        <v>203</v>
      </c>
      <c r="E3921" s="46">
        <v>41.9</v>
      </c>
      <c r="F3921" s="46">
        <v>44.3</v>
      </c>
      <c r="G3921" s="47">
        <v>13.8</v>
      </c>
    </row>
    <row r="3922" spans="2:7" x14ac:dyDescent="0.2">
      <c r="B3922" s="77"/>
      <c r="C3922" s="39" t="s">
        <v>64</v>
      </c>
      <c r="D3922" s="45">
        <v>263</v>
      </c>
      <c r="E3922" s="46">
        <v>41.8</v>
      </c>
      <c r="F3922" s="46">
        <v>51</v>
      </c>
      <c r="G3922" s="47">
        <v>7.2</v>
      </c>
    </row>
    <row r="3923" spans="2:7" x14ac:dyDescent="0.2">
      <c r="B3923" s="77"/>
      <c r="C3923" s="39" t="s">
        <v>65</v>
      </c>
      <c r="D3923" s="45">
        <v>312</v>
      </c>
      <c r="E3923" s="46">
        <v>42</v>
      </c>
      <c r="F3923" s="46">
        <v>48.7</v>
      </c>
      <c r="G3923" s="47">
        <v>9.3000000000000007</v>
      </c>
    </row>
    <row r="3924" spans="2:7" x14ac:dyDescent="0.2">
      <c r="B3924" s="77"/>
      <c r="C3924" s="39" t="s">
        <v>66</v>
      </c>
      <c r="D3924" s="45">
        <v>230</v>
      </c>
      <c r="E3924" s="46">
        <v>41.7</v>
      </c>
      <c r="F3924" s="46">
        <v>51.3</v>
      </c>
      <c r="G3924" s="47">
        <v>7</v>
      </c>
    </row>
    <row r="3925" spans="2:7" x14ac:dyDescent="0.2">
      <c r="B3925" s="77"/>
      <c r="C3925" s="39" t="s">
        <v>67</v>
      </c>
      <c r="D3925" s="45">
        <v>78</v>
      </c>
      <c r="E3925" s="46">
        <v>57.7</v>
      </c>
      <c r="F3925" s="46">
        <v>37.200000000000003</v>
      </c>
      <c r="G3925" s="47">
        <v>5.0999999999999996</v>
      </c>
    </row>
    <row r="3926" spans="2:7" x14ac:dyDescent="0.2">
      <c r="B3926" s="77"/>
      <c r="C3926" s="39" t="s">
        <v>68</v>
      </c>
      <c r="D3926" s="45">
        <v>897</v>
      </c>
      <c r="E3926" s="46">
        <v>43</v>
      </c>
      <c r="F3926" s="46">
        <v>49.2</v>
      </c>
      <c r="G3926" s="47">
        <v>7.8</v>
      </c>
    </row>
    <row r="3927" spans="2:7" x14ac:dyDescent="0.2">
      <c r="B3927" s="77"/>
      <c r="C3927" s="39" t="s">
        <v>69</v>
      </c>
      <c r="D3927" s="45">
        <v>189</v>
      </c>
      <c r="E3927" s="46">
        <v>42.9</v>
      </c>
      <c r="F3927" s="46">
        <v>43.4</v>
      </c>
      <c r="G3927" s="47">
        <v>13.8</v>
      </c>
    </row>
    <row r="3928" spans="2:7" x14ac:dyDescent="0.2">
      <c r="B3928" s="77"/>
      <c r="C3928" s="39" t="s">
        <v>70</v>
      </c>
      <c r="D3928" s="45">
        <v>914</v>
      </c>
      <c r="E3928" s="46">
        <v>60.1</v>
      </c>
      <c r="F3928" s="46">
        <v>33.700000000000003</v>
      </c>
      <c r="G3928" s="47">
        <v>6.2</v>
      </c>
    </row>
    <row r="3929" spans="2:7" ht="21.6" x14ac:dyDescent="0.2">
      <c r="B3929" s="77"/>
      <c r="C3929" s="39" t="s">
        <v>63</v>
      </c>
      <c r="D3929" s="45">
        <v>193</v>
      </c>
      <c r="E3929" s="46">
        <v>62.7</v>
      </c>
      <c r="F3929" s="46">
        <v>29.5</v>
      </c>
      <c r="G3929" s="47">
        <v>7.8</v>
      </c>
    </row>
    <row r="3930" spans="2:7" x14ac:dyDescent="0.2">
      <c r="B3930" s="77"/>
      <c r="C3930" s="39" t="s">
        <v>64</v>
      </c>
      <c r="D3930" s="45">
        <v>203</v>
      </c>
      <c r="E3930" s="46">
        <v>53.7</v>
      </c>
      <c r="F3930" s="46">
        <v>40.9</v>
      </c>
      <c r="G3930" s="47">
        <v>5.4</v>
      </c>
    </row>
    <row r="3931" spans="2:7" x14ac:dyDescent="0.2">
      <c r="B3931" s="77"/>
      <c r="C3931" s="39" t="s">
        <v>65</v>
      </c>
      <c r="D3931" s="45">
        <v>263</v>
      </c>
      <c r="E3931" s="46">
        <v>59.7</v>
      </c>
      <c r="F3931" s="46">
        <v>33.5</v>
      </c>
      <c r="G3931" s="47">
        <v>6.8</v>
      </c>
    </row>
    <row r="3932" spans="2:7" x14ac:dyDescent="0.2">
      <c r="B3932" s="77"/>
      <c r="C3932" s="39" t="s">
        <v>66</v>
      </c>
      <c r="D3932" s="45">
        <v>194</v>
      </c>
      <c r="E3932" s="46">
        <v>66</v>
      </c>
      <c r="F3932" s="46">
        <v>29.9</v>
      </c>
      <c r="G3932" s="47">
        <v>4.0999999999999996</v>
      </c>
    </row>
    <row r="3933" spans="2:7" x14ac:dyDescent="0.2">
      <c r="B3933" s="77"/>
      <c r="C3933" s="39" t="s">
        <v>67</v>
      </c>
      <c r="D3933" s="45">
        <v>61</v>
      </c>
      <c r="E3933" s="46">
        <v>55.7</v>
      </c>
      <c r="F3933" s="46">
        <v>36.1</v>
      </c>
      <c r="G3933" s="47">
        <v>8.1999999999999993</v>
      </c>
    </row>
    <row r="3934" spans="2:7" x14ac:dyDescent="0.2">
      <c r="B3934" s="77"/>
      <c r="C3934" s="39" t="s">
        <v>68</v>
      </c>
      <c r="D3934" s="45">
        <v>416</v>
      </c>
      <c r="E3934" s="46">
        <v>60.3</v>
      </c>
      <c r="F3934" s="46">
        <v>34.9</v>
      </c>
      <c r="G3934" s="47">
        <v>4.8</v>
      </c>
    </row>
    <row r="3935" spans="2:7" x14ac:dyDescent="0.2">
      <c r="B3935" s="77"/>
      <c r="C3935" s="40" t="s">
        <v>69</v>
      </c>
      <c r="D3935" s="48">
        <v>498</v>
      </c>
      <c r="E3935" s="49">
        <v>59.8</v>
      </c>
      <c r="F3935" s="49">
        <v>32.700000000000003</v>
      </c>
      <c r="G3935" s="50">
        <v>7.4</v>
      </c>
    </row>
    <row r="3937" spans="1:25" x14ac:dyDescent="0.2">
      <c r="A3937" s="26" t="s">
        <v>25</v>
      </c>
      <c r="B3937" t="s">
        <v>35</v>
      </c>
      <c r="C3937" t="s">
        <v>35</v>
      </c>
    </row>
    <row r="3938" spans="1:25" x14ac:dyDescent="0.2">
      <c r="B3938" s="75" t="s">
        <v>182</v>
      </c>
      <c r="C3938" s="76"/>
      <c r="D3938" s="76"/>
      <c r="E3938" s="76"/>
      <c r="F3938" s="76"/>
      <c r="G3938" s="76"/>
      <c r="H3938" s="76"/>
      <c r="I3938" s="76"/>
      <c r="J3938" s="76"/>
      <c r="K3938" s="76"/>
      <c r="L3938" s="76"/>
      <c r="M3938" s="76"/>
      <c r="N3938" s="76"/>
      <c r="O3938" s="76"/>
      <c r="P3938" s="76"/>
      <c r="Q3938" s="76"/>
      <c r="R3938" s="76"/>
      <c r="S3938" s="76"/>
      <c r="T3938" s="76"/>
      <c r="U3938" s="76"/>
      <c r="V3938" s="76"/>
      <c r="W3938" s="76"/>
      <c r="X3938" s="76"/>
      <c r="Y3938" s="76"/>
    </row>
    <row r="3939" spans="1:25" s="32" customFormat="1" ht="47.25" customHeight="1" x14ac:dyDescent="0.15">
      <c r="A3939" s="31"/>
      <c r="D3939" s="33" t="s">
        <v>378</v>
      </c>
      <c r="E3939" s="36" t="s">
        <v>569</v>
      </c>
      <c r="F3939" s="55" t="s">
        <v>570</v>
      </c>
      <c r="G3939" s="55" t="s">
        <v>571</v>
      </c>
      <c r="H3939" s="37" t="s">
        <v>480</v>
      </c>
      <c r="I3939" s="35" t="s">
        <v>381</v>
      </c>
    </row>
    <row r="3940" spans="1:25" x14ac:dyDescent="0.2">
      <c r="B3940" s="5"/>
      <c r="C3940" s="41" t="s">
        <v>38</v>
      </c>
      <c r="D3940" s="42">
        <v>2000</v>
      </c>
      <c r="E3940" s="43">
        <v>8.8000000000000007</v>
      </c>
      <c r="F3940" s="43">
        <v>32.1</v>
      </c>
      <c r="G3940" s="43">
        <v>40.200000000000003</v>
      </c>
      <c r="H3940" s="44">
        <v>19</v>
      </c>
    </row>
    <row r="3941" spans="1:25" x14ac:dyDescent="0.2">
      <c r="B3941" s="77" t="s">
        <v>37</v>
      </c>
      <c r="C3941" s="39" t="s">
        <v>39</v>
      </c>
      <c r="D3941" s="45">
        <v>111</v>
      </c>
      <c r="E3941" s="46">
        <v>9.9</v>
      </c>
      <c r="F3941" s="46">
        <v>35.1</v>
      </c>
      <c r="G3941" s="46">
        <v>38.700000000000003</v>
      </c>
      <c r="H3941" s="47">
        <v>16.2</v>
      </c>
    </row>
    <row r="3942" spans="1:25" x14ac:dyDescent="0.2">
      <c r="B3942" s="77"/>
      <c r="C3942" s="39" t="s">
        <v>40</v>
      </c>
      <c r="D3942" s="45">
        <v>450</v>
      </c>
      <c r="E3942" s="46">
        <v>8.9</v>
      </c>
      <c r="F3942" s="46">
        <v>28.7</v>
      </c>
      <c r="G3942" s="46">
        <v>41.1</v>
      </c>
      <c r="H3942" s="47">
        <v>21.3</v>
      </c>
    </row>
    <row r="3943" spans="1:25" ht="21.6" x14ac:dyDescent="0.2">
      <c r="B3943" s="77"/>
      <c r="C3943" s="39" t="s">
        <v>41</v>
      </c>
      <c r="D3943" s="45">
        <v>30</v>
      </c>
      <c r="E3943" s="46">
        <v>13.3</v>
      </c>
      <c r="F3943" s="46">
        <v>33.299999999999997</v>
      </c>
      <c r="G3943" s="46">
        <v>30</v>
      </c>
      <c r="H3943" s="47">
        <v>23.3</v>
      </c>
    </row>
    <row r="3944" spans="1:25" ht="21.6" x14ac:dyDescent="0.2">
      <c r="B3944" s="77"/>
      <c r="C3944" s="39" t="s">
        <v>42</v>
      </c>
      <c r="D3944" s="45">
        <v>336</v>
      </c>
      <c r="E3944" s="46">
        <v>8.3000000000000007</v>
      </c>
      <c r="F3944" s="46">
        <v>37.5</v>
      </c>
      <c r="G3944" s="46">
        <v>36.299999999999997</v>
      </c>
      <c r="H3944" s="47">
        <v>17.899999999999999</v>
      </c>
    </row>
    <row r="3945" spans="1:25" ht="21.6" x14ac:dyDescent="0.2">
      <c r="B3945" s="77"/>
      <c r="C3945" s="39" t="s">
        <v>43</v>
      </c>
      <c r="D3945" s="45">
        <v>327</v>
      </c>
      <c r="E3945" s="46">
        <v>8.3000000000000007</v>
      </c>
      <c r="F3945" s="46">
        <v>32.700000000000003</v>
      </c>
      <c r="G3945" s="46">
        <v>44</v>
      </c>
      <c r="H3945" s="47">
        <v>15</v>
      </c>
    </row>
    <row r="3946" spans="1:25" ht="21.6" x14ac:dyDescent="0.2">
      <c r="B3946" s="77"/>
      <c r="C3946" s="39" t="s">
        <v>44</v>
      </c>
      <c r="D3946" s="45">
        <v>181</v>
      </c>
      <c r="E3946" s="46">
        <v>9.4</v>
      </c>
      <c r="F3946" s="46">
        <v>34.799999999999997</v>
      </c>
      <c r="G3946" s="46">
        <v>41.4</v>
      </c>
      <c r="H3946" s="47">
        <v>14.4</v>
      </c>
    </row>
    <row r="3947" spans="1:25" ht="21.6" x14ac:dyDescent="0.2">
      <c r="B3947" s="77"/>
      <c r="C3947" s="39" t="s">
        <v>45</v>
      </c>
      <c r="D3947" s="45">
        <v>565</v>
      </c>
      <c r="E3947" s="46">
        <v>8.6999999999999993</v>
      </c>
      <c r="F3947" s="46">
        <v>29.7</v>
      </c>
      <c r="G3947" s="46">
        <v>39.799999999999997</v>
      </c>
      <c r="H3947" s="47">
        <v>21.8</v>
      </c>
    </row>
    <row r="3948" spans="1:25" ht="21.6" x14ac:dyDescent="0.2">
      <c r="B3948" s="77"/>
      <c r="C3948" s="39" t="s">
        <v>46</v>
      </c>
      <c r="D3948" s="45">
        <v>473</v>
      </c>
      <c r="E3948" s="46">
        <v>11.6</v>
      </c>
      <c r="F3948" s="46">
        <v>34.700000000000003</v>
      </c>
      <c r="G3948" s="46">
        <v>34.5</v>
      </c>
      <c r="H3948" s="47">
        <v>19.2</v>
      </c>
    </row>
    <row r="3949" spans="1:25" ht="21.6" x14ac:dyDescent="0.2">
      <c r="B3949" s="77"/>
      <c r="C3949" s="39" t="s">
        <v>47</v>
      </c>
      <c r="D3949" s="45">
        <v>441</v>
      </c>
      <c r="E3949" s="46">
        <v>8.8000000000000007</v>
      </c>
      <c r="F3949" s="46">
        <v>33.1</v>
      </c>
      <c r="G3949" s="46">
        <v>40.1</v>
      </c>
      <c r="H3949" s="47">
        <v>17.899999999999999</v>
      </c>
    </row>
    <row r="3950" spans="1:25" ht="21.6" x14ac:dyDescent="0.2">
      <c r="B3950" s="77"/>
      <c r="C3950" s="39" t="s">
        <v>48</v>
      </c>
      <c r="D3950" s="45">
        <v>305</v>
      </c>
      <c r="E3950" s="46">
        <v>7.9</v>
      </c>
      <c r="F3950" s="46">
        <v>30.8</v>
      </c>
      <c r="G3950" s="46">
        <v>44.6</v>
      </c>
      <c r="H3950" s="47">
        <v>16.7</v>
      </c>
    </row>
    <row r="3951" spans="1:25" ht="21.6" x14ac:dyDescent="0.2">
      <c r="B3951" s="77"/>
      <c r="C3951" s="39" t="s">
        <v>49</v>
      </c>
      <c r="D3951" s="45">
        <v>223</v>
      </c>
      <c r="E3951" s="46">
        <v>6.7</v>
      </c>
      <c r="F3951" s="46">
        <v>31.4</v>
      </c>
      <c r="G3951" s="46">
        <v>48.4</v>
      </c>
      <c r="H3951" s="47">
        <v>13.5</v>
      </c>
    </row>
    <row r="3952" spans="1:25" ht="21.6" x14ac:dyDescent="0.2">
      <c r="B3952" s="77"/>
      <c r="C3952" s="39" t="s">
        <v>50</v>
      </c>
      <c r="D3952" s="45">
        <v>123</v>
      </c>
      <c r="E3952" s="46">
        <v>4.9000000000000004</v>
      </c>
      <c r="F3952" s="46">
        <v>32.5</v>
      </c>
      <c r="G3952" s="46">
        <v>49.6</v>
      </c>
      <c r="H3952" s="47">
        <v>13</v>
      </c>
    </row>
    <row r="3953" spans="1:25" ht="21.6" x14ac:dyDescent="0.2">
      <c r="B3953" s="77"/>
      <c r="C3953" s="39" t="s">
        <v>51</v>
      </c>
      <c r="D3953" s="45">
        <v>124</v>
      </c>
      <c r="E3953" s="46">
        <v>9.6999999999999993</v>
      </c>
      <c r="F3953" s="46">
        <v>27.4</v>
      </c>
      <c r="G3953" s="46">
        <v>43.5</v>
      </c>
      <c r="H3953" s="47">
        <v>19.399999999999999</v>
      </c>
    </row>
    <row r="3954" spans="1:25" ht="21.6" x14ac:dyDescent="0.2">
      <c r="B3954" s="77"/>
      <c r="C3954" s="39" t="s">
        <v>52</v>
      </c>
      <c r="D3954" s="45">
        <v>312</v>
      </c>
      <c r="E3954" s="46">
        <v>9.9</v>
      </c>
      <c r="F3954" s="46">
        <v>31.1</v>
      </c>
      <c r="G3954" s="46">
        <v>43.3</v>
      </c>
      <c r="H3954" s="47">
        <v>15.7</v>
      </c>
    </row>
    <row r="3955" spans="1:25" x14ac:dyDescent="0.2">
      <c r="B3955" s="77"/>
      <c r="C3955" s="39" t="s">
        <v>53</v>
      </c>
      <c r="D3955" s="45">
        <v>269</v>
      </c>
      <c r="E3955" s="46">
        <v>7.8</v>
      </c>
      <c r="F3955" s="46">
        <v>31.6</v>
      </c>
      <c r="G3955" s="46">
        <v>41.3</v>
      </c>
      <c r="H3955" s="47">
        <v>19.3</v>
      </c>
    </row>
    <row r="3956" spans="1:25" ht="21.6" x14ac:dyDescent="0.2">
      <c r="B3956" s="77"/>
      <c r="C3956" s="39" t="s">
        <v>54</v>
      </c>
      <c r="D3956" s="45">
        <v>511</v>
      </c>
      <c r="E3956" s="46">
        <v>10.8</v>
      </c>
      <c r="F3956" s="46">
        <v>37.4</v>
      </c>
      <c r="G3956" s="46">
        <v>35</v>
      </c>
      <c r="H3956" s="47">
        <v>16.8</v>
      </c>
    </row>
    <row r="3957" spans="1:25" ht="21.6" x14ac:dyDescent="0.2">
      <c r="B3957" s="77"/>
      <c r="C3957" s="39" t="s">
        <v>55</v>
      </c>
      <c r="D3957" s="45">
        <v>615</v>
      </c>
      <c r="E3957" s="46">
        <v>6.5</v>
      </c>
      <c r="F3957" s="46">
        <v>30.9</v>
      </c>
      <c r="G3957" s="46">
        <v>46.2</v>
      </c>
      <c r="H3957" s="47">
        <v>16.399999999999999</v>
      </c>
    </row>
    <row r="3958" spans="1:25" ht="21.6" x14ac:dyDescent="0.2">
      <c r="B3958" s="77"/>
      <c r="C3958" s="39" t="s">
        <v>56</v>
      </c>
      <c r="D3958" s="45">
        <v>800</v>
      </c>
      <c r="E3958" s="46">
        <v>8</v>
      </c>
      <c r="F3958" s="46">
        <v>34.5</v>
      </c>
      <c r="G3958" s="46">
        <v>41.5</v>
      </c>
      <c r="H3958" s="47">
        <v>16</v>
      </c>
    </row>
    <row r="3959" spans="1:25" x14ac:dyDescent="0.2">
      <c r="B3959" s="77"/>
      <c r="C3959" s="40" t="s">
        <v>57</v>
      </c>
      <c r="D3959" s="48">
        <v>798</v>
      </c>
      <c r="E3959" s="49">
        <v>9.5</v>
      </c>
      <c r="F3959" s="49">
        <v>31</v>
      </c>
      <c r="G3959" s="49">
        <v>41.1</v>
      </c>
      <c r="H3959" s="50">
        <v>18.399999999999999</v>
      </c>
    </row>
    <row r="3960" spans="1:25" x14ac:dyDescent="0.2">
      <c r="B3960" s="7" t="s">
        <v>71</v>
      </c>
      <c r="C3960" s="4" t="s">
        <v>183</v>
      </c>
    </row>
    <row r="3961" spans="1:25" x14ac:dyDescent="0.2">
      <c r="B3961" s="4"/>
      <c r="C3961" s="4" t="s">
        <v>73</v>
      </c>
    </row>
    <row r="3963" spans="1:25" x14ac:dyDescent="0.2">
      <c r="C3963" t="s">
        <v>35</v>
      </c>
    </row>
    <row r="3964" spans="1:25" x14ac:dyDescent="0.2">
      <c r="B3964" s="75" t="s">
        <v>334</v>
      </c>
      <c r="C3964" s="76"/>
      <c r="D3964" s="76"/>
      <c r="E3964" s="76"/>
      <c r="F3964" s="76"/>
      <c r="G3964" s="76"/>
      <c r="H3964" s="76"/>
      <c r="I3964" s="76"/>
      <c r="J3964" s="76"/>
      <c r="K3964" s="76"/>
      <c r="L3964" s="76"/>
      <c r="M3964" s="76"/>
      <c r="N3964" s="76"/>
      <c r="O3964" s="76"/>
      <c r="P3964" s="76"/>
      <c r="Q3964" s="76"/>
      <c r="R3964" s="76"/>
      <c r="S3964" s="76"/>
      <c r="T3964" s="76"/>
      <c r="U3964" s="76"/>
      <c r="V3964" s="76"/>
      <c r="W3964" s="76"/>
      <c r="X3964" s="76"/>
      <c r="Y3964" s="76"/>
    </row>
    <row r="3965" spans="1:25" s="32" customFormat="1" ht="47.25" customHeight="1" x14ac:dyDescent="0.15">
      <c r="A3965" s="31"/>
      <c r="D3965" s="33" t="s">
        <v>378</v>
      </c>
      <c r="E3965" s="36" t="s">
        <v>569</v>
      </c>
      <c r="F3965" s="55" t="s">
        <v>570</v>
      </c>
      <c r="G3965" s="55" t="s">
        <v>571</v>
      </c>
      <c r="H3965" s="37" t="s">
        <v>480</v>
      </c>
      <c r="I3965" s="35" t="s">
        <v>381</v>
      </c>
    </row>
    <row r="3966" spans="1:25" ht="21.6" x14ac:dyDescent="0.2">
      <c r="B3966" s="77" t="s">
        <v>37</v>
      </c>
      <c r="C3966" s="38" t="s">
        <v>58</v>
      </c>
      <c r="D3966" s="51">
        <v>609</v>
      </c>
      <c r="E3966" s="52">
        <v>8.4</v>
      </c>
      <c r="F3966" s="52">
        <v>37.6</v>
      </c>
      <c r="G3966" s="52">
        <v>38.4</v>
      </c>
      <c r="H3966" s="53">
        <v>15.6</v>
      </c>
    </row>
    <row r="3967" spans="1:25" ht="21.6" x14ac:dyDescent="0.2">
      <c r="B3967" s="77"/>
      <c r="C3967" s="39" t="s">
        <v>59</v>
      </c>
      <c r="D3967" s="45">
        <v>1391</v>
      </c>
      <c r="E3967" s="46">
        <v>9</v>
      </c>
      <c r="F3967" s="46">
        <v>29.7</v>
      </c>
      <c r="G3967" s="46">
        <v>40.9</v>
      </c>
      <c r="H3967" s="47">
        <v>20.399999999999999</v>
      </c>
    </row>
    <row r="3968" spans="1:25" x14ac:dyDescent="0.2">
      <c r="B3968" s="77"/>
      <c r="C3968" s="39" t="s">
        <v>60</v>
      </c>
      <c r="D3968" s="45">
        <v>1325</v>
      </c>
      <c r="E3968" s="46">
        <v>8.4</v>
      </c>
      <c r="F3968" s="46">
        <v>33</v>
      </c>
      <c r="G3968" s="46">
        <v>40.1</v>
      </c>
      <c r="H3968" s="47">
        <v>18.600000000000001</v>
      </c>
    </row>
    <row r="3969" spans="2:8" x14ac:dyDescent="0.2">
      <c r="B3969" s="77"/>
      <c r="C3969" s="39" t="s">
        <v>61</v>
      </c>
      <c r="D3969" s="45">
        <v>675</v>
      </c>
      <c r="E3969" s="46">
        <v>9.6</v>
      </c>
      <c r="F3969" s="46">
        <v>30.4</v>
      </c>
      <c r="G3969" s="46">
        <v>40.299999999999997</v>
      </c>
      <c r="H3969" s="47">
        <v>19.7</v>
      </c>
    </row>
    <row r="3970" spans="2:8" x14ac:dyDescent="0.2">
      <c r="B3970" s="77"/>
      <c r="C3970" s="39" t="s">
        <v>62</v>
      </c>
      <c r="D3970" s="45">
        <v>1086</v>
      </c>
      <c r="E3970" s="46">
        <v>9.4</v>
      </c>
      <c r="F3970" s="46">
        <v>32.6</v>
      </c>
      <c r="G3970" s="46">
        <v>37.700000000000003</v>
      </c>
      <c r="H3970" s="47">
        <v>20.3</v>
      </c>
    </row>
    <row r="3971" spans="2:8" ht="21.6" x14ac:dyDescent="0.2">
      <c r="B3971" s="77"/>
      <c r="C3971" s="39" t="s">
        <v>63</v>
      </c>
      <c r="D3971" s="45">
        <v>203</v>
      </c>
      <c r="E3971" s="46">
        <v>12.8</v>
      </c>
      <c r="F3971" s="46">
        <v>40.9</v>
      </c>
      <c r="G3971" s="46">
        <v>26.6</v>
      </c>
      <c r="H3971" s="47">
        <v>19.7</v>
      </c>
    </row>
    <row r="3972" spans="2:8" x14ac:dyDescent="0.2">
      <c r="B3972" s="77"/>
      <c r="C3972" s="39" t="s">
        <v>64</v>
      </c>
      <c r="D3972" s="45">
        <v>263</v>
      </c>
      <c r="E3972" s="46">
        <v>7.2</v>
      </c>
      <c r="F3972" s="46">
        <v>43.7</v>
      </c>
      <c r="G3972" s="46">
        <v>30.8</v>
      </c>
      <c r="H3972" s="47">
        <v>18.3</v>
      </c>
    </row>
    <row r="3973" spans="2:8" x14ac:dyDescent="0.2">
      <c r="B3973" s="77"/>
      <c r="C3973" s="39" t="s">
        <v>65</v>
      </c>
      <c r="D3973" s="45">
        <v>312</v>
      </c>
      <c r="E3973" s="46">
        <v>9.9</v>
      </c>
      <c r="F3973" s="46">
        <v>26.9</v>
      </c>
      <c r="G3973" s="46">
        <v>37.799999999999997</v>
      </c>
      <c r="H3973" s="47">
        <v>25.3</v>
      </c>
    </row>
    <row r="3974" spans="2:8" x14ac:dyDescent="0.2">
      <c r="B3974" s="77"/>
      <c r="C3974" s="39" t="s">
        <v>66</v>
      </c>
      <c r="D3974" s="45">
        <v>230</v>
      </c>
      <c r="E3974" s="46">
        <v>9.1</v>
      </c>
      <c r="F3974" s="46">
        <v>23.9</v>
      </c>
      <c r="G3974" s="46">
        <v>49.1</v>
      </c>
      <c r="H3974" s="47">
        <v>17.8</v>
      </c>
    </row>
    <row r="3975" spans="2:8" x14ac:dyDescent="0.2">
      <c r="B3975" s="77"/>
      <c r="C3975" s="39" t="s">
        <v>67</v>
      </c>
      <c r="D3975" s="45">
        <v>78</v>
      </c>
      <c r="E3975" s="46">
        <v>6.4</v>
      </c>
      <c r="F3975" s="46">
        <v>21.8</v>
      </c>
      <c r="G3975" s="46">
        <v>55.1</v>
      </c>
      <c r="H3975" s="47">
        <v>16.7</v>
      </c>
    </row>
    <row r="3976" spans="2:8" x14ac:dyDescent="0.2">
      <c r="B3976" s="77"/>
      <c r="C3976" s="39" t="s">
        <v>68</v>
      </c>
      <c r="D3976" s="45">
        <v>897</v>
      </c>
      <c r="E3976" s="46">
        <v>9.3000000000000007</v>
      </c>
      <c r="F3976" s="46">
        <v>33.299999999999997</v>
      </c>
      <c r="G3976" s="46">
        <v>38.6</v>
      </c>
      <c r="H3976" s="47">
        <v>18.8</v>
      </c>
    </row>
    <row r="3977" spans="2:8" x14ac:dyDescent="0.2">
      <c r="B3977" s="77"/>
      <c r="C3977" s="39" t="s">
        <v>69</v>
      </c>
      <c r="D3977" s="45">
        <v>189</v>
      </c>
      <c r="E3977" s="46">
        <v>10.1</v>
      </c>
      <c r="F3977" s="46">
        <v>29.1</v>
      </c>
      <c r="G3977" s="46">
        <v>33.299999999999997</v>
      </c>
      <c r="H3977" s="47">
        <v>27.5</v>
      </c>
    </row>
    <row r="3978" spans="2:8" x14ac:dyDescent="0.2">
      <c r="B3978" s="77"/>
      <c r="C3978" s="39" t="s">
        <v>70</v>
      </c>
      <c r="D3978" s="45">
        <v>914</v>
      </c>
      <c r="E3978" s="46">
        <v>8.1</v>
      </c>
      <c r="F3978" s="46">
        <v>31.5</v>
      </c>
      <c r="G3978" s="46">
        <v>43.1</v>
      </c>
      <c r="H3978" s="47">
        <v>17.3</v>
      </c>
    </row>
    <row r="3979" spans="2:8" ht="21.6" x14ac:dyDescent="0.2">
      <c r="B3979" s="77"/>
      <c r="C3979" s="39" t="s">
        <v>63</v>
      </c>
      <c r="D3979" s="45">
        <v>193</v>
      </c>
      <c r="E3979" s="46">
        <v>6.7</v>
      </c>
      <c r="F3979" s="46">
        <v>51.3</v>
      </c>
      <c r="G3979" s="46">
        <v>29</v>
      </c>
      <c r="H3979" s="47">
        <v>13</v>
      </c>
    </row>
    <row r="3980" spans="2:8" x14ac:dyDescent="0.2">
      <c r="B3980" s="77"/>
      <c r="C3980" s="39" t="s">
        <v>64</v>
      </c>
      <c r="D3980" s="45">
        <v>203</v>
      </c>
      <c r="E3980" s="46">
        <v>7.9</v>
      </c>
      <c r="F3980" s="46">
        <v>36.5</v>
      </c>
      <c r="G3980" s="46">
        <v>39.9</v>
      </c>
      <c r="H3980" s="47">
        <v>15.8</v>
      </c>
    </row>
    <row r="3981" spans="2:8" x14ac:dyDescent="0.2">
      <c r="B3981" s="77"/>
      <c r="C3981" s="39" t="s">
        <v>65</v>
      </c>
      <c r="D3981" s="45">
        <v>263</v>
      </c>
      <c r="E3981" s="46">
        <v>9.9</v>
      </c>
      <c r="F3981" s="46">
        <v>28.9</v>
      </c>
      <c r="G3981" s="46">
        <v>44.1</v>
      </c>
      <c r="H3981" s="47">
        <v>17.100000000000001</v>
      </c>
    </row>
    <row r="3982" spans="2:8" x14ac:dyDescent="0.2">
      <c r="B3982" s="77"/>
      <c r="C3982" s="39" t="s">
        <v>66</v>
      </c>
      <c r="D3982" s="45">
        <v>194</v>
      </c>
      <c r="E3982" s="46">
        <v>7.7</v>
      </c>
      <c r="F3982" s="46">
        <v>16.5</v>
      </c>
      <c r="G3982" s="46">
        <v>53.1</v>
      </c>
      <c r="H3982" s="47">
        <v>22.7</v>
      </c>
    </row>
    <row r="3983" spans="2:8" x14ac:dyDescent="0.2">
      <c r="B3983" s="77"/>
      <c r="C3983" s="39" t="s">
        <v>67</v>
      </c>
      <c r="D3983" s="45">
        <v>61</v>
      </c>
      <c r="E3983" s="46">
        <v>6.6</v>
      </c>
      <c r="F3983" s="46">
        <v>11.5</v>
      </c>
      <c r="G3983" s="46">
        <v>62.3</v>
      </c>
      <c r="H3983" s="47">
        <v>19.7</v>
      </c>
    </row>
    <row r="3984" spans="2:8" x14ac:dyDescent="0.2">
      <c r="B3984" s="77"/>
      <c r="C3984" s="39" t="s">
        <v>68</v>
      </c>
      <c r="D3984" s="45">
        <v>416</v>
      </c>
      <c r="E3984" s="46">
        <v>8.9</v>
      </c>
      <c r="F3984" s="46">
        <v>31</v>
      </c>
      <c r="G3984" s="46">
        <v>41.3</v>
      </c>
      <c r="H3984" s="47">
        <v>18.8</v>
      </c>
    </row>
    <row r="3985" spans="1:25" x14ac:dyDescent="0.2">
      <c r="B3985" s="77"/>
      <c r="C3985" s="40" t="s">
        <v>69</v>
      </c>
      <c r="D3985" s="48">
        <v>498</v>
      </c>
      <c r="E3985" s="49">
        <v>7.4</v>
      </c>
      <c r="F3985" s="49">
        <v>31.9</v>
      </c>
      <c r="G3985" s="49">
        <v>44.6</v>
      </c>
      <c r="H3985" s="50">
        <v>16.100000000000001</v>
      </c>
    </row>
    <row r="3986" spans="1:25" x14ac:dyDescent="0.2">
      <c r="B3986" s="7" t="s">
        <v>71</v>
      </c>
      <c r="C3986" s="4" t="s">
        <v>183</v>
      </c>
    </row>
    <row r="3987" spans="1:25" x14ac:dyDescent="0.2">
      <c r="B3987" s="4"/>
      <c r="C3987" s="4" t="s">
        <v>73</v>
      </c>
    </row>
    <row r="3989" spans="1:25" x14ac:dyDescent="0.2">
      <c r="A3989" s="26" t="s">
        <v>25</v>
      </c>
      <c r="B3989" t="s">
        <v>35</v>
      </c>
      <c r="C3989" t="s">
        <v>35</v>
      </c>
    </row>
    <row r="3990" spans="1:25" x14ac:dyDescent="0.2">
      <c r="B3990" s="75" t="s">
        <v>184</v>
      </c>
      <c r="C3990" s="76"/>
      <c r="D3990" s="76"/>
      <c r="E3990" s="76"/>
      <c r="F3990" s="76"/>
      <c r="G3990" s="76"/>
      <c r="H3990" s="76"/>
      <c r="I3990" s="76"/>
      <c r="J3990" s="76"/>
      <c r="K3990" s="76"/>
      <c r="L3990" s="76"/>
      <c r="M3990" s="76"/>
      <c r="N3990" s="76"/>
      <c r="O3990" s="76"/>
      <c r="P3990" s="76"/>
      <c r="Q3990" s="76"/>
      <c r="R3990" s="76"/>
      <c r="S3990" s="76"/>
      <c r="T3990" s="76"/>
      <c r="U3990" s="76"/>
      <c r="V3990" s="76"/>
      <c r="W3990" s="76"/>
      <c r="X3990" s="76"/>
      <c r="Y3990" s="76"/>
    </row>
    <row r="3991" spans="1:25" s="32" customFormat="1" ht="47.25" customHeight="1" x14ac:dyDescent="0.15">
      <c r="A3991" s="31"/>
      <c r="D3991" s="33" t="s">
        <v>378</v>
      </c>
      <c r="E3991" s="36" t="s">
        <v>572</v>
      </c>
      <c r="F3991" s="55" t="s">
        <v>571</v>
      </c>
      <c r="G3991" s="37" t="s">
        <v>480</v>
      </c>
      <c r="H3991" s="35" t="s">
        <v>381</v>
      </c>
    </row>
    <row r="3992" spans="1:25" x14ac:dyDescent="0.2">
      <c r="B3992" s="5"/>
      <c r="C3992" s="41" t="s">
        <v>38</v>
      </c>
      <c r="D3992" s="42">
        <v>2000</v>
      </c>
      <c r="E3992" s="43">
        <v>40.9</v>
      </c>
      <c r="F3992" s="43">
        <v>40.200000000000003</v>
      </c>
      <c r="G3992" s="44">
        <v>19</v>
      </c>
    </row>
    <row r="3993" spans="1:25" x14ac:dyDescent="0.2">
      <c r="B3993" s="77" t="s">
        <v>37</v>
      </c>
      <c r="C3993" s="39" t="s">
        <v>39</v>
      </c>
      <c r="D3993" s="45">
        <v>111</v>
      </c>
      <c r="E3993" s="46">
        <v>45</v>
      </c>
      <c r="F3993" s="46">
        <v>38.700000000000003</v>
      </c>
      <c r="G3993" s="47">
        <v>16.2</v>
      </c>
    </row>
    <row r="3994" spans="1:25" x14ac:dyDescent="0.2">
      <c r="B3994" s="77"/>
      <c r="C3994" s="39" t="s">
        <v>40</v>
      </c>
      <c r="D3994" s="45">
        <v>450</v>
      </c>
      <c r="E3994" s="46">
        <v>37.6</v>
      </c>
      <c r="F3994" s="46">
        <v>41.1</v>
      </c>
      <c r="G3994" s="47">
        <v>21.3</v>
      </c>
    </row>
    <row r="3995" spans="1:25" ht="21.6" x14ac:dyDescent="0.2">
      <c r="B3995" s="77"/>
      <c r="C3995" s="39" t="s">
        <v>41</v>
      </c>
      <c r="D3995" s="45">
        <v>30</v>
      </c>
      <c r="E3995" s="46">
        <v>46.7</v>
      </c>
      <c r="F3995" s="46">
        <v>30</v>
      </c>
      <c r="G3995" s="47">
        <v>23.3</v>
      </c>
    </row>
    <row r="3996" spans="1:25" ht="21.6" x14ac:dyDescent="0.2">
      <c r="B3996" s="77"/>
      <c r="C3996" s="39" t="s">
        <v>42</v>
      </c>
      <c r="D3996" s="45">
        <v>336</v>
      </c>
      <c r="E3996" s="46">
        <v>45.8</v>
      </c>
      <c r="F3996" s="46">
        <v>36.299999999999997</v>
      </c>
      <c r="G3996" s="47">
        <v>17.899999999999999</v>
      </c>
    </row>
    <row r="3997" spans="1:25" ht="21.6" x14ac:dyDescent="0.2">
      <c r="B3997" s="77"/>
      <c r="C3997" s="39" t="s">
        <v>43</v>
      </c>
      <c r="D3997" s="45">
        <v>327</v>
      </c>
      <c r="E3997" s="46">
        <v>41</v>
      </c>
      <c r="F3997" s="46">
        <v>44</v>
      </c>
      <c r="G3997" s="47">
        <v>15</v>
      </c>
    </row>
    <row r="3998" spans="1:25" ht="21.6" x14ac:dyDescent="0.2">
      <c r="B3998" s="77"/>
      <c r="C3998" s="39" t="s">
        <v>44</v>
      </c>
      <c r="D3998" s="45">
        <v>181</v>
      </c>
      <c r="E3998" s="46">
        <v>44.2</v>
      </c>
      <c r="F3998" s="46">
        <v>41.4</v>
      </c>
      <c r="G3998" s="47">
        <v>14.4</v>
      </c>
    </row>
    <row r="3999" spans="1:25" ht="21.6" x14ac:dyDescent="0.2">
      <c r="B3999" s="77"/>
      <c r="C3999" s="39" t="s">
        <v>45</v>
      </c>
      <c r="D3999" s="45">
        <v>565</v>
      </c>
      <c r="E3999" s="46">
        <v>38.4</v>
      </c>
      <c r="F3999" s="46">
        <v>39.799999999999997</v>
      </c>
      <c r="G3999" s="47">
        <v>21.8</v>
      </c>
    </row>
    <row r="4000" spans="1:25" ht="21.6" x14ac:dyDescent="0.2">
      <c r="B4000" s="77"/>
      <c r="C4000" s="39" t="s">
        <v>46</v>
      </c>
      <c r="D4000" s="45">
        <v>473</v>
      </c>
      <c r="E4000" s="46">
        <v>46.3</v>
      </c>
      <c r="F4000" s="46">
        <v>34.5</v>
      </c>
      <c r="G4000" s="47">
        <v>19.2</v>
      </c>
    </row>
    <row r="4001" spans="1:25" ht="21.6" x14ac:dyDescent="0.2">
      <c r="B4001" s="77"/>
      <c r="C4001" s="39" t="s">
        <v>47</v>
      </c>
      <c r="D4001" s="45">
        <v>441</v>
      </c>
      <c r="E4001" s="46">
        <v>42</v>
      </c>
      <c r="F4001" s="46">
        <v>40.1</v>
      </c>
      <c r="G4001" s="47">
        <v>17.899999999999999</v>
      </c>
    </row>
    <row r="4002" spans="1:25" ht="21.6" x14ac:dyDescent="0.2">
      <c r="B4002" s="77"/>
      <c r="C4002" s="39" t="s">
        <v>48</v>
      </c>
      <c r="D4002" s="45">
        <v>305</v>
      </c>
      <c r="E4002" s="46">
        <v>38.700000000000003</v>
      </c>
      <c r="F4002" s="46">
        <v>44.6</v>
      </c>
      <c r="G4002" s="47">
        <v>16.7</v>
      </c>
    </row>
    <row r="4003" spans="1:25" ht="21.6" x14ac:dyDescent="0.2">
      <c r="B4003" s="77"/>
      <c r="C4003" s="39" t="s">
        <v>49</v>
      </c>
      <c r="D4003" s="45">
        <v>223</v>
      </c>
      <c r="E4003" s="46">
        <v>38.1</v>
      </c>
      <c r="F4003" s="46">
        <v>48.4</v>
      </c>
      <c r="G4003" s="47">
        <v>13.5</v>
      </c>
    </row>
    <row r="4004" spans="1:25" ht="21.6" x14ac:dyDescent="0.2">
      <c r="B4004" s="77"/>
      <c r="C4004" s="39" t="s">
        <v>50</v>
      </c>
      <c r="D4004" s="45">
        <v>123</v>
      </c>
      <c r="E4004" s="46">
        <v>37.4</v>
      </c>
      <c r="F4004" s="46">
        <v>49.6</v>
      </c>
      <c r="G4004" s="47">
        <v>13</v>
      </c>
    </row>
    <row r="4005" spans="1:25" ht="21.6" x14ac:dyDescent="0.2">
      <c r="B4005" s="77"/>
      <c r="C4005" s="39" t="s">
        <v>51</v>
      </c>
      <c r="D4005" s="45">
        <v>124</v>
      </c>
      <c r="E4005" s="46">
        <v>37.1</v>
      </c>
      <c r="F4005" s="46">
        <v>43.5</v>
      </c>
      <c r="G4005" s="47">
        <v>19.399999999999999</v>
      </c>
    </row>
    <row r="4006" spans="1:25" ht="21.6" x14ac:dyDescent="0.2">
      <c r="B4006" s="77"/>
      <c r="C4006" s="39" t="s">
        <v>52</v>
      </c>
      <c r="D4006" s="45">
        <v>312</v>
      </c>
      <c r="E4006" s="46">
        <v>41</v>
      </c>
      <c r="F4006" s="46">
        <v>43.3</v>
      </c>
      <c r="G4006" s="47">
        <v>15.7</v>
      </c>
    </row>
    <row r="4007" spans="1:25" x14ac:dyDescent="0.2">
      <c r="B4007" s="77"/>
      <c r="C4007" s="39" t="s">
        <v>53</v>
      </c>
      <c r="D4007" s="45">
        <v>269</v>
      </c>
      <c r="E4007" s="46">
        <v>39.4</v>
      </c>
      <c r="F4007" s="46">
        <v>41.3</v>
      </c>
      <c r="G4007" s="47">
        <v>19.3</v>
      </c>
    </row>
    <row r="4008" spans="1:25" ht="21.6" x14ac:dyDescent="0.2">
      <c r="B4008" s="77"/>
      <c r="C4008" s="39" t="s">
        <v>54</v>
      </c>
      <c r="D4008" s="45">
        <v>511</v>
      </c>
      <c r="E4008" s="46">
        <v>48.1</v>
      </c>
      <c r="F4008" s="46">
        <v>35</v>
      </c>
      <c r="G4008" s="47">
        <v>16.8</v>
      </c>
    </row>
    <row r="4009" spans="1:25" ht="21.6" x14ac:dyDescent="0.2">
      <c r="B4009" s="77"/>
      <c r="C4009" s="39" t="s">
        <v>55</v>
      </c>
      <c r="D4009" s="45">
        <v>615</v>
      </c>
      <c r="E4009" s="46">
        <v>37.4</v>
      </c>
      <c r="F4009" s="46">
        <v>46.2</v>
      </c>
      <c r="G4009" s="47">
        <v>16.399999999999999</v>
      </c>
    </row>
    <row r="4010" spans="1:25" ht="21.6" x14ac:dyDescent="0.2">
      <c r="B4010" s="77"/>
      <c r="C4010" s="39" t="s">
        <v>56</v>
      </c>
      <c r="D4010" s="45">
        <v>800</v>
      </c>
      <c r="E4010" s="46">
        <v>42.5</v>
      </c>
      <c r="F4010" s="46">
        <v>41.5</v>
      </c>
      <c r="G4010" s="47">
        <v>16</v>
      </c>
    </row>
    <row r="4011" spans="1:25" x14ac:dyDescent="0.2">
      <c r="B4011" s="77"/>
      <c r="C4011" s="40" t="s">
        <v>57</v>
      </c>
      <c r="D4011" s="48">
        <v>798</v>
      </c>
      <c r="E4011" s="49">
        <v>40.5</v>
      </c>
      <c r="F4011" s="49">
        <v>41.1</v>
      </c>
      <c r="G4011" s="50">
        <v>18.399999999999999</v>
      </c>
    </row>
    <row r="4013" spans="1:25" x14ac:dyDescent="0.2">
      <c r="C4013" t="s">
        <v>35</v>
      </c>
    </row>
    <row r="4014" spans="1:25" x14ac:dyDescent="0.2">
      <c r="B4014" s="75" t="s">
        <v>335</v>
      </c>
      <c r="C4014" s="76"/>
      <c r="D4014" s="76"/>
      <c r="E4014" s="76"/>
      <c r="F4014" s="76"/>
      <c r="G4014" s="76"/>
      <c r="H4014" s="76"/>
      <c r="I4014" s="76"/>
      <c r="J4014" s="76"/>
      <c r="K4014" s="76"/>
      <c r="L4014" s="76"/>
      <c r="M4014" s="76"/>
      <c r="N4014" s="76"/>
      <c r="O4014" s="76"/>
      <c r="P4014" s="76"/>
      <c r="Q4014" s="76"/>
      <c r="R4014" s="76"/>
      <c r="S4014" s="76"/>
      <c r="T4014" s="76"/>
      <c r="U4014" s="76"/>
      <c r="V4014" s="76"/>
      <c r="W4014" s="76"/>
      <c r="X4014" s="76"/>
      <c r="Y4014" s="76"/>
    </row>
    <row r="4015" spans="1:25" s="32" customFormat="1" ht="47.25" customHeight="1" x14ac:dyDescent="0.15">
      <c r="A4015" s="31"/>
      <c r="D4015" s="33" t="s">
        <v>378</v>
      </c>
      <c r="E4015" s="36" t="s">
        <v>572</v>
      </c>
      <c r="F4015" s="55" t="s">
        <v>571</v>
      </c>
      <c r="G4015" s="37" t="s">
        <v>480</v>
      </c>
      <c r="H4015" s="35" t="s">
        <v>381</v>
      </c>
    </row>
    <row r="4016" spans="1:25" ht="21.6" x14ac:dyDescent="0.2">
      <c r="B4016" s="77" t="s">
        <v>37</v>
      </c>
      <c r="C4016" s="38" t="s">
        <v>58</v>
      </c>
      <c r="D4016" s="51">
        <v>609</v>
      </c>
      <c r="E4016" s="52">
        <v>46</v>
      </c>
      <c r="F4016" s="52">
        <v>38.4</v>
      </c>
      <c r="G4016" s="53">
        <v>15.6</v>
      </c>
    </row>
    <row r="4017" spans="2:7" ht="21.6" x14ac:dyDescent="0.2">
      <c r="B4017" s="77"/>
      <c r="C4017" s="39" t="s">
        <v>59</v>
      </c>
      <c r="D4017" s="45">
        <v>1391</v>
      </c>
      <c r="E4017" s="46">
        <v>38.700000000000003</v>
      </c>
      <c r="F4017" s="46">
        <v>40.9</v>
      </c>
      <c r="G4017" s="47">
        <v>20.399999999999999</v>
      </c>
    </row>
    <row r="4018" spans="2:7" x14ac:dyDescent="0.2">
      <c r="B4018" s="77"/>
      <c r="C4018" s="39" t="s">
        <v>60</v>
      </c>
      <c r="D4018" s="45">
        <v>1325</v>
      </c>
      <c r="E4018" s="46">
        <v>41.4</v>
      </c>
      <c r="F4018" s="46">
        <v>40.1</v>
      </c>
      <c r="G4018" s="47">
        <v>18.600000000000001</v>
      </c>
    </row>
    <row r="4019" spans="2:7" x14ac:dyDescent="0.2">
      <c r="B4019" s="77"/>
      <c r="C4019" s="39" t="s">
        <v>61</v>
      </c>
      <c r="D4019" s="45">
        <v>675</v>
      </c>
      <c r="E4019" s="46">
        <v>40</v>
      </c>
      <c r="F4019" s="46">
        <v>40.299999999999997</v>
      </c>
      <c r="G4019" s="47">
        <v>19.7</v>
      </c>
    </row>
    <row r="4020" spans="2:7" x14ac:dyDescent="0.2">
      <c r="B4020" s="77"/>
      <c r="C4020" s="39" t="s">
        <v>62</v>
      </c>
      <c r="D4020" s="45">
        <v>1086</v>
      </c>
      <c r="E4020" s="46">
        <v>42</v>
      </c>
      <c r="F4020" s="46">
        <v>37.700000000000003</v>
      </c>
      <c r="G4020" s="47">
        <v>20.3</v>
      </c>
    </row>
    <row r="4021" spans="2:7" ht="21.6" x14ac:dyDescent="0.2">
      <c r="B4021" s="77"/>
      <c r="C4021" s="39" t="s">
        <v>63</v>
      </c>
      <c r="D4021" s="45">
        <v>203</v>
      </c>
      <c r="E4021" s="46">
        <v>53.7</v>
      </c>
      <c r="F4021" s="46">
        <v>26.6</v>
      </c>
      <c r="G4021" s="47">
        <v>19.7</v>
      </c>
    </row>
    <row r="4022" spans="2:7" x14ac:dyDescent="0.2">
      <c r="B4022" s="77"/>
      <c r="C4022" s="39" t="s">
        <v>64</v>
      </c>
      <c r="D4022" s="45">
        <v>263</v>
      </c>
      <c r="E4022" s="46">
        <v>51</v>
      </c>
      <c r="F4022" s="46">
        <v>30.8</v>
      </c>
      <c r="G4022" s="47">
        <v>18.3</v>
      </c>
    </row>
    <row r="4023" spans="2:7" x14ac:dyDescent="0.2">
      <c r="B4023" s="77"/>
      <c r="C4023" s="39" t="s">
        <v>65</v>
      </c>
      <c r="D4023" s="45">
        <v>312</v>
      </c>
      <c r="E4023" s="46">
        <v>36.9</v>
      </c>
      <c r="F4023" s="46">
        <v>37.799999999999997</v>
      </c>
      <c r="G4023" s="47">
        <v>25.3</v>
      </c>
    </row>
    <row r="4024" spans="2:7" x14ac:dyDescent="0.2">
      <c r="B4024" s="77"/>
      <c r="C4024" s="39" t="s">
        <v>66</v>
      </c>
      <c r="D4024" s="45">
        <v>230</v>
      </c>
      <c r="E4024" s="46">
        <v>33</v>
      </c>
      <c r="F4024" s="46">
        <v>49.1</v>
      </c>
      <c r="G4024" s="47">
        <v>17.8</v>
      </c>
    </row>
    <row r="4025" spans="2:7" x14ac:dyDescent="0.2">
      <c r="B4025" s="77"/>
      <c r="C4025" s="39" t="s">
        <v>67</v>
      </c>
      <c r="D4025" s="45">
        <v>78</v>
      </c>
      <c r="E4025" s="46">
        <v>28.2</v>
      </c>
      <c r="F4025" s="46">
        <v>55.1</v>
      </c>
      <c r="G4025" s="47">
        <v>16.7</v>
      </c>
    </row>
    <row r="4026" spans="2:7" x14ac:dyDescent="0.2">
      <c r="B4026" s="77"/>
      <c r="C4026" s="39" t="s">
        <v>68</v>
      </c>
      <c r="D4026" s="45">
        <v>897</v>
      </c>
      <c r="E4026" s="46">
        <v>42.6</v>
      </c>
      <c r="F4026" s="46">
        <v>38.6</v>
      </c>
      <c r="G4026" s="47">
        <v>18.8</v>
      </c>
    </row>
    <row r="4027" spans="2:7" x14ac:dyDescent="0.2">
      <c r="B4027" s="77"/>
      <c r="C4027" s="39" t="s">
        <v>69</v>
      </c>
      <c r="D4027" s="45">
        <v>189</v>
      </c>
      <c r="E4027" s="46">
        <v>39.200000000000003</v>
      </c>
      <c r="F4027" s="46">
        <v>33.299999999999997</v>
      </c>
      <c r="G4027" s="47">
        <v>27.5</v>
      </c>
    </row>
    <row r="4028" spans="2:7" x14ac:dyDescent="0.2">
      <c r="B4028" s="77"/>
      <c r="C4028" s="39" t="s">
        <v>70</v>
      </c>
      <c r="D4028" s="45">
        <v>914</v>
      </c>
      <c r="E4028" s="46">
        <v>39.6</v>
      </c>
      <c r="F4028" s="46">
        <v>43.1</v>
      </c>
      <c r="G4028" s="47">
        <v>17.3</v>
      </c>
    </row>
    <row r="4029" spans="2:7" ht="21.6" x14ac:dyDescent="0.2">
      <c r="B4029" s="77"/>
      <c r="C4029" s="39" t="s">
        <v>63</v>
      </c>
      <c r="D4029" s="45">
        <v>193</v>
      </c>
      <c r="E4029" s="46">
        <v>58</v>
      </c>
      <c r="F4029" s="46">
        <v>29</v>
      </c>
      <c r="G4029" s="47">
        <v>13</v>
      </c>
    </row>
    <row r="4030" spans="2:7" x14ac:dyDescent="0.2">
      <c r="B4030" s="77"/>
      <c r="C4030" s="39" t="s">
        <v>64</v>
      </c>
      <c r="D4030" s="45">
        <v>203</v>
      </c>
      <c r="E4030" s="46">
        <v>44.3</v>
      </c>
      <c r="F4030" s="46">
        <v>39.9</v>
      </c>
      <c r="G4030" s="47">
        <v>15.8</v>
      </c>
    </row>
    <row r="4031" spans="2:7" x14ac:dyDescent="0.2">
      <c r="B4031" s="77"/>
      <c r="C4031" s="39" t="s">
        <v>65</v>
      </c>
      <c r="D4031" s="45">
        <v>263</v>
      </c>
      <c r="E4031" s="46">
        <v>38.799999999999997</v>
      </c>
      <c r="F4031" s="46">
        <v>44.1</v>
      </c>
      <c r="G4031" s="47">
        <v>17.100000000000001</v>
      </c>
    </row>
    <row r="4032" spans="2:7" x14ac:dyDescent="0.2">
      <c r="B4032" s="77"/>
      <c r="C4032" s="39" t="s">
        <v>66</v>
      </c>
      <c r="D4032" s="45">
        <v>194</v>
      </c>
      <c r="E4032" s="46">
        <v>24.2</v>
      </c>
      <c r="F4032" s="46">
        <v>53.1</v>
      </c>
      <c r="G4032" s="47">
        <v>22.7</v>
      </c>
    </row>
    <row r="4033" spans="1:25" x14ac:dyDescent="0.2">
      <c r="B4033" s="77"/>
      <c r="C4033" s="39" t="s">
        <v>67</v>
      </c>
      <c r="D4033" s="45">
        <v>61</v>
      </c>
      <c r="E4033" s="46">
        <v>18</v>
      </c>
      <c r="F4033" s="46">
        <v>62.3</v>
      </c>
      <c r="G4033" s="47">
        <v>19.7</v>
      </c>
    </row>
    <row r="4034" spans="1:25" x14ac:dyDescent="0.2">
      <c r="B4034" s="77"/>
      <c r="C4034" s="39" t="s">
        <v>68</v>
      </c>
      <c r="D4034" s="45">
        <v>416</v>
      </c>
      <c r="E4034" s="46">
        <v>39.9</v>
      </c>
      <c r="F4034" s="46">
        <v>41.3</v>
      </c>
      <c r="G4034" s="47">
        <v>18.8</v>
      </c>
    </row>
    <row r="4035" spans="1:25" x14ac:dyDescent="0.2">
      <c r="B4035" s="77"/>
      <c r="C4035" s="40" t="s">
        <v>69</v>
      </c>
      <c r="D4035" s="48">
        <v>498</v>
      </c>
      <c r="E4035" s="49">
        <v>39.4</v>
      </c>
      <c r="F4035" s="49">
        <v>44.6</v>
      </c>
      <c r="G4035" s="50">
        <v>16.100000000000001</v>
      </c>
    </row>
    <row r="4037" spans="1:25" x14ac:dyDescent="0.2">
      <c r="A4037" s="26" t="s">
        <v>25</v>
      </c>
      <c r="B4037" t="s">
        <v>35</v>
      </c>
      <c r="C4037" t="s">
        <v>35</v>
      </c>
    </row>
    <row r="4038" spans="1:25" x14ac:dyDescent="0.2">
      <c r="B4038" s="75" t="s">
        <v>185</v>
      </c>
      <c r="C4038" s="76"/>
      <c r="D4038" s="76"/>
      <c r="E4038" s="76"/>
      <c r="F4038" s="76"/>
      <c r="G4038" s="76"/>
      <c r="H4038" s="76"/>
      <c r="I4038" s="76"/>
      <c r="J4038" s="76"/>
      <c r="K4038" s="76"/>
      <c r="L4038" s="76"/>
      <c r="M4038" s="76"/>
      <c r="N4038" s="76"/>
      <c r="O4038" s="76"/>
      <c r="P4038" s="76"/>
      <c r="Q4038" s="76"/>
      <c r="R4038" s="76"/>
      <c r="S4038" s="76"/>
      <c r="T4038" s="76"/>
      <c r="U4038" s="76"/>
      <c r="V4038" s="76"/>
      <c r="W4038" s="76"/>
      <c r="X4038" s="76"/>
      <c r="Y4038" s="76"/>
    </row>
    <row r="4039" spans="1:25" s="32" customFormat="1" ht="47.25" customHeight="1" x14ac:dyDescent="0.15">
      <c r="A4039" s="31"/>
      <c r="D4039" s="33" t="s">
        <v>378</v>
      </c>
      <c r="E4039" s="36" t="s">
        <v>573</v>
      </c>
      <c r="F4039" s="55" t="s">
        <v>574</v>
      </c>
      <c r="G4039" s="55" t="s">
        <v>575</v>
      </c>
      <c r="H4039" s="55" t="s">
        <v>576</v>
      </c>
      <c r="I4039" s="37" t="s">
        <v>577</v>
      </c>
      <c r="J4039" s="35" t="s">
        <v>381</v>
      </c>
    </row>
    <row r="4040" spans="1:25" x14ac:dyDescent="0.2">
      <c r="B4040" s="5"/>
      <c r="C4040" s="41" t="s">
        <v>38</v>
      </c>
      <c r="D4040" s="42">
        <v>2000</v>
      </c>
      <c r="E4040" s="43">
        <v>6.6</v>
      </c>
      <c r="F4040" s="43">
        <v>30.7</v>
      </c>
      <c r="G4040" s="43">
        <v>38.1</v>
      </c>
      <c r="H4040" s="43">
        <v>15.5</v>
      </c>
      <c r="I4040" s="44">
        <v>9.3000000000000007</v>
      </c>
    </row>
    <row r="4041" spans="1:25" x14ac:dyDescent="0.2">
      <c r="B4041" s="77" t="s">
        <v>37</v>
      </c>
      <c r="C4041" s="39" t="s">
        <v>39</v>
      </c>
      <c r="D4041" s="45">
        <v>111</v>
      </c>
      <c r="E4041" s="46">
        <v>11.7</v>
      </c>
      <c r="F4041" s="46">
        <v>32.4</v>
      </c>
      <c r="G4041" s="46">
        <v>35.1</v>
      </c>
      <c r="H4041" s="46">
        <v>14.4</v>
      </c>
      <c r="I4041" s="47">
        <v>6.3</v>
      </c>
    </row>
    <row r="4042" spans="1:25" x14ac:dyDescent="0.2">
      <c r="B4042" s="77"/>
      <c r="C4042" s="39" t="s">
        <v>40</v>
      </c>
      <c r="D4042" s="45">
        <v>450</v>
      </c>
      <c r="E4042" s="46">
        <v>6.2</v>
      </c>
      <c r="F4042" s="46">
        <v>26.9</v>
      </c>
      <c r="G4042" s="46">
        <v>37.799999999999997</v>
      </c>
      <c r="H4042" s="46">
        <v>17.8</v>
      </c>
      <c r="I4042" s="47">
        <v>11.3</v>
      </c>
    </row>
    <row r="4043" spans="1:25" ht="21.6" x14ac:dyDescent="0.2">
      <c r="B4043" s="77"/>
      <c r="C4043" s="39" t="s">
        <v>41</v>
      </c>
      <c r="D4043" s="45">
        <v>30</v>
      </c>
      <c r="E4043" s="46">
        <v>13.3</v>
      </c>
      <c r="F4043" s="46">
        <v>26.7</v>
      </c>
      <c r="G4043" s="46">
        <v>50</v>
      </c>
      <c r="H4043" s="46">
        <v>10</v>
      </c>
      <c r="I4043" s="47">
        <v>0</v>
      </c>
    </row>
    <row r="4044" spans="1:25" ht="21.6" x14ac:dyDescent="0.2">
      <c r="B4044" s="77"/>
      <c r="C4044" s="39" t="s">
        <v>42</v>
      </c>
      <c r="D4044" s="45">
        <v>336</v>
      </c>
      <c r="E4044" s="46">
        <v>6.5</v>
      </c>
      <c r="F4044" s="46">
        <v>31.5</v>
      </c>
      <c r="G4044" s="46">
        <v>36.6</v>
      </c>
      <c r="H4044" s="46">
        <v>14.3</v>
      </c>
      <c r="I4044" s="47">
        <v>11</v>
      </c>
    </row>
    <row r="4045" spans="1:25" ht="21.6" x14ac:dyDescent="0.2">
      <c r="B4045" s="77"/>
      <c r="C4045" s="39" t="s">
        <v>43</v>
      </c>
      <c r="D4045" s="45">
        <v>327</v>
      </c>
      <c r="E4045" s="46">
        <v>5.8</v>
      </c>
      <c r="F4045" s="46">
        <v>35.5</v>
      </c>
      <c r="G4045" s="46">
        <v>34.299999999999997</v>
      </c>
      <c r="H4045" s="46">
        <v>15.6</v>
      </c>
      <c r="I4045" s="47">
        <v>8.9</v>
      </c>
    </row>
    <row r="4046" spans="1:25" ht="21.6" x14ac:dyDescent="0.2">
      <c r="B4046" s="77"/>
      <c r="C4046" s="39" t="s">
        <v>44</v>
      </c>
      <c r="D4046" s="45">
        <v>181</v>
      </c>
      <c r="E4046" s="46">
        <v>5</v>
      </c>
      <c r="F4046" s="46">
        <v>35.4</v>
      </c>
      <c r="G4046" s="46">
        <v>32</v>
      </c>
      <c r="H4046" s="46">
        <v>18.2</v>
      </c>
      <c r="I4046" s="47">
        <v>9.4</v>
      </c>
    </row>
    <row r="4047" spans="1:25" ht="21.6" x14ac:dyDescent="0.2">
      <c r="B4047" s="77"/>
      <c r="C4047" s="39" t="s">
        <v>45</v>
      </c>
      <c r="D4047" s="45">
        <v>565</v>
      </c>
      <c r="E4047" s="46">
        <v>6.5</v>
      </c>
      <c r="F4047" s="46">
        <v>28.7</v>
      </c>
      <c r="G4047" s="46">
        <v>43.2</v>
      </c>
      <c r="H4047" s="46">
        <v>13.8</v>
      </c>
      <c r="I4047" s="47">
        <v>7.8</v>
      </c>
    </row>
    <row r="4048" spans="1:25" ht="21.6" x14ac:dyDescent="0.2">
      <c r="B4048" s="77"/>
      <c r="C4048" s="39" t="s">
        <v>46</v>
      </c>
      <c r="D4048" s="45">
        <v>473</v>
      </c>
      <c r="E4048" s="46">
        <v>5.3</v>
      </c>
      <c r="F4048" s="46">
        <v>27.3</v>
      </c>
      <c r="G4048" s="46">
        <v>38.1</v>
      </c>
      <c r="H4048" s="46">
        <v>18.2</v>
      </c>
      <c r="I4048" s="47">
        <v>11.2</v>
      </c>
    </row>
    <row r="4049" spans="2:25" ht="21.6" x14ac:dyDescent="0.2">
      <c r="B4049" s="77"/>
      <c r="C4049" s="39" t="s">
        <v>47</v>
      </c>
      <c r="D4049" s="45">
        <v>441</v>
      </c>
      <c r="E4049" s="46">
        <v>7</v>
      </c>
      <c r="F4049" s="46">
        <v>32.200000000000003</v>
      </c>
      <c r="G4049" s="46">
        <v>37.200000000000003</v>
      </c>
      <c r="H4049" s="46">
        <v>14.1</v>
      </c>
      <c r="I4049" s="47">
        <v>9.5</v>
      </c>
    </row>
    <row r="4050" spans="2:25" ht="21.6" x14ac:dyDescent="0.2">
      <c r="B4050" s="77"/>
      <c r="C4050" s="39" t="s">
        <v>48</v>
      </c>
      <c r="D4050" s="45">
        <v>305</v>
      </c>
      <c r="E4050" s="46">
        <v>7.9</v>
      </c>
      <c r="F4050" s="46">
        <v>28.2</v>
      </c>
      <c r="G4050" s="46">
        <v>38.4</v>
      </c>
      <c r="H4050" s="46">
        <v>18.399999999999999</v>
      </c>
      <c r="I4050" s="47">
        <v>7.2</v>
      </c>
    </row>
    <row r="4051" spans="2:25" ht="21.6" x14ac:dyDescent="0.2">
      <c r="B4051" s="77"/>
      <c r="C4051" s="39" t="s">
        <v>49</v>
      </c>
      <c r="D4051" s="45">
        <v>223</v>
      </c>
      <c r="E4051" s="46">
        <v>6.7</v>
      </c>
      <c r="F4051" s="46">
        <v>38.1</v>
      </c>
      <c r="G4051" s="46">
        <v>32.299999999999997</v>
      </c>
      <c r="H4051" s="46">
        <v>15.2</v>
      </c>
      <c r="I4051" s="47">
        <v>7.6</v>
      </c>
    </row>
    <row r="4052" spans="2:25" ht="21.6" x14ac:dyDescent="0.2">
      <c r="B4052" s="77"/>
      <c r="C4052" s="39" t="s">
        <v>50</v>
      </c>
      <c r="D4052" s="45">
        <v>123</v>
      </c>
      <c r="E4052" s="46">
        <v>8.1</v>
      </c>
      <c r="F4052" s="46">
        <v>43.9</v>
      </c>
      <c r="G4052" s="46">
        <v>23.6</v>
      </c>
      <c r="H4052" s="46">
        <v>16.3</v>
      </c>
      <c r="I4052" s="47">
        <v>8.1</v>
      </c>
    </row>
    <row r="4053" spans="2:25" ht="21.6" x14ac:dyDescent="0.2">
      <c r="B4053" s="77"/>
      <c r="C4053" s="39" t="s">
        <v>51</v>
      </c>
      <c r="D4053" s="45">
        <v>124</v>
      </c>
      <c r="E4053" s="46">
        <v>10.5</v>
      </c>
      <c r="F4053" s="46">
        <v>36.299999999999997</v>
      </c>
      <c r="G4053" s="46">
        <v>35.5</v>
      </c>
      <c r="H4053" s="46">
        <v>11.3</v>
      </c>
      <c r="I4053" s="47">
        <v>6.5</v>
      </c>
    </row>
    <row r="4054" spans="2:25" ht="21.6" x14ac:dyDescent="0.2">
      <c r="B4054" s="77"/>
      <c r="C4054" s="39" t="s">
        <v>52</v>
      </c>
      <c r="D4054" s="45">
        <v>312</v>
      </c>
      <c r="E4054" s="46">
        <v>8.6999999999999993</v>
      </c>
      <c r="F4054" s="46">
        <v>32.1</v>
      </c>
      <c r="G4054" s="46">
        <v>35.299999999999997</v>
      </c>
      <c r="H4054" s="46">
        <v>15.7</v>
      </c>
      <c r="I4054" s="47">
        <v>8.3000000000000007</v>
      </c>
    </row>
    <row r="4055" spans="2:25" x14ac:dyDescent="0.2">
      <c r="B4055" s="77"/>
      <c r="C4055" s="39" t="s">
        <v>53</v>
      </c>
      <c r="D4055" s="45">
        <v>269</v>
      </c>
      <c r="E4055" s="46">
        <v>6.3</v>
      </c>
      <c r="F4055" s="46">
        <v>28.6</v>
      </c>
      <c r="G4055" s="46">
        <v>37.200000000000003</v>
      </c>
      <c r="H4055" s="46">
        <v>18.2</v>
      </c>
      <c r="I4055" s="47">
        <v>9.6999999999999993</v>
      </c>
    </row>
    <row r="4056" spans="2:25" ht="21.6" x14ac:dyDescent="0.2">
      <c r="B4056" s="77"/>
      <c r="C4056" s="39" t="s">
        <v>54</v>
      </c>
      <c r="D4056" s="45">
        <v>511</v>
      </c>
      <c r="E4056" s="46">
        <v>6.7</v>
      </c>
      <c r="F4056" s="46">
        <v>28.6</v>
      </c>
      <c r="G4056" s="46">
        <v>36.6</v>
      </c>
      <c r="H4056" s="46">
        <v>17.399999999999999</v>
      </c>
      <c r="I4056" s="47">
        <v>10.8</v>
      </c>
    </row>
    <row r="4057" spans="2:25" ht="21.6" x14ac:dyDescent="0.2">
      <c r="B4057" s="77"/>
      <c r="C4057" s="39" t="s">
        <v>55</v>
      </c>
      <c r="D4057" s="45">
        <v>615</v>
      </c>
      <c r="E4057" s="46">
        <v>7.3</v>
      </c>
      <c r="F4057" s="46">
        <v>34.799999999999997</v>
      </c>
      <c r="G4057" s="46">
        <v>35</v>
      </c>
      <c r="H4057" s="46">
        <v>15.4</v>
      </c>
      <c r="I4057" s="47">
        <v>7.5</v>
      </c>
    </row>
    <row r="4058" spans="2:25" ht="21.6" x14ac:dyDescent="0.2">
      <c r="B4058" s="77"/>
      <c r="C4058" s="39" t="s">
        <v>56</v>
      </c>
      <c r="D4058" s="45">
        <v>800</v>
      </c>
      <c r="E4058" s="46">
        <v>7.3</v>
      </c>
      <c r="F4058" s="46">
        <v>33.6</v>
      </c>
      <c r="G4058" s="46">
        <v>36.4</v>
      </c>
      <c r="H4058" s="46">
        <v>13.6</v>
      </c>
      <c r="I4058" s="47">
        <v>9.1</v>
      </c>
    </row>
    <row r="4059" spans="2:25" x14ac:dyDescent="0.2">
      <c r="B4059" s="77"/>
      <c r="C4059" s="40" t="s">
        <v>57</v>
      </c>
      <c r="D4059" s="48">
        <v>798</v>
      </c>
      <c r="E4059" s="49">
        <v>6.6</v>
      </c>
      <c r="F4059" s="49">
        <v>30.1</v>
      </c>
      <c r="G4059" s="49">
        <v>35.200000000000003</v>
      </c>
      <c r="H4059" s="49">
        <v>18.3</v>
      </c>
      <c r="I4059" s="50">
        <v>9.8000000000000007</v>
      </c>
    </row>
    <row r="4060" spans="2:25" x14ac:dyDescent="0.2">
      <c r="B4060" s="7" t="s">
        <v>71</v>
      </c>
      <c r="C4060" s="4" t="s">
        <v>186</v>
      </c>
    </row>
    <row r="4061" spans="2:25" x14ac:dyDescent="0.2">
      <c r="B4061" s="4"/>
      <c r="C4061" s="4" t="s">
        <v>73</v>
      </c>
    </row>
    <row r="4063" spans="2:25" x14ac:dyDescent="0.2">
      <c r="C4063" t="s">
        <v>35</v>
      </c>
    </row>
    <row r="4064" spans="2:25" x14ac:dyDescent="0.2">
      <c r="B4064" s="75" t="s">
        <v>336</v>
      </c>
      <c r="C4064" s="76"/>
      <c r="D4064" s="76"/>
      <c r="E4064" s="76"/>
      <c r="F4064" s="76"/>
      <c r="G4064" s="76"/>
      <c r="H4064" s="76"/>
      <c r="I4064" s="76"/>
      <c r="J4064" s="76"/>
      <c r="K4064" s="76"/>
      <c r="L4064" s="76"/>
      <c r="M4064" s="76"/>
      <c r="N4064" s="76"/>
      <c r="O4064" s="76"/>
      <c r="P4064" s="76"/>
      <c r="Q4064" s="76"/>
      <c r="R4064" s="76"/>
      <c r="S4064" s="76"/>
      <c r="T4064" s="76"/>
      <c r="U4064" s="76"/>
      <c r="V4064" s="76"/>
      <c r="W4064" s="76"/>
      <c r="X4064" s="76"/>
      <c r="Y4064" s="76"/>
    </row>
    <row r="4065" spans="1:10" s="32" customFormat="1" ht="47.25" customHeight="1" x14ac:dyDescent="0.15">
      <c r="A4065" s="31"/>
      <c r="D4065" s="33" t="s">
        <v>378</v>
      </c>
      <c r="E4065" s="36" t="s">
        <v>573</v>
      </c>
      <c r="F4065" s="55" t="s">
        <v>574</v>
      </c>
      <c r="G4065" s="55" t="s">
        <v>575</v>
      </c>
      <c r="H4065" s="55" t="s">
        <v>576</v>
      </c>
      <c r="I4065" s="37" t="s">
        <v>577</v>
      </c>
      <c r="J4065" s="35" t="s">
        <v>381</v>
      </c>
    </row>
    <row r="4066" spans="1:10" ht="21.6" x14ac:dyDescent="0.2">
      <c r="B4066" s="77" t="s">
        <v>37</v>
      </c>
      <c r="C4066" s="38" t="s">
        <v>58</v>
      </c>
      <c r="D4066" s="51">
        <v>609</v>
      </c>
      <c r="E4066" s="52">
        <v>7.9</v>
      </c>
      <c r="F4066" s="52">
        <v>31.4</v>
      </c>
      <c r="G4066" s="52">
        <v>38.6</v>
      </c>
      <c r="H4066" s="52">
        <v>12.8</v>
      </c>
      <c r="I4066" s="53">
        <v>9.4</v>
      </c>
    </row>
    <row r="4067" spans="1:10" ht="21.6" x14ac:dyDescent="0.2">
      <c r="B4067" s="77"/>
      <c r="C4067" s="39" t="s">
        <v>59</v>
      </c>
      <c r="D4067" s="45">
        <v>1391</v>
      </c>
      <c r="E4067" s="46">
        <v>6</v>
      </c>
      <c r="F4067" s="46">
        <v>30.3</v>
      </c>
      <c r="G4067" s="46">
        <v>37.799999999999997</v>
      </c>
      <c r="H4067" s="46">
        <v>16.600000000000001</v>
      </c>
      <c r="I4067" s="47">
        <v>9.1999999999999993</v>
      </c>
    </row>
    <row r="4068" spans="1:10" x14ac:dyDescent="0.2">
      <c r="B4068" s="77"/>
      <c r="C4068" s="39" t="s">
        <v>60</v>
      </c>
      <c r="D4068" s="45">
        <v>1325</v>
      </c>
      <c r="E4068" s="46">
        <v>6.5</v>
      </c>
      <c r="F4068" s="46">
        <v>32.200000000000003</v>
      </c>
      <c r="G4068" s="46">
        <v>38.200000000000003</v>
      </c>
      <c r="H4068" s="46">
        <v>14.4</v>
      </c>
      <c r="I4068" s="47">
        <v>8.8000000000000007</v>
      </c>
    </row>
    <row r="4069" spans="1:10" x14ac:dyDescent="0.2">
      <c r="B4069" s="77"/>
      <c r="C4069" s="39" t="s">
        <v>61</v>
      </c>
      <c r="D4069" s="45">
        <v>675</v>
      </c>
      <c r="E4069" s="46">
        <v>6.8</v>
      </c>
      <c r="F4069" s="46">
        <v>27.7</v>
      </c>
      <c r="G4069" s="46">
        <v>37.799999999999997</v>
      </c>
      <c r="H4069" s="46">
        <v>17.5</v>
      </c>
      <c r="I4069" s="47">
        <v>10.199999999999999</v>
      </c>
    </row>
    <row r="4070" spans="1:10" x14ac:dyDescent="0.2">
      <c r="B4070" s="77"/>
      <c r="C4070" s="39" t="s">
        <v>62</v>
      </c>
      <c r="D4070" s="45">
        <v>1086</v>
      </c>
      <c r="E4070" s="46">
        <v>6.1</v>
      </c>
      <c r="F4070" s="46">
        <v>27.1</v>
      </c>
      <c r="G4070" s="46">
        <v>39.5</v>
      </c>
      <c r="H4070" s="46">
        <v>16.600000000000001</v>
      </c>
      <c r="I4070" s="47">
        <v>10.8</v>
      </c>
    </row>
    <row r="4071" spans="1:10" ht="21.6" x14ac:dyDescent="0.2">
      <c r="B4071" s="77"/>
      <c r="C4071" s="39" t="s">
        <v>63</v>
      </c>
      <c r="D4071" s="45">
        <v>203</v>
      </c>
      <c r="E4071" s="46">
        <v>7.9</v>
      </c>
      <c r="F4071" s="46">
        <v>33</v>
      </c>
      <c r="G4071" s="46">
        <v>38.4</v>
      </c>
      <c r="H4071" s="46">
        <v>11.8</v>
      </c>
      <c r="I4071" s="47">
        <v>8.9</v>
      </c>
    </row>
    <row r="4072" spans="1:10" x14ac:dyDescent="0.2">
      <c r="B4072" s="77"/>
      <c r="C4072" s="39" t="s">
        <v>64</v>
      </c>
      <c r="D4072" s="45">
        <v>263</v>
      </c>
      <c r="E4072" s="46">
        <v>5.7</v>
      </c>
      <c r="F4072" s="46">
        <v>24</v>
      </c>
      <c r="G4072" s="46">
        <v>42.2</v>
      </c>
      <c r="H4072" s="46">
        <v>17.899999999999999</v>
      </c>
      <c r="I4072" s="47">
        <v>10.3</v>
      </c>
    </row>
    <row r="4073" spans="1:10" x14ac:dyDescent="0.2">
      <c r="B4073" s="77"/>
      <c r="C4073" s="39" t="s">
        <v>65</v>
      </c>
      <c r="D4073" s="45">
        <v>312</v>
      </c>
      <c r="E4073" s="46">
        <v>4.5</v>
      </c>
      <c r="F4073" s="46">
        <v>26.6</v>
      </c>
      <c r="G4073" s="46">
        <v>39.4</v>
      </c>
      <c r="H4073" s="46">
        <v>16.7</v>
      </c>
      <c r="I4073" s="47">
        <v>12.8</v>
      </c>
    </row>
    <row r="4074" spans="1:10" x14ac:dyDescent="0.2">
      <c r="B4074" s="77"/>
      <c r="C4074" s="39" t="s">
        <v>66</v>
      </c>
      <c r="D4074" s="45">
        <v>230</v>
      </c>
      <c r="E4074" s="46">
        <v>5.2</v>
      </c>
      <c r="F4074" s="46">
        <v>24.8</v>
      </c>
      <c r="G4074" s="46">
        <v>37</v>
      </c>
      <c r="H4074" s="46">
        <v>21.3</v>
      </c>
      <c r="I4074" s="47">
        <v>11.7</v>
      </c>
    </row>
    <row r="4075" spans="1:10" x14ac:dyDescent="0.2">
      <c r="B4075" s="77"/>
      <c r="C4075" s="39" t="s">
        <v>67</v>
      </c>
      <c r="D4075" s="45">
        <v>78</v>
      </c>
      <c r="E4075" s="46">
        <v>11.5</v>
      </c>
      <c r="F4075" s="46">
        <v>30.8</v>
      </c>
      <c r="G4075" s="46">
        <v>41</v>
      </c>
      <c r="H4075" s="46">
        <v>10.3</v>
      </c>
      <c r="I4075" s="47">
        <v>6.4</v>
      </c>
    </row>
    <row r="4076" spans="1:10" x14ac:dyDescent="0.2">
      <c r="B4076" s="77"/>
      <c r="C4076" s="39" t="s">
        <v>68</v>
      </c>
      <c r="D4076" s="45">
        <v>897</v>
      </c>
      <c r="E4076" s="46">
        <v>5.6</v>
      </c>
      <c r="F4076" s="46">
        <v>27.6</v>
      </c>
      <c r="G4076" s="46">
        <v>39</v>
      </c>
      <c r="H4076" s="46">
        <v>16.3</v>
      </c>
      <c r="I4076" s="47">
        <v>11.5</v>
      </c>
    </row>
    <row r="4077" spans="1:10" x14ac:dyDescent="0.2">
      <c r="B4077" s="77"/>
      <c r="C4077" s="39" t="s">
        <v>69</v>
      </c>
      <c r="D4077" s="45">
        <v>189</v>
      </c>
      <c r="E4077" s="46">
        <v>8.5</v>
      </c>
      <c r="F4077" s="46">
        <v>24.3</v>
      </c>
      <c r="G4077" s="46">
        <v>41.8</v>
      </c>
      <c r="H4077" s="46">
        <v>18</v>
      </c>
      <c r="I4077" s="47">
        <v>7.4</v>
      </c>
    </row>
    <row r="4078" spans="1:10" x14ac:dyDescent="0.2">
      <c r="B4078" s="77"/>
      <c r="C4078" s="39" t="s">
        <v>70</v>
      </c>
      <c r="D4078" s="45">
        <v>914</v>
      </c>
      <c r="E4078" s="46">
        <v>7.2</v>
      </c>
      <c r="F4078" s="46">
        <v>34.9</v>
      </c>
      <c r="G4078" s="46">
        <v>36.299999999999997</v>
      </c>
      <c r="H4078" s="46">
        <v>14.1</v>
      </c>
      <c r="I4078" s="47">
        <v>7.4</v>
      </c>
    </row>
    <row r="4079" spans="1:10" ht="21.6" x14ac:dyDescent="0.2">
      <c r="B4079" s="77"/>
      <c r="C4079" s="39" t="s">
        <v>63</v>
      </c>
      <c r="D4079" s="45">
        <v>193</v>
      </c>
      <c r="E4079" s="46">
        <v>7.8</v>
      </c>
      <c r="F4079" s="46">
        <v>32.6</v>
      </c>
      <c r="G4079" s="46">
        <v>42.5</v>
      </c>
      <c r="H4079" s="46">
        <v>13.5</v>
      </c>
      <c r="I4079" s="47">
        <v>3.6</v>
      </c>
    </row>
    <row r="4080" spans="1:10" x14ac:dyDescent="0.2">
      <c r="B4080" s="77"/>
      <c r="C4080" s="39" t="s">
        <v>64</v>
      </c>
      <c r="D4080" s="45">
        <v>203</v>
      </c>
      <c r="E4080" s="46">
        <v>6.4</v>
      </c>
      <c r="F4080" s="46">
        <v>33</v>
      </c>
      <c r="G4080" s="46">
        <v>35.5</v>
      </c>
      <c r="H4080" s="46">
        <v>14.3</v>
      </c>
      <c r="I4080" s="47">
        <v>10.8</v>
      </c>
    </row>
    <row r="4081" spans="1:25" x14ac:dyDescent="0.2">
      <c r="B4081" s="77"/>
      <c r="C4081" s="39" t="s">
        <v>65</v>
      </c>
      <c r="D4081" s="45">
        <v>263</v>
      </c>
      <c r="E4081" s="46">
        <v>7.6</v>
      </c>
      <c r="F4081" s="46">
        <v>32.700000000000003</v>
      </c>
      <c r="G4081" s="46">
        <v>36.1</v>
      </c>
      <c r="H4081" s="46">
        <v>15.6</v>
      </c>
      <c r="I4081" s="47">
        <v>8</v>
      </c>
    </row>
    <row r="4082" spans="1:25" x14ac:dyDescent="0.2">
      <c r="B4082" s="77"/>
      <c r="C4082" s="39" t="s">
        <v>66</v>
      </c>
      <c r="D4082" s="45">
        <v>194</v>
      </c>
      <c r="E4082" s="46">
        <v>8.1999999999999993</v>
      </c>
      <c r="F4082" s="46">
        <v>40.700000000000003</v>
      </c>
      <c r="G4082" s="46">
        <v>32</v>
      </c>
      <c r="H4082" s="46">
        <v>11.9</v>
      </c>
      <c r="I4082" s="47">
        <v>7.2</v>
      </c>
    </row>
    <row r="4083" spans="1:25" x14ac:dyDescent="0.2">
      <c r="B4083" s="77"/>
      <c r="C4083" s="39" t="s">
        <v>67</v>
      </c>
      <c r="D4083" s="45">
        <v>61</v>
      </c>
      <c r="E4083" s="46">
        <v>3.3</v>
      </c>
      <c r="F4083" s="46">
        <v>39.299999999999997</v>
      </c>
      <c r="G4083" s="46">
        <v>34.4</v>
      </c>
      <c r="H4083" s="46">
        <v>16.399999999999999</v>
      </c>
      <c r="I4083" s="47">
        <v>6.6</v>
      </c>
    </row>
    <row r="4084" spans="1:25" x14ac:dyDescent="0.2">
      <c r="B4084" s="77"/>
      <c r="C4084" s="39" t="s">
        <v>68</v>
      </c>
      <c r="D4084" s="45">
        <v>416</v>
      </c>
      <c r="E4084" s="46">
        <v>8.4</v>
      </c>
      <c r="F4084" s="46">
        <v>33.200000000000003</v>
      </c>
      <c r="G4084" s="46">
        <v>37.700000000000003</v>
      </c>
      <c r="H4084" s="46">
        <v>13.5</v>
      </c>
      <c r="I4084" s="47">
        <v>7.2</v>
      </c>
    </row>
    <row r="4085" spans="1:25" x14ac:dyDescent="0.2">
      <c r="B4085" s="77"/>
      <c r="C4085" s="40" t="s">
        <v>69</v>
      </c>
      <c r="D4085" s="48">
        <v>498</v>
      </c>
      <c r="E4085" s="49">
        <v>6.2</v>
      </c>
      <c r="F4085" s="49">
        <v>36.299999999999997</v>
      </c>
      <c r="G4085" s="49">
        <v>35.1</v>
      </c>
      <c r="H4085" s="49">
        <v>14.7</v>
      </c>
      <c r="I4085" s="50">
        <v>7.6</v>
      </c>
    </row>
    <row r="4086" spans="1:25" x14ac:dyDescent="0.2">
      <c r="B4086" s="7" t="s">
        <v>71</v>
      </c>
      <c r="C4086" s="4" t="s">
        <v>186</v>
      </c>
    </row>
    <row r="4087" spans="1:25" x14ac:dyDescent="0.2">
      <c r="B4087" s="4"/>
      <c r="C4087" s="4" t="s">
        <v>73</v>
      </c>
    </row>
    <row r="4089" spans="1:25" x14ac:dyDescent="0.2">
      <c r="A4089" s="26" t="s">
        <v>25</v>
      </c>
      <c r="B4089" t="s">
        <v>35</v>
      </c>
      <c r="C4089" t="s">
        <v>35</v>
      </c>
    </row>
    <row r="4090" spans="1:25" x14ac:dyDescent="0.2">
      <c r="B4090" s="75" t="s">
        <v>187</v>
      </c>
      <c r="C4090" s="76"/>
      <c r="D4090" s="76"/>
      <c r="E4090" s="76"/>
      <c r="F4090" s="76"/>
      <c r="G4090" s="76"/>
      <c r="H4090" s="76"/>
      <c r="I4090" s="76"/>
      <c r="J4090" s="76"/>
      <c r="K4090" s="76"/>
      <c r="L4090" s="76"/>
      <c r="M4090" s="76"/>
      <c r="N4090" s="76"/>
      <c r="O4090" s="76"/>
      <c r="P4090" s="76"/>
      <c r="Q4090" s="76"/>
      <c r="R4090" s="76"/>
      <c r="S4090" s="76"/>
      <c r="T4090" s="76"/>
      <c r="U4090" s="76"/>
      <c r="V4090" s="76"/>
      <c r="W4090" s="76"/>
      <c r="X4090" s="76"/>
      <c r="Y4090" s="76"/>
    </row>
    <row r="4091" spans="1:25" s="32" customFormat="1" ht="47.25" customHeight="1" x14ac:dyDescent="0.15">
      <c r="A4091" s="31"/>
      <c r="D4091" s="33" t="s">
        <v>378</v>
      </c>
      <c r="E4091" s="36" t="s">
        <v>578</v>
      </c>
      <c r="F4091" s="55" t="s">
        <v>575</v>
      </c>
      <c r="G4091" s="37" t="s">
        <v>579</v>
      </c>
      <c r="H4091" s="35" t="s">
        <v>381</v>
      </c>
    </row>
    <row r="4092" spans="1:25" x14ac:dyDescent="0.2">
      <c r="B4092" s="5"/>
      <c r="C4092" s="41" t="s">
        <v>38</v>
      </c>
      <c r="D4092" s="42">
        <v>2000</v>
      </c>
      <c r="E4092" s="43">
        <v>37.299999999999997</v>
      </c>
      <c r="F4092" s="43">
        <v>38.1</v>
      </c>
      <c r="G4092" s="44">
        <v>24.7</v>
      </c>
    </row>
    <row r="4093" spans="1:25" x14ac:dyDescent="0.2">
      <c r="B4093" s="77" t="s">
        <v>37</v>
      </c>
      <c r="C4093" s="39" t="s">
        <v>39</v>
      </c>
      <c r="D4093" s="45">
        <v>111</v>
      </c>
      <c r="E4093" s="46">
        <v>44.1</v>
      </c>
      <c r="F4093" s="46">
        <v>35.1</v>
      </c>
      <c r="G4093" s="47">
        <v>20.7</v>
      </c>
    </row>
    <row r="4094" spans="1:25" x14ac:dyDescent="0.2">
      <c r="B4094" s="77"/>
      <c r="C4094" s="39" t="s">
        <v>40</v>
      </c>
      <c r="D4094" s="45">
        <v>450</v>
      </c>
      <c r="E4094" s="46">
        <v>33.1</v>
      </c>
      <c r="F4094" s="46">
        <v>37.799999999999997</v>
      </c>
      <c r="G4094" s="47">
        <v>29.1</v>
      </c>
    </row>
    <row r="4095" spans="1:25" ht="21.6" x14ac:dyDescent="0.2">
      <c r="B4095" s="77"/>
      <c r="C4095" s="39" t="s">
        <v>41</v>
      </c>
      <c r="D4095" s="45">
        <v>30</v>
      </c>
      <c r="E4095" s="46">
        <v>40</v>
      </c>
      <c r="F4095" s="46">
        <v>50</v>
      </c>
      <c r="G4095" s="47">
        <v>10</v>
      </c>
    </row>
    <row r="4096" spans="1:25" ht="21.6" x14ac:dyDescent="0.2">
      <c r="B4096" s="77"/>
      <c r="C4096" s="39" t="s">
        <v>42</v>
      </c>
      <c r="D4096" s="45">
        <v>336</v>
      </c>
      <c r="E4096" s="46">
        <v>38.1</v>
      </c>
      <c r="F4096" s="46">
        <v>36.6</v>
      </c>
      <c r="G4096" s="47">
        <v>25.3</v>
      </c>
    </row>
    <row r="4097" spans="2:7" ht="21.6" x14ac:dyDescent="0.2">
      <c r="B4097" s="77"/>
      <c r="C4097" s="39" t="s">
        <v>43</v>
      </c>
      <c r="D4097" s="45">
        <v>327</v>
      </c>
      <c r="E4097" s="46">
        <v>41.3</v>
      </c>
      <c r="F4097" s="46">
        <v>34.299999999999997</v>
      </c>
      <c r="G4097" s="47">
        <v>24.5</v>
      </c>
    </row>
    <row r="4098" spans="2:7" ht="21.6" x14ac:dyDescent="0.2">
      <c r="B4098" s="77"/>
      <c r="C4098" s="39" t="s">
        <v>44</v>
      </c>
      <c r="D4098" s="45">
        <v>181</v>
      </c>
      <c r="E4098" s="46">
        <v>40.299999999999997</v>
      </c>
      <c r="F4098" s="46">
        <v>32</v>
      </c>
      <c r="G4098" s="47">
        <v>27.6</v>
      </c>
    </row>
    <row r="4099" spans="2:7" ht="21.6" x14ac:dyDescent="0.2">
      <c r="B4099" s="77"/>
      <c r="C4099" s="39" t="s">
        <v>45</v>
      </c>
      <c r="D4099" s="45">
        <v>565</v>
      </c>
      <c r="E4099" s="46">
        <v>35.200000000000003</v>
      </c>
      <c r="F4099" s="46">
        <v>43.2</v>
      </c>
      <c r="G4099" s="47">
        <v>21.6</v>
      </c>
    </row>
    <row r="4100" spans="2:7" ht="21.6" x14ac:dyDescent="0.2">
      <c r="B4100" s="77"/>
      <c r="C4100" s="39" t="s">
        <v>46</v>
      </c>
      <c r="D4100" s="45">
        <v>473</v>
      </c>
      <c r="E4100" s="46">
        <v>32.6</v>
      </c>
      <c r="F4100" s="46">
        <v>38.1</v>
      </c>
      <c r="G4100" s="47">
        <v>29.4</v>
      </c>
    </row>
    <row r="4101" spans="2:7" ht="21.6" x14ac:dyDescent="0.2">
      <c r="B4101" s="77"/>
      <c r="C4101" s="39" t="s">
        <v>47</v>
      </c>
      <c r="D4101" s="45">
        <v>441</v>
      </c>
      <c r="E4101" s="46">
        <v>39.200000000000003</v>
      </c>
      <c r="F4101" s="46">
        <v>37.200000000000003</v>
      </c>
      <c r="G4101" s="47">
        <v>23.6</v>
      </c>
    </row>
    <row r="4102" spans="2:7" ht="21.6" x14ac:dyDescent="0.2">
      <c r="B4102" s="77"/>
      <c r="C4102" s="39" t="s">
        <v>48</v>
      </c>
      <c r="D4102" s="45">
        <v>305</v>
      </c>
      <c r="E4102" s="46">
        <v>36.1</v>
      </c>
      <c r="F4102" s="46">
        <v>38.4</v>
      </c>
      <c r="G4102" s="47">
        <v>25.6</v>
      </c>
    </row>
    <row r="4103" spans="2:7" ht="21.6" x14ac:dyDescent="0.2">
      <c r="B4103" s="77"/>
      <c r="C4103" s="39" t="s">
        <v>49</v>
      </c>
      <c r="D4103" s="45">
        <v>223</v>
      </c>
      <c r="E4103" s="46">
        <v>44.8</v>
      </c>
      <c r="F4103" s="46">
        <v>32.299999999999997</v>
      </c>
      <c r="G4103" s="47">
        <v>22.9</v>
      </c>
    </row>
    <row r="4104" spans="2:7" ht="21.6" x14ac:dyDescent="0.2">
      <c r="B4104" s="77"/>
      <c r="C4104" s="39" t="s">
        <v>50</v>
      </c>
      <c r="D4104" s="45">
        <v>123</v>
      </c>
      <c r="E4104" s="46">
        <v>52</v>
      </c>
      <c r="F4104" s="46">
        <v>23.6</v>
      </c>
      <c r="G4104" s="47">
        <v>24.4</v>
      </c>
    </row>
    <row r="4105" spans="2:7" ht="21.6" x14ac:dyDescent="0.2">
      <c r="B4105" s="77"/>
      <c r="C4105" s="39" t="s">
        <v>51</v>
      </c>
      <c r="D4105" s="45">
        <v>124</v>
      </c>
      <c r="E4105" s="46">
        <v>46.8</v>
      </c>
      <c r="F4105" s="46">
        <v>35.5</v>
      </c>
      <c r="G4105" s="47">
        <v>17.7</v>
      </c>
    </row>
    <row r="4106" spans="2:7" ht="21.6" x14ac:dyDescent="0.2">
      <c r="B4106" s="77"/>
      <c r="C4106" s="39" t="s">
        <v>52</v>
      </c>
      <c r="D4106" s="45">
        <v>312</v>
      </c>
      <c r="E4106" s="46">
        <v>40.700000000000003</v>
      </c>
      <c r="F4106" s="46">
        <v>35.299999999999997</v>
      </c>
      <c r="G4106" s="47">
        <v>24</v>
      </c>
    </row>
    <row r="4107" spans="2:7" x14ac:dyDescent="0.2">
      <c r="B4107" s="77"/>
      <c r="C4107" s="39" t="s">
        <v>53</v>
      </c>
      <c r="D4107" s="45">
        <v>269</v>
      </c>
      <c r="E4107" s="46">
        <v>34.9</v>
      </c>
      <c r="F4107" s="46">
        <v>37.200000000000003</v>
      </c>
      <c r="G4107" s="47">
        <v>27.9</v>
      </c>
    </row>
    <row r="4108" spans="2:7" ht="21.6" x14ac:dyDescent="0.2">
      <c r="B4108" s="77"/>
      <c r="C4108" s="39" t="s">
        <v>54</v>
      </c>
      <c r="D4108" s="45">
        <v>511</v>
      </c>
      <c r="E4108" s="46">
        <v>35.200000000000003</v>
      </c>
      <c r="F4108" s="46">
        <v>36.6</v>
      </c>
      <c r="G4108" s="47">
        <v>28.2</v>
      </c>
    </row>
    <row r="4109" spans="2:7" ht="21.6" x14ac:dyDescent="0.2">
      <c r="B4109" s="77"/>
      <c r="C4109" s="39" t="s">
        <v>55</v>
      </c>
      <c r="D4109" s="45">
        <v>615</v>
      </c>
      <c r="E4109" s="46">
        <v>42.1</v>
      </c>
      <c r="F4109" s="46">
        <v>35</v>
      </c>
      <c r="G4109" s="47">
        <v>22.9</v>
      </c>
    </row>
    <row r="4110" spans="2:7" ht="21.6" x14ac:dyDescent="0.2">
      <c r="B4110" s="77"/>
      <c r="C4110" s="39" t="s">
        <v>56</v>
      </c>
      <c r="D4110" s="45">
        <v>800</v>
      </c>
      <c r="E4110" s="46">
        <v>40.9</v>
      </c>
      <c r="F4110" s="46">
        <v>36.4</v>
      </c>
      <c r="G4110" s="47">
        <v>22.8</v>
      </c>
    </row>
    <row r="4111" spans="2:7" x14ac:dyDescent="0.2">
      <c r="B4111" s="77"/>
      <c r="C4111" s="40" t="s">
        <v>57</v>
      </c>
      <c r="D4111" s="48">
        <v>798</v>
      </c>
      <c r="E4111" s="49">
        <v>36.700000000000003</v>
      </c>
      <c r="F4111" s="49">
        <v>35.200000000000003</v>
      </c>
      <c r="G4111" s="50">
        <v>28.1</v>
      </c>
    </row>
    <row r="4113" spans="1:25" x14ac:dyDescent="0.2">
      <c r="C4113" t="s">
        <v>35</v>
      </c>
    </row>
    <row r="4114" spans="1:25" x14ac:dyDescent="0.2">
      <c r="B4114" s="75" t="s">
        <v>337</v>
      </c>
      <c r="C4114" s="76"/>
      <c r="D4114" s="76"/>
      <c r="E4114" s="76"/>
      <c r="F4114" s="76"/>
      <c r="G4114" s="76"/>
      <c r="H4114" s="76"/>
      <c r="I4114" s="76"/>
      <c r="J4114" s="76"/>
      <c r="K4114" s="76"/>
      <c r="L4114" s="76"/>
      <c r="M4114" s="76"/>
      <c r="N4114" s="76"/>
      <c r="O4114" s="76"/>
      <c r="P4114" s="76"/>
      <c r="Q4114" s="76"/>
      <c r="R4114" s="76"/>
      <c r="S4114" s="76"/>
      <c r="T4114" s="76"/>
      <c r="U4114" s="76"/>
      <c r="V4114" s="76"/>
      <c r="W4114" s="76"/>
      <c r="X4114" s="76"/>
      <c r="Y4114" s="76"/>
    </row>
    <row r="4115" spans="1:25" s="32" customFormat="1" ht="47.25" customHeight="1" x14ac:dyDescent="0.15">
      <c r="A4115" s="31"/>
      <c r="D4115" s="33" t="s">
        <v>378</v>
      </c>
      <c r="E4115" s="36" t="s">
        <v>578</v>
      </c>
      <c r="F4115" s="55" t="s">
        <v>575</v>
      </c>
      <c r="G4115" s="37" t="s">
        <v>579</v>
      </c>
      <c r="H4115" s="35" t="s">
        <v>381</v>
      </c>
    </row>
    <row r="4116" spans="1:25" ht="21.6" x14ac:dyDescent="0.2">
      <c r="B4116" s="77" t="s">
        <v>37</v>
      </c>
      <c r="C4116" s="38" t="s">
        <v>58</v>
      </c>
      <c r="D4116" s="51">
        <v>609</v>
      </c>
      <c r="E4116" s="52">
        <v>39.200000000000003</v>
      </c>
      <c r="F4116" s="52">
        <v>38.6</v>
      </c>
      <c r="G4116" s="53">
        <v>22.2</v>
      </c>
    </row>
    <row r="4117" spans="1:25" ht="21.6" x14ac:dyDescent="0.2">
      <c r="B4117" s="77"/>
      <c r="C4117" s="39" t="s">
        <v>59</v>
      </c>
      <c r="D4117" s="45">
        <v>1391</v>
      </c>
      <c r="E4117" s="46">
        <v>36.4</v>
      </c>
      <c r="F4117" s="46">
        <v>37.799999999999997</v>
      </c>
      <c r="G4117" s="47">
        <v>25.8</v>
      </c>
    </row>
    <row r="4118" spans="1:25" x14ac:dyDescent="0.2">
      <c r="B4118" s="77"/>
      <c r="C4118" s="39" t="s">
        <v>60</v>
      </c>
      <c r="D4118" s="45">
        <v>1325</v>
      </c>
      <c r="E4118" s="46">
        <v>38.6</v>
      </c>
      <c r="F4118" s="46">
        <v>38.200000000000003</v>
      </c>
      <c r="G4118" s="47">
        <v>23.2</v>
      </c>
    </row>
    <row r="4119" spans="1:25" x14ac:dyDescent="0.2">
      <c r="B4119" s="77"/>
      <c r="C4119" s="39" t="s">
        <v>61</v>
      </c>
      <c r="D4119" s="45">
        <v>675</v>
      </c>
      <c r="E4119" s="46">
        <v>34.5</v>
      </c>
      <c r="F4119" s="46">
        <v>37.799999999999997</v>
      </c>
      <c r="G4119" s="47">
        <v>27.7</v>
      </c>
    </row>
    <row r="4120" spans="1:25" x14ac:dyDescent="0.2">
      <c r="B4120" s="77"/>
      <c r="C4120" s="39" t="s">
        <v>62</v>
      </c>
      <c r="D4120" s="45">
        <v>1086</v>
      </c>
      <c r="E4120" s="46">
        <v>33.1</v>
      </c>
      <c r="F4120" s="46">
        <v>39.5</v>
      </c>
      <c r="G4120" s="47">
        <v>27.3</v>
      </c>
    </row>
    <row r="4121" spans="1:25" ht="21.6" x14ac:dyDescent="0.2">
      <c r="B4121" s="77"/>
      <c r="C4121" s="39" t="s">
        <v>63</v>
      </c>
      <c r="D4121" s="45">
        <v>203</v>
      </c>
      <c r="E4121" s="46">
        <v>40.9</v>
      </c>
      <c r="F4121" s="46">
        <v>38.4</v>
      </c>
      <c r="G4121" s="47">
        <v>20.7</v>
      </c>
    </row>
    <row r="4122" spans="1:25" x14ac:dyDescent="0.2">
      <c r="B4122" s="77"/>
      <c r="C4122" s="39" t="s">
        <v>64</v>
      </c>
      <c r="D4122" s="45">
        <v>263</v>
      </c>
      <c r="E4122" s="46">
        <v>29.7</v>
      </c>
      <c r="F4122" s="46">
        <v>42.2</v>
      </c>
      <c r="G4122" s="47">
        <v>28.1</v>
      </c>
    </row>
    <row r="4123" spans="1:25" x14ac:dyDescent="0.2">
      <c r="B4123" s="77"/>
      <c r="C4123" s="39" t="s">
        <v>65</v>
      </c>
      <c r="D4123" s="45">
        <v>312</v>
      </c>
      <c r="E4123" s="46">
        <v>31.1</v>
      </c>
      <c r="F4123" s="46">
        <v>39.4</v>
      </c>
      <c r="G4123" s="47">
        <v>29.5</v>
      </c>
    </row>
    <row r="4124" spans="1:25" x14ac:dyDescent="0.2">
      <c r="B4124" s="77"/>
      <c r="C4124" s="39" t="s">
        <v>66</v>
      </c>
      <c r="D4124" s="45">
        <v>230</v>
      </c>
      <c r="E4124" s="46">
        <v>30</v>
      </c>
      <c r="F4124" s="46">
        <v>37</v>
      </c>
      <c r="G4124" s="47">
        <v>33</v>
      </c>
    </row>
    <row r="4125" spans="1:25" x14ac:dyDescent="0.2">
      <c r="B4125" s="77"/>
      <c r="C4125" s="39" t="s">
        <v>67</v>
      </c>
      <c r="D4125" s="45">
        <v>78</v>
      </c>
      <c r="E4125" s="46">
        <v>42.3</v>
      </c>
      <c r="F4125" s="46">
        <v>41</v>
      </c>
      <c r="G4125" s="47">
        <v>16.7</v>
      </c>
    </row>
    <row r="4126" spans="1:25" x14ac:dyDescent="0.2">
      <c r="B4126" s="77"/>
      <c r="C4126" s="39" t="s">
        <v>68</v>
      </c>
      <c r="D4126" s="45">
        <v>897</v>
      </c>
      <c r="E4126" s="46">
        <v>33.200000000000003</v>
      </c>
      <c r="F4126" s="46">
        <v>39</v>
      </c>
      <c r="G4126" s="47">
        <v>27.8</v>
      </c>
    </row>
    <row r="4127" spans="1:25" x14ac:dyDescent="0.2">
      <c r="B4127" s="77"/>
      <c r="C4127" s="39" t="s">
        <v>69</v>
      </c>
      <c r="D4127" s="45">
        <v>189</v>
      </c>
      <c r="E4127" s="46">
        <v>32.799999999999997</v>
      </c>
      <c r="F4127" s="46">
        <v>41.8</v>
      </c>
      <c r="G4127" s="47">
        <v>25.4</v>
      </c>
    </row>
    <row r="4128" spans="1:25" x14ac:dyDescent="0.2">
      <c r="B4128" s="77"/>
      <c r="C4128" s="39" t="s">
        <v>70</v>
      </c>
      <c r="D4128" s="45">
        <v>914</v>
      </c>
      <c r="E4128" s="46">
        <v>42.1</v>
      </c>
      <c r="F4128" s="46">
        <v>36.299999999999997</v>
      </c>
      <c r="G4128" s="47">
        <v>21.6</v>
      </c>
    </row>
    <row r="4129" spans="1:25" ht="21.6" x14ac:dyDescent="0.2">
      <c r="B4129" s="77"/>
      <c r="C4129" s="39" t="s">
        <v>63</v>
      </c>
      <c r="D4129" s="45">
        <v>193</v>
      </c>
      <c r="E4129" s="46">
        <v>40.4</v>
      </c>
      <c r="F4129" s="46">
        <v>42.5</v>
      </c>
      <c r="G4129" s="47">
        <v>17.100000000000001</v>
      </c>
    </row>
    <row r="4130" spans="1:25" x14ac:dyDescent="0.2">
      <c r="B4130" s="77"/>
      <c r="C4130" s="39" t="s">
        <v>64</v>
      </c>
      <c r="D4130" s="45">
        <v>203</v>
      </c>
      <c r="E4130" s="46">
        <v>39.4</v>
      </c>
      <c r="F4130" s="46">
        <v>35.5</v>
      </c>
      <c r="G4130" s="47">
        <v>25.1</v>
      </c>
    </row>
    <row r="4131" spans="1:25" x14ac:dyDescent="0.2">
      <c r="B4131" s="77"/>
      <c r="C4131" s="39" t="s">
        <v>65</v>
      </c>
      <c r="D4131" s="45">
        <v>263</v>
      </c>
      <c r="E4131" s="46">
        <v>40.299999999999997</v>
      </c>
      <c r="F4131" s="46">
        <v>36.1</v>
      </c>
      <c r="G4131" s="47">
        <v>23.6</v>
      </c>
    </row>
    <row r="4132" spans="1:25" x14ac:dyDescent="0.2">
      <c r="B4132" s="77"/>
      <c r="C4132" s="39" t="s">
        <v>66</v>
      </c>
      <c r="D4132" s="45">
        <v>194</v>
      </c>
      <c r="E4132" s="46">
        <v>49</v>
      </c>
      <c r="F4132" s="46">
        <v>32</v>
      </c>
      <c r="G4132" s="47">
        <v>19.100000000000001</v>
      </c>
    </row>
    <row r="4133" spans="1:25" x14ac:dyDescent="0.2">
      <c r="B4133" s="77"/>
      <c r="C4133" s="39" t="s">
        <v>67</v>
      </c>
      <c r="D4133" s="45">
        <v>61</v>
      </c>
      <c r="E4133" s="46">
        <v>42.6</v>
      </c>
      <c r="F4133" s="46">
        <v>34.4</v>
      </c>
      <c r="G4133" s="47">
        <v>23</v>
      </c>
    </row>
    <row r="4134" spans="1:25" x14ac:dyDescent="0.2">
      <c r="B4134" s="77"/>
      <c r="C4134" s="39" t="s">
        <v>68</v>
      </c>
      <c r="D4134" s="45">
        <v>416</v>
      </c>
      <c r="E4134" s="46">
        <v>41.6</v>
      </c>
      <c r="F4134" s="46">
        <v>37.700000000000003</v>
      </c>
      <c r="G4134" s="47">
        <v>20.7</v>
      </c>
    </row>
    <row r="4135" spans="1:25" x14ac:dyDescent="0.2">
      <c r="B4135" s="77"/>
      <c r="C4135" s="40" t="s">
        <v>69</v>
      </c>
      <c r="D4135" s="48">
        <v>498</v>
      </c>
      <c r="E4135" s="49">
        <v>42.6</v>
      </c>
      <c r="F4135" s="49">
        <v>35.1</v>
      </c>
      <c r="G4135" s="50">
        <v>22.3</v>
      </c>
    </row>
    <row r="4137" spans="1:25" x14ac:dyDescent="0.2">
      <c r="A4137" s="26" t="s">
        <v>25</v>
      </c>
      <c r="B4137" t="s">
        <v>35</v>
      </c>
      <c r="C4137" t="s">
        <v>35</v>
      </c>
    </row>
    <row r="4138" spans="1:25" x14ac:dyDescent="0.2">
      <c r="B4138" s="75" t="s">
        <v>188</v>
      </c>
      <c r="C4138" s="76"/>
      <c r="D4138" s="76"/>
      <c r="E4138" s="76"/>
      <c r="F4138" s="76"/>
      <c r="G4138" s="76"/>
      <c r="H4138" s="76"/>
      <c r="I4138" s="76"/>
      <c r="J4138" s="76"/>
      <c r="K4138" s="76"/>
      <c r="L4138" s="76"/>
      <c r="M4138" s="76"/>
      <c r="N4138" s="76"/>
      <c r="O4138" s="76"/>
      <c r="P4138" s="76"/>
      <c r="Q4138" s="76"/>
      <c r="R4138" s="76"/>
      <c r="S4138" s="76"/>
      <c r="T4138" s="76"/>
      <c r="U4138" s="76"/>
      <c r="V4138" s="76"/>
      <c r="W4138" s="76"/>
      <c r="X4138" s="76"/>
      <c r="Y4138" s="76"/>
    </row>
    <row r="4139" spans="1:25" s="32" customFormat="1" ht="47.25" customHeight="1" x14ac:dyDescent="0.15">
      <c r="A4139" s="31"/>
      <c r="D4139" s="33" t="s">
        <v>378</v>
      </c>
      <c r="E4139" s="36" t="s">
        <v>573</v>
      </c>
      <c r="F4139" s="55" t="s">
        <v>574</v>
      </c>
      <c r="G4139" s="55" t="s">
        <v>575</v>
      </c>
      <c r="H4139" s="55" t="s">
        <v>576</v>
      </c>
      <c r="I4139" s="37" t="s">
        <v>577</v>
      </c>
      <c r="J4139" s="35" t="s">
        <v>381</v>
      </c>
    </row>
    <row r="4140" spans="1:25" x14ac:dyDescent="0.2">
      <c r="B4140" s="5"/>
      <c r="C4140" s="41" t="s">
        <v>38</v>
      </c>
      <c r="D4140" s="42">
        <v>2000</v>
      </c>
      <c r="E4140" s="43">
        <v>5.8</v>
      </c>
      <c r="F4140" s="43">
        <v>32.5</v>
      </c>
      <c r="G4140" s="43">
        <v>35.700000000000003</v>
      </c>
      <c r="H4140" s="43">
        <v>18.2</v>
      </c>
      <c r="I4140" s="44">
        <v>7.8</v>
      </c>
    </row>
    <row r="4141" spans="1:25" x14ac:dyDescent="0.2">
      <c r="B4141" s="77" t="s">
        <v>37</v>
      </c>
      <c r="C4141" s="39" t="s">
        <v>39</v>
      </c>
      <c r="D4141" s="45">
        <v>111</v>
      </c>
      <c r="E4141" s="46">
        <v>10.8</v>
      </c>
      <c r="F4141" s="46">
        <v>27.9</v>
      </c>
      <c r="G4141" s="46">
        <v>39.6</v>
      </c>
      <c r="H4141" s="46">
        <v>14.4</v>
      </c>
      <c r="I4141" s="47">
        <v>7.2</v>
      </c>
    </row>
    <row r="4142" spans="1:25" x14ac:dyDescent="0.2">
      <c r="B4142" s="77"/>
      <c r="C4142" s="39" t="s">
        <v>40</v>
      </c>
      <c r="D4142" s="45">
        <v>450</v>
      </c>
      <c r="E4142" s="46">
        <v>4.2</v>
      </c>
      <c r="F4142" s="46">
        <v>34.200000000000003</v>
      </c>
      <c r="G4142" s="46">
        <v>35.6</v>
      </c>
      <c r="H4142" s="46">
        <v>18</v>
      </c>
      <c r="I4142" s="47">
        <v>8</v>
      </c>
    </row>
    <row r="4143" spans="1:25" ht="21.6" x14ac:dyDescent="0.2">
      <c r="B4143" s="77"/>
      <c r="C4143" s="39" t="s">
        <v>41</v>
      </c>
      <c r="D4143" s="45">
        <v>30</v>
      </c>
      <c r="E4143" s="46">
        <v>16.7</v>
      </c>
      <c r="F4143" s="46">
        <v>20</v>
      </c>
      <c r="G4143" s="46">
        <v>36.700000000000003</v>
      </c>
      <c r="H4143" s="46">
        <v>23.3</v>
      </c>
      <c r="I4143" s="47">
        <v>3.3</v>
      </c>
    </row>
    <row r="4144" spans="1:25" ht="21.6" x14ac:dyDescent="0.2">
      <c r="B4144" s="77"/>
      <c r="C4144" s="39" t="s">
        <v>42</v>
      </c>
      <c r="D4144" s="45">
        <v>336</v>
      </c>
      <c r="E4144" s="46">
        <v>4.2</v>
      </c>
      <c r="F4144" s="46">
        <v>36.6</v>
      </c>
      <c r="G4144" s="46">
        <v>33.6</v>
      </c>
      <c r="H4144" s="46">
        <v>17.3</v>
      </c>
      <c r="I4144" s="47">
        <v>8.3000000000000007</v>
      </c>
    </row>
    <row r="4145" spans="2:9" ht="21.6" x14ac:dyDescent="0.2">
      <c r="B4145" s="77"/>
      <c r="C4145" s="39" t="s">
        <v>43</v>
      </c>
      <c r="D4145" s="45">
        <v>327</v>
      </c>
      <c r="E4145" s="46">
        <v>4.5999999999999996</v>
      </c>
      <c r="F4145" s="46">
        <v>31.5</v>
      </c>
      <c r="G4145" s="46">
        <v>34.6</v>
      </c>
      <c r="H4145" s="46">
        <v>21.7</v>
      </c>
      <c r="I4145" s="47">
        <v>7.6</v>
      </c>
    </row>
    <row r="4146" spans="2:9" ht="21.6" x14ac:dyDescent="0.2">
      <c r="B4146" s="77"/>
      <c r="C4146" s="39" t="s">
        <v>44</v>
      </c>
      <c r="D4146" s="45">
        <v>181</v>
      </c>
      <c r="E4146" s="46">
        <v>6.1</v>
      </c>
      <c r="F4146" s="46">
        <v>35.4</v>
      </c>
      <c r="G4146" s="46">
        <v>33.1</v>
      </c>
      <c r="H4146" s="46">
        <v>16.600000000000001</v>
      </c>
      <c r="I4146" s="47">
        <v>8.8000000000000007</v>
      </c>
    </row>
    <row r="4147" spans="2:9" ht="21.6" x14ac:dyDescent="0.2">
      <c r="B4147" s="77"/>
      <c r="C4147" s="39" t="s">
        <v>45</v>
      </c>
      <c r="D4147" s="45">
        <v>565</v>
      </c>
      <c r="E4147" s="46">
        <v>7.1</v>
      </c>
      <c r="F4147" s="46">
        <v>29.9</v>
      </c>
      <c r="G4147" s="46">
        <v>37.700000000000003</v>
      </c>
      <c r="H4147" s="46">
        <v>17.899999999999999</v>
      </c>
      <c r="I4147" s="47">
        <v>7.4</v>
      </c>
    </row>
    <row r="4148" spans="2:9" ht="21.6" x14ac:dyDescent="0.2">
      <c r="B4148" s="77"/>
      <c r="C4148" s="39" t="s">
        <v>46</v>
      </c>
      <c r="D4148" s="45">
        <v>473</v>
      </c>
      <c r="E4148" s="46">
        <v>5.0999999999999996</v>
      </c>
      <c r="F4148" s="46">
        <v>25.8</v>
      </c>
      <c r="G4148" s="46">
        <v>32.6</v>
      </c>
      <c r="H4148" s="46">
        <v>24.3</v>
      </c>
      <c r="I4148" s="47">
        <v>12.3</v>
      </c>
    </row>
    <row r="4149" spans="2:9" ht="21.6" x14ac:dyDescent="0.2">
      <c r="B4149" s="77"/>
      <c r="C4149" s="39" t="s">
        <v>47</v>
      </c>
      <c r="D4149" s="45">
        <v>441</v>
      </c>
      <c r="E4149" s="46">
        <v>5.7</v>
      </c>
      <c r="F4149" s="46">
        <v>27</v>
      </c>
      <c r="G4149" s="46">
        <v>41.3</v>
      </c>
      <c r="H4149" s="46">
        <v>17.5</v>
      </c>
      <c r="I4149" s="47">
        <v>8.6</v>
      </c>
    </row>
    <row r="4150" spans="2:9" ht="21.6" x14ac:dyDescent="0.2">
      <c r="B4150" s="77"/>
      <c r="C4150" s="39" t="s">
        <v>48</v>
      </c>
      <c r="D4150" s="45">
        <v>305</v>
      </c>
      <c r="E4150" s="46">
        <v>6.9</v>
      </c>
      <c r="F4150" s="46">
        <v>35.700000000000003</v>
      </c>
      <c r="G4150" s="46">
        <v>33.4</v>
      </c>
      <c r="H4150" s="46">
        <v>18.7</v>
      </c>
      <c r="I4150" s="47">
        <v>5.2</v>
      </c>
    </row>
    <row r="4151" spans="2:9" ht="21.6" x14ac:dyDescent="0.2">
      <c r="B4151" s="77"/>
      <c r="C4151" s="39" t="s">
        <v>49</v>
      </c>
      <c r="D4151" s="45">
        <v>223</v>
      </c>
      <c r="E4151" s="46">
        <v>7.6</v>
      </c>
      <c r="F4151" s="46">
        <v>40.799999999999997</v>
      </c>
      <c r="G4151" s="46">
        <v>31.8</v>
      </c>
      <c r="H4151" s="46">
        <v>17</v>
      </c>
      <c r="I4151" s="47">
        <v>2.7</v>
      </c>
    </row>
    <row r="4152" spans="2:9" ht="21.6" x14ac:dyDescent="0.2">
      <c r="B4152" s="77"/>
      <c r="C4152" s="39" t="s">
        <v>50</v>
      </c>
      <c r="D4152" s="45">
        <v>123</v>
      </c>
      <c r="E4152" s="46">
        <v>8.1</v>
      </c>
      <c r="F4152" s="46">
        <v>49.6</v>
      </c>
      <c r="G4152" s="46">
        <v>28.5</v>
      </c>
      <c r="H4152" s="46">
        <v>8.9</v>
      </c>
      <c r="I4152" s="47">
        <v>4.9000000000000004</v>
      </c>
    </row>
    <row r="4153" spans="2:9" ht="21.6" x14ac:dyDescent="0.2">
      <c r="B4153" s="77"/>
      <c r="C4153" s="39" t="s">
        <v>51</v>
      </c>
      <c r="D4153" s="45">
        <v>124</v>
      </c>
      <c r="E4153" s="46">
        <v>8.9</v>
      </c>
      <c r="F4153" s="46">
        <v>50</v>
      </c>
      <c r="G4153" s="46">
        <v>29.8</v>
      </c>
      <c r="H4153" s="46">
        <v>7.3</v>
      </c>
      <c r="I4153" s="47">
        <v>4</v>
      </c>
    </row>
    <row r="4154" spans="2:9" ht="21.6" x14ac:dyDescent="0.2">
      <c r="B4154" s="77"/>
      <c r="C4154" s="39" t="s">
        <v>52</v>
      </c>
      <c r="D4154" s="45">
        <v>312</v>
      </c>
      <c r="E4154" s="46">
        <v>7.4</v>
      </c>
      <c r="F4154" s="46">
        <v>32.4</v>
      </c>
      <c r="G4154" s="46">
        <v>31.4</v>
      </c>
      <c r="H4154" s="46">
        <v>18.600000000000001</v>
      </c>
      <c r="I4154" s="47">
        <v>10.3</v>
      </c>
    </row>
    <row r="4155" spans="2:9" x14ac:dyDescent="0.2">
      <c r="B4155" s="77"/>
      <c r="C4155" s="39" t="s">
        <v>53</v>
      </c>
      <c r="D4155" s="45">
        <v>269</v>
      </c>
      <c r="E4155" s="46">
        <v>4.8</v>
      </c>
      <c r="F4155" s="46">
        <v>30.5</v>
      </c>
      <c r="G4155" s="46">
        <v>34.200000000000003</v>
      </c>
      <c r="H4155" s="46">
        <v>23</v>
      </c>
      <c r="I4155" s="47">
        <v>7.4</v>
      </c>
    </row>
    <row r="4156" spans="2:9" ht="21.6" x14ac:dyDescent="0.2">
      <c r="B4156" s="77"/>
      <c r="C4156" s="39" t="s">
        <v>54</v>
      </c>
      <c r="D4156" s="45">
        <v>511</v>
      </c>
      <c r="E4156" s="46">
        <v>6.8</v>
      </c>
      <c r="F4156" s="46">
        <v>32.700000000000003</v>
      </c>
      <c r="G4156" s="46">
        <v>35.4</v>
      </c>
      <c r="H4156" s="46">
        <v>18.2</v>
      </c>
      <c r="I4156" s="47">
        <v>6.8</v>
      </c>
    </row>
    <row r="4157" spans="2:9" ht="21.6" x14ac:dyDescent="0.2">
      <c r="B4157" s="77"/>
      <c r="C4157" s="39" t="s">
        <v>55</v>
      </c>
      <c r="D4157" s="45">
        <v>615</v>
      </c>
      <c r="E4157" s="46">
        <v>6</v>
      </c>
      <c r="F4157" s="46">
        <v>37.1</v>
      </c>
      <c r="G4157" s="46">
        <v>35</v>
      </c>
      <c r="H4157" s="46">
        <v>14.6</v>
      </c>
      <c r="I4157" s="47">
        <v>7.3</v>
      </c>
    </row>
    <row r="4158" spans="2:9" ht="21.6" x14ac:dyDescent="0.2">
      <c r="B4158" s="77"/>
      <c r="C4158" s="39" t="s">
        <v>56</v>
      </c>
      <c r="D4158" s="45">
        <v>800</v>
      </c>
      <c r="E4158" s="46">
        <v>6.6</v>
      </c>
      <c r="F4158" s="46">
        <v>37.5</v>
      </c>
      <c r="G4158" s="46">
        <v>33.5</v>
      </c>
      <c r="H4158" s="46">
        <v>15.6</v>
      </c>
      <c r="I4158" s="47">
        <v>6.8</v>
      </c>
    </row>
    <row r="4159" spans="2:9" x14ac:dyDescent="0.2">
      <c r="B4159" s="77"/>
      <c r="C4159" s="40" t="s">
        <v>57</v>
      </c>
      <c r="D4159" s="48">
        <v>798</v>
      </c>
      <c r="E4159" s="49">
        <v>5.0999999999999996</v>
      </c>
      <c r="F4159" s="49">
        <v>31.5</v>
      </c>
      <c r="G4159" s="49">
        <v>35.5</v>
      </c>
      <c r="H4159" s="49">
        <v>20.8</v>
      </c>
      <c r="I4159" s="50">
        <v>7.1</v>
      </c>
    </row>
    <row r="4160" spans="2:9" x14ac:dyDescent="0.2">
      <c r="B4160" s="7" t="s">
        <v>71</v>
      </c>
      <c r="C4160" s="4" t="s">
        <v>189</v>
      </c>
    </row>
    <row r="4161" spans="1:25" x14ac:dyDescent="0.2">
      <c r="B4161" s="4"/>
      <c r="C4161" s="4" t="s">
        <v>73</v>
      </c>
    </row>
    <row r="4163" spans="1:25" x14ac:dyDescent="0.2">
      <c r="C4163" t="s">
        <v>35</v>
      </c>
    </row>
    <row r="4164" spans="1:25" x14ac:dyDescent="0.2">
      <c r="B4164" s="75" t="s">
        <v>338</v>
      </c>
      <c r="C4164" s="76"/>
      <c r="D4164" s="76"/>
      <c r="E4164" s="76"/>
      <c r="F4164" s="76"/>
      <c r="G4164" s="76"/>
      <c r="H4164" s="76"/>
      <c r="I4164" s="76"/>
      <c r="J4164" s="76"/>
      <c r="K4164" s="76"/>
      <c r="L4164" s="76"/>
      <c r="M4164" s="76"/>
      <c r="N4164" s="76"/>
      <c r="O4164" s="76"/>
      <c r="P4164" s="76"/>
      <c r="Q4164" s="76"/>
      <c r="R4164" s="76"/>
      <c r="S4164" s="76"/>
      <c r="T4164" s="76"/>
      <c r="U4164" s="76"/>
      <c r="V4164" s="76"/>
      <c r="W4164" s="76"/>
      <c r="X4164" s="76"/>
      <c r="Y4164" s="76"/>
    </row>
    <row r="4165" spans="1:25" s="32" customFormat="1" ht="47.25" customHeight="1" x14ac:dyDescent="0.15">
      <c r="A4165" s="31"/>
      <c r="D4165" s="33" t="s">
        <v>378</v>
      </c>
      <c r="E4165" s="36" t="s">
        <v>573</v>
      </c>
      <c r="F4165" s="55" t="s">
        <v>574</v>
      </c>
      <c r="G4165" s="55" t="s">
        <v>575</v>
      </c>
      <c r="H4165" s="55" t="s">
        <v>576</v>
      </c>
      <c r="I4165" s="37" t="s">
        <v>577</v>
      </c>
      <c r="J4165" s="35" t="s">
        <v>381</v>
      </c>
    </row>
    <row r="4166" spans="1:25" ht="21.6" x14ac:dyDescent="0.2">
      <c r="B4166" s="77" t="s">
        <v>37</v>
      </c>
      <c r="C4166" s="38" t="s">
        <v>58</v>
      </c>
      <c r="D4166" s="51">
        <v>609</v>
      </c>
      <c r="E4166" s="52">
        <v>7.1</v>
      </c>
      <c r="F4166" s="52">
        <v>34.5</v>
      </c>
      <c r="G4166" s="52">
        <v>35.799999999999997</v>
      </c>
      <c r="H4166" s="52">
        <v>15.8</v>
      </c>
      <c r="I4166" s="53">
        <v>6.9</v>
      </c>
    </row>
    <row r="4167" spans="1:25" ht="21.6" x14ac:dyDescent="0.2">
      <c r="B4167" s="77"/>
      <c r="C4167" s="39" t="s">
        <v>59</v>
      </c>
      <c r="D4167" s="45">
        <v>1391</v>
      </c>
      <c r="E4167" s="46">
        <v>5.2</v>
      </c>
      <c r="F4167" s="46">
        <v>31.6</v>
      </c>
      <c r="G4167" s="46">
        <v>35.700000000000003</v>
      </c>
      <c r="H4167" s="46">
        <v>19.3</v>
      </c>
      <c r="I4167" s="47">
        <v>8.1999999999999993</v>
      </c>
    </row>
    <row r="4168" spans="1:25" x14ac:dyDescent="0.2">
      <c r="B4168" s="77"/>
      <c r="C4168" s="39" t="s">
        <v>60</v>
      </c>
      <c r="D4168" s="45">
        <v>1325</v>
      </c>
      <c r="E4168" s="46">
        <v>5</v>
      </c>
      <c r="F4168" s="46">
        <v>32.799999999999997</v>
      </c>
      <c r="G4168" s="46">
        <v>37.1</v>
      </c>
      <c r="H4168" s="46">
        <v>17.3</v>
      </c>
      <c r="I4168" s="47">
        <v>7.8</v>
      </c>
    </row>
    <row r="4169" spans="1:25" x14ac:dyDescent="0.2">
      <c r="B4169" s="77"/>
      <c r="C4169" s="39" t="s">
        <v>61</v>
      </c>
      <c r="D4169" s="45">
        <v>675</v>
      </c>
      <c r="E4169" s="46">
        <v>7.4</v>
      </c>
      <c r="F4169" s="46">
        <v>32</v>
      </c>
      <c r="G4169" s="46">
        <v>32.9</v>
      </c>
      <c r="H4169" s="46">
        <v>20</v>
      </c>
      <c r="I4169" s="47">
        <v>7.7</v>
      </c>
    </row>
    <row r="4170" spans="1:25" x14ac:dyDescent="0.2">
      <c r="B4170" s="77"/>
      <c r="C4170" s="39" t="s">
        <v>62</v>
      </c>
      <c r="D4170" s="45">
        <v>1086</v>
      </c>
      <c r="E4170" s="46">
        <v>5.2</v>
      </c>
      <c r="F4170" s="46">
        <v>30.7</v>
      </c>
      <c r="G4170" s="46">
        <v>37.6</v>
      </c>
      <c r="H4170" s="46">
        <v>17.600000000000001</v>
      </c>
      <c r="I4170" s="47">
        <v>9</v>
      </c>
    </row>
    <row r="4171" spans="1:25" ht="21.6" x14ac:dyDescent="0.2">
      <c r="B4171" s="77"/>
      <c r="C4171" s="39" t="s">
        <v>63</v>
      </c>
      <c r="D4171" s="45">
        <v>203</v>
      </c>
      <c r="E4171" s="46">
        <v>6.4</v>
      </c>
      <c r="F4171" s="46">
        <v>32.5</v>
      </c>
      <c r="G4171" s="46">
        <v>37.4</v>
      </c>
      <c r="H4171" s="46">
        <v>17.2</v>
      </c>
      <c r="I4171" s="47">
        <v>6.4</v>
      </c>
    </row>
    <row r="4172" spans="1:25" x14ac:dyDescent="0.2">
      <c r="B4172" s="77"/>
      <c r="C4172" s="39" t="s">
        <v>64</v>
      </c>
      <c r="D4172" s="45">
        <v>263</v>
      </c>
      <c r="E4172" s="46">
        <v>5.3</v>
      </c>
      <c r="F4172" s="46">
        <v>28.5</v>
      </c>
      <c r="G4172" s="46">
        <v>41.4</v>
      </c>
      <c r="H4172" s="46">
        <v>16</v>
      </c>
      <c r="I4172" s="47">
        <v>8.6999999999999993</v>
      </c>
    </row>
    <row r="4173" spans="1:25" x14ac:dyDescent="0.2">
      <c r="B4173" s="77"/>
      <c r="C4173" s="39" t="s">
        <v>65</v>
      </c>
      <c r="D4173" s="45">
        <v>312</v>
      </c>
      <c r="E4173" s="46">
        <v>4.2</v>
      </c>
      <c r="F4173" s="46">
        <v>29.5</v>
      </c>
      <c r="G4173" s="46">
        <v>36.200000000000003</v>
      </c>
      <c r="H4173" s="46">
        <v>19.2</v>
      </c>
      <c r="I4173" s="47">
        <v>10.9</v>
      </c>
    </row>
    <row r="4174" spans="1:25" x14ac:dyDescent="0.2">
      <c r="B4174" s="77"/>
      <c r="C4174" s="39" t="s">
        <v>66</v>
      </c>
      <c r="D4174" s="45">
        <v>230</v>
      </c>
      <c r="E4174" s="46">
        <v>3.9</v>
      </c>
      <c r="F4174" s="46">
        <v>29.6</v>
      </c>
      <c r="G4174" s="46">
        <v>36.1</v>
      </c>
      <c r="H4174" s="46">
        <v>20.399999999999999</v>
      </c>
      <c r="I4174" s="47">
        <v>10</v>
      </c>
    </row>
    <row r="4175" spans="1:25" x14ac:dyDescent="0.2">
      <c r="B4175" s="77"/>
      <c r="C4175" s="39" t="s">
        <v>67</v>
      </c>
      <c r="D4175" s="45">
        <v>78</v>
      </c>
      <c r="E4175" s="46">
        <v>9</v>
      </c>
      <c r="F4175" s="46">
        <v>41</v>
      </c>
      <c r="G4175" s="46">
        <v>34.6</v>
      </c>
      <c r="H4175" s="46">
        <v>9</v>
      </c>
      <c r="I4175" s="47">
        <v>6.4</v>
      </c>
    </row>
    <row r="4176" spans="1:25" x14ac:dyDescent="0.2">
      <c r="B4176" s="77"/>
      <c r="C4176" s="39" t="s">
        <v>68</v>
      </c>
      <c r="D4176" s="45">
        <v>897</v>
      </c>
      <c r="E4176" s="46">
        <v>5</v>
      </c>
      <c r="F4176" s="46">
        <v>31.4</v>
      </c>
      <c r="G4176" s="46">
        <v>37</v>
      </c>
      <c r="H4176" s="46">
        <v>17.899999999999999</v>
      </c>
      <c r="I4176" s="47">
        <v>8.6</v>
      </c>
    </row>
    <row r="4177" spans="1:25" x14ac:dyDescent="0.2">
      <c r="B4177" s="77"/>
      <c r="C4177" s="39" t="s">
        <v>69</v>
      </c>
      <c r="D4177" s="45">
        <v>189</v>
      </c>
      <c r="E4177" s="46">
        <v>5.8</v>
      </c>
      <c r="F4177" s="46">
        <v>27</v>
      </c>
      <c r="G4177" s="46">
        <v>40.200000000000003</v>
      </c>
      <c r="H4177" s="46">
        <v>15.9</v>
      </c>
      <c r="I4177" s="47">
        <v>11.1</v>
      </c>
    </row>
    <row r="4178" spans="1:25" x14ac:dyDescent="0.2">
      <c r="B4178" s="77"/>
      <c r="C4178" s="39" t="s">
        <v>70</v>
      </c>
      <c r="D4178" s="45">
        <v>914</v>
      </c>
      <c r="E4178" s="46">
        <v>6.6</v>
      </c>
      <c r="F4178" s="46">
        <v>34.700000000000003</v>
      </c>
      <c r="G4178" s="46">
        <v>33.5</v>
      </c>
      <c r="H4178" s="46">
        <v>18.899999999999999</v>
      </c>
      <c r="I4178" s="47">
        <v>6.3</v>
      </c>
    </row>
    <row r="4179" spans="1:25" ht="21.6" x14ac:dyDescent="0.2">
      <c r="B4179" s="77"/>
      <c r="C4179" s="39" t="s">
        <v>63</v>
      </c>
      <c r="D4179" s="45">
        <v>193</v>
      </c>
      <c r="E4179" s="46">
        <v>9.3000000000000007</v>
      </c>
      <c r="F4179" s="46">
        <v>36.799999999999997</v>
      </c>
      <c r="G4179" s="46">
        <v>31.6</v>
      </c>
      <c r="H4179" s="46">
        <v>17.600000000000001</v>
      </c>
      <c r="I4179" s="47">
        <v>4.7</v>
      </c>
    </row>
    <row r="4180" spans="1:25" x14ac:dyDescent="0.2">
      <c r="B4180" s="77"/>
      <c r="C4180" s="39" t="s">
        <v>64</v>
      </c>
      <c r="D4180" s="45">
        <v>203</v>
      </c>
      <c r="E4180" s="46">
        <v>4.4000000000000004</v>
      </c>
      <c r="F4180" s="46">
        <v>36.9</v>
      </c>
      <c r="G4180" s="46">
        <v>34</v>
      </c>
      <c r="H4180" s="46">
        <v>17.7</v>
      </c>
      <c r="I4180" s="47">
        <v>6.9</v>
      </c>
    </row>
    <row r="4181" spans="1:25" x14ac:dyDescent="0.2">
      <c r="B4181" s="77"/>
      <c r="C4181" s="39" t="s">
        <v>65</v>
      </c>
      <c r="D4181" s="45">
        <v>263</v>
      </c>
      <c r="E4181" s="46">
        <v>6.8</v>
      </c>
      <c r="F4181" s="46">
        <v>35.4</v>
      </c>
      <c r="G4181" s="46">
        <v>31.9</v>
      </c>
      <c r="H4181" s="46">
        <v>19.399999999999999</v>
      </c>
      <c r="I4181" s="47">
        <v>6.5</v>
      </c>
    </row>
    <row r="4182" spans="1:25" x14ac:dyDescent="0.2">
      <c r="B4182" s="77"/>
      <c r="C4182" s="39" t="s">
        <v>66</v>
      </c>
      <c r="D4182" s="45">
        <v>194</v>
      </c>
      <c r="E4182" s="46">
        <v>6.2</v>
      </c>
      <c r="F4182" s="46">
        <v>30.9</v>
      </c>
      <c r="G4182" s="46">
        <v>38.700000000000003</v>
      </c>
      <c r="H4182" s="46">
        <v>19.100000000000001</v>
      </c>
      <c r="I4182" s="47">
        <v>5.2</v>
      </c>
    </row>
    <row r="4183" spans="1:25" x14ac:dyDescent="0.2">
      <c r="B4183" s="77"/>
      <c r="C4183" s="39" t="s">
        <v>67</v>
      </c>
      <c r="D4183" s="45">
        <v>61</v>
      </c>
      <c r="E4183" s="46">
        <v>4.9000000000000004</v>
      </c>
      <c r="F4183" s="46">
        <v>29.5</v>
      </c>
      <c r="G4183" s="46">
        <v>27.9</v>
      </c>
      <c r="H4183" s="46">
        <v>24.6</v>
      </c>
      <c r="I4183" s="47">
        <v>13.1</v>
      </c>
    </row>
    <row r="4184" spans="1:25" x14ac:dyDescent="0.2">
      <c r="B4184" s="77"/>
      <c r="C4184" s="39" t="s">
        <v>68</v>
      </c>
      <c r="D4184" s="45">
        <v>416</v>
      </c>
      <c r="E4184" s="46">
        <v>8.4</v>
      </c>
      <c r="F4184" s="46">
        <v>39.9</v>
      </c>
      <c r="G4184" s="46">
        <v>32.5</v>
      </c>
      <c r="H4184" s="46">
        <v>15.4</v>
      </c>
      <c r="I4184" s="47">
        <v>3.8</v>
      </c>
    </row>
    <row r="4185" spans="1:25" x14ac:dyDescent="0.2">
      <c r="B4185" s="77"/>
      <c r="C4185" s="40" t="s">
        <v>69</v>
      </c>
      <c r="D4185" s="48">
        <v>498</v>
      </c>
      <c r="E4185" s="49">
        <v>5</v>
      </c>
      <c r="F4185" s="49">
        <v>30.3</v>
      </c>
      <c r="G4185" s="49">
        <v>34.299999999999997</v>
      </c>
      <c r="H4185" s="49">
        <v>21.9</v>
      </c>
      <c r="I4185" s="50">
        <v>8.4</v>
      </c>
    </row>
    <row r="4186" spans="1:25" x14ac:dyDescent="0.2">
      <c r="B4186" s="7" t="s">
        <v>71</v>
      </c>
      <c r="C4186" s="4" t="s">
        <v>189</v>
      </c>
    </row>
    <row r="4187" spans="1:25" x14ac:dyDescent="0.2">
      <c r="B4187" s="4"/>
      <c r="C4187" s="4" t="s">
        <v>73</v>
      </c>
    </row>
    <row r="4189" spans="1:25" x14ac:dyDescent="0.2">
      <c r="A4189" s="26" t="s">
        <v>25</v>
      </c>
      <c r="B4189" t="s">
        <v>35</v>
      </c>
      <c r="C4189" t="s">
        <v>35</v>
      </c>
    </row>
    <row r="4190" spans="1:25" x14ac:dyDescent="0.2">
      <c r="B4190" s="75" t="s">
        <v>190</v>
      </c>
      <c r="C4190" s="76"/>
      <c r="D4190" s="76"/>
      <c r="E4190" s="76"/>
      <c r="F4190" s="76"/>
      <c r="G4190" s="76"/>
      <c r="H4190" s="76"/>
      <c r="I4190" s="76"/>
      <c r="J4190" s="76"/>
      <c r="K4190" s="76"/>
      <c r="L4190" s="76"/>
      <c r="M4190" s="76"/>
      <c r="N4190" s="76"/>
      <c r="O4190" s="76"/>
      <c r="P4190" s="76"/>
      <c r="Q4190" s="76"/>
      <c r="R4190" s="76"/>
      <c r="S4190" s="76"/>
      <c r="T4190" s="76"/>
      <c r="U4190" s="76"/>
      <c r="V4190" s="76"/>
      <c r="W4190" s="76"/>
      <c r="X4190" s="76"/>
      <c r="Y4190" s="76"/>
    </row>
    <row r="4191" spans="1:25" s="32" customFormat="1" ht="47.25" customHeight="1" x14ac:dyDescent="0.15">
      <c r="A4191" s="31"/>
      <c r="D4191" s="33" t="s">
        <v>378</v>
      </c>
      <c r="E4191" s="36" t="s">
        <v>578</v>
      </c>
      <c r="F4191" s="55" t="s">
        <v>575</v>
      </c>
      <c r="G4191" s="37" t="s">
        <v>579</v>
      </c>
      <c r="H4191" s="35" t="s">
        <v>381</v>
      </c>
    </row>
    <row r="4192" spans="1:25" x14ac:dyDescent="0.2">
      <c r="B4192" s="5"/>
      <c r="C4192" s="41" t="s">
        <v>38</v>
      </c>
      <c r="D4192" s="42">
        <v>2000</v>
      </c>
      <c r="E4192" s="43">
        <v>38.299999999999997</v>
      </c>
      <c r="F4192" s="43">
        <v>35.700000000000003</v>
      </c>
      <c r="G4192" s="44">
        <v>26</v>
      </c>
    </row>
    <row r="4193" spans="2:7" x14ac:dyDescent="0.2">
      <c r="B4193" s="77" t="s">
        <v>37</v>
      </c>
      <c r="C4193" s="39" t="s">
        <v>39</v>
      </c>
      <c r="D4193" s="45">
        <v>111</v>
      </c>
      <c r="E4193" s="46">
        <v>38.700000000000003</v>
      </c>
      <c r="F4193" s="46">
        <v>39.6</v>
      </c>
      <c r="G4193" s="47">
        <v>21.6</v>
      </c>
    </row>
    <row r="4194" spans="2:7" x14ac:dyDescent="0.2">
      <c r="B4194" s="77"/>
      <c r="C4194" s="39" t="s">
        <v>40</v>
      </c>
      <c r="D4194" s="45">
        <v>450</v>
      </c>
      <c r="E4194" s="46">
        <v>38.4</v>
      </c>
      <c r="F4194" s="46">
        <v>35.6</v>
      </c>
      <c r="G4194" s="47">
        <v>26</v>
      </c>
    </row>
    <row r="4195" spans="2:7" ht="21.6" x14ac:dyDescent="0.2">
      <c r="B4195" s="77"/>
      <c r="C4195" s="39" t="s">
        <v>41</v>
      </c>
      <c r="D4195" s="45">
        <v>30</v>
      </c>
      <c r="E4195" s="46">
        <v>36.700000000000003</v>
      </c>
      <c r="F4195" s="46">
        <v>36.700000000000003</v>
      </c>
      <c r="G4195" s="47">
        <v>26.7</v>
      </c>
    </row>
    <row r="4196" spans="2:7" ht="21.6" x14ac:dyDescent="0.2">
      <c r="B4196" s="77"/>
      <c r="C4196" s="39" t="s">
        <v>42</v>
      </c>
      <c r="D4196" s="45">
        <v>336</v>
      </c>
      <c r="E4196" s="46">
        <v>40.799999999999997</v>
      </c>
      <c r="F4196" s="46">
        <v>33.6</v>
      </c>
      <c r="G4196" s="47">
        <v>25.6</v>
      </c>
    </row>
    <row r="4197" spans="2:7" ht="21.6" x14ac:dyDescent="0.2">
      <c r="B4197" s="77"/>
      <c r="C4197" s="39" t="s">
        <v>43</v>
      </c>
      <c r="D4197" s="45">
        <v>327</v>
      </c>
      <c r="E4197" s="46">
        <v>36.1</v>
      </c>
      <c r="F4197" s="46">
        <v>34.6</v>
      </c>
      <c r="G4197" s="47">
        <v>29.4</v>
      </c>
    </row>
    <row r="4198" spans="2:7" ht="21.6" x14ac:dyDescent="0.2">
      <c r="B4198" s="77"/>
      <c r="C4198" s="39" t="s">
        <v>44</v>
      </c>
      <c r="D4198" s="45">
        <v>181</v>
      </c>
      <c r="E4198" s="46">
        <v>41.4</v>
      </c>
      <c r="F4198" s="46">
        <v>33.1</v>
      </c>
      <c r="G4198" s="47">
        <v>25.4</v>
      </c>
    </row>
    <row r="4199" spans="2:7" ht="21.6" x14ac:dyDescent="0.2">
      <c r="B4199" s="77"/>
      <c r="C4199" s="39" t="s">
        <v>45</v>
      </c>
      <c r="D4199" s="45">
        <v>565</v>
      </c>
      <c r="E4199" s="46">
        <v>37</v>
      </c>
      <c r="F4199" s="46">
        <v>37.700000000000003</v>
      </c>
      <c r="G4199" s="47">
        <v>25.3</v>
      </c>
    </row>
    <row r="4200" spans="2:7" ht="21.6" x14ac:dyDescent="0.2">
      <c r="B4200" s="77"/>
      <c r="C4200" s="39" t="s">
        <v>46</v>
      </c>
      <c r="D4200" s="45">
        <v>473</v>
      </c>
      <c r="E4200" s="46">
        <v>30.9</v>
      </c>
      <c r="F4200" s="46">
        <v>32.6</v>
      </c>
      <c r="G4200" s="47">
        <v>36.6</v>
      </c>
    </row>
    <row r="4201" spans="2:7" ht="21.6" x14ac:dyDescent="0.2">
      <c r="B4201" s="77"/>
      <c r="C4201" s="39" t="s">
        <v>47</v>
      </c>
      <c r="D4201" s="45">
        <v>441</v>
      </c>
      <c r="E4201" s="46">
        <v>32.700000000000003</v>
      </c>
      <c r="F4201" s="46">
        <v>41.3</v>
      </c>
      <c r="G4201" s="47">
        <v>26.1</v>
      </c>
    </row>
    <row r="4202" spans="2:7" ht="21.6" x14ac:dyDescent="0.2">
      <c r="B4202" s="77"/>
      <c r="C4202" s="39" t="s">
        <v>48</v>
      </c>
      <c r="D4202" s="45">
        <v>305</v>
      </c>
      <c r="E4202" s="46">
        <v>42.6</v>
      </c>
      <c r="F4202" s="46">
        <v>33.4</v>
      </c>
      <c r="G4202" s="47">
        <v>23.9</v>
      </c>
    </row>
    <row r="4203" spans="2:7" ht="21.6" x14ac:dyDescent="0.2">
      <c r="B4203" s="77"/>
      <c r="C4203" s="39" t="s">
        <v>49</v>
      </c>
      <c r="D4203" s="45">
        <v>223</v>
      </c>
      <c r="E4203" s="46">
        <v>48.4</v>
      </c>
      <c r="F4203" s="46">
        <v>31.8</v>
      </c>
      <c r="G4203" s="47">
        <v>19.7</v>
      </c>
    </row>
    <row r="4204" spans="2:7" ht="21.6" x14ac:dyDescent="0.2">
      <c r="B4204" s="77"/>
      <c r="C4204" s="39" t="s">
        <v>50</v>
      </c>
      <c r="D4204" s="45">
        <v>123</v>
      </c>
      <c r="E4204" s="46">
        <v>57.7</v>
      </c>
      <c r="F4204" s="46">
        <v>28.5</v>
      </c>
      <c r="G4204" s="47">
        <v>13.8</v>
      </c>
    </row>
    <row r="4205" spans="2:7" ht="21.6" x14ac:dyDescent="0.2">
      <c r="B4205" s="77"/>
      <c r="C4205" s="39" t="s">
        <v>51</v>
      </c>
      <c r="D4205" s="45">
        <v>124</v>
      </c>
      <c r="E4205" s="46">
        <v>58.9</v>
      </c>
      <c r="F4205" s="46">
        <v>29.8</v>
      </c>
      <c r="G4205" s="47">
        <v>11.3</v>
      </c>
    </row>
    <row r="4206" spans="2:7" ht="21.6" x14ac:dyDescent="0.2">
      <c r="B4206" s="77"/>
      <c r="C4206" s="39" t="s">
        <v>52</v>
      </c>
      <c r="D4206" s="45">
        <v>312</v>
      </c>
      <c r="E4206" s="46">
        <v>39.700000000000003</v>
      </c>
      <c r="F4206" s="46">
        <v>31.4</v>
      </c>
      <c r="G4206" s="47">
        <v>28.8</v>
      </c>
    </row>
    <row r="4207" spans="2:7" x14ac:dyDescent="0.2">
      <c r="B4207" s="77"/>
      <c r="C4207" s="39" t="s">
        <v>53</v>
      </c>
      <c r="D4207" s="45">
        <v>269</v>
      </c>
      <c r="E4207" s="46">
        <v>35.299999999999997</v>
      </c>
      <c r="F4207" s="46">
        <v>34.200000000000003</v>
      </c>
      <c r="G4207" s="47">
        <v>30.5</v>
      </c>
    </row>
    <row r="4208" spans="2:7" ht="21.6" x14ac:dyDescent="0.2">
      <c r="B4208" s="77"/>
      <c r="C4208" s="39" t="s">
        <v>54</v>
      </c>
      <c r="D4208" s="45">
        <v>511</v>
      </c>
      <c r="E4208" s="46">
        <v>39.5</v>
      </c>
      <c r="F4208" s="46">
        <v>35.4</v>
      </c>
      <c r="G4208" s="47">
        <v>25</v>
      </c>
    </row>
    <row r="4209" spans="1:25" ht="21.6" x14ac:dyDescent="0.2">
      <c r="B4209" s="77"/>
      <c r="C4209" s="39" t="s">
        <v>55</v>
      </c>
      <c r="D4209" s="45">
        <v>615</v>
      </c>
      <c r="E4209" s="46">
        <v>43.1</v>
      </c>
      <c r="F4209" s="46">
        <v>35</v>
      </c>
      <c r="G4209" s="47">
        <v>22</v>
      </c>
    </row>
    <row r="4210" spans="1:25" ht="21.6" x14ac:dyDescent="0.2">
      <c r="B4210" s="77"/>
      <c r="C4210" s="39" t="s">
        <v>56</v>
      </c>
      <c r="D4210" s="45">
        <v>800</v>
      </c>
      <c r="E4210" s="46">
        <v>44.1</v>
      </c>
      <c r="F4210" s="46">
        <v>33.5</v>
      </c>
      <c r="G4210" s="47">
        <v>22.4</v>
      </c>
    </row>
    <row r="4211" spans="1:25" x14ac:dyDescent="0.2">
      <c r="B4211" s="77"/>
      <c r="C4211" s="40" t="s">
        <v>57</v>
      </c>
      <c r="D4211" s="48">
        <v>798</v>
      </c>
      <c r="E4211" s="49">
        <v>36.6</v>
      </c>
      <c r="F4211" s="49">
        <v>35.5</v>
      </c>
      <c r="G4211" s="50">
        <v>27.9</v>
      </c>
    </row>
    <row r="4213" spans="1:25" x14ac:dyDescent="0.2">
      <c r="C4213" t="s">
        <v>35</v>
      </c>
    </row>
    <row r="4214" spans="1:25" x14ac:dyDescent="0.2">
      <c r="B4214" s="75" t="s">
        <v>339</v>
      </c>
      <c r="C4214" s="76"/>
      <c r="D4214" s="76"/>
      <c r="E4214" s="76"/>
      <c r="F4214" s="76"/>
      <c r="G4214" s="76"/>
      <c r="H4214" s="76"/>
      <c r="I4214" s="76"/>
      <c r="J4214" s="76"/>
      <c r="K4214" s="76"/>
      <c r="L4214" s="76"/>
      <c r="M4214" s="76"/>
      <c r="N4214" s="76"/>
      <c r="O4214" s="76"/>
      <c r="P4214" s="76"/>
      <c r="Q4214" s="76"/>
      <c r="R4214" s="76"/>
      <c r="S4214" s="76"/>
      <c r="T4214" s="76"/>
      <c r="U4214" s="76"/>
      <c r="V4214" s="76"/>
      <c r="W4214" s="76"/>
      <c r="X4214" s="76"/>
      <c r="Y4214" s="76"/>
    </row>
    <row r="4215" spans="1:25" s="32" customFormat="1" ht="47.25" customHeight="1" x14ac:dyDescent="0.15">
      <c r="A4215" s="31"/>
      <c r="D4215" s="33" t="s">
        <v>378</v>
      </c>
      <c r="E4215" s="36" t="s">
        <v>578</v>
      </c>
      <c r="F4215" s="55" t="s">
        <v>575</v>
      </c>
      <c r="G4215" s="37" t="s">
        <v>579</v>
      </c>
      <c r="H4215" s="35" t="s">
        <v>381</v>
      </c>
    </row>
    <row r="4216" spans="1:25" ht="21.6" x14ac:dyDescent="0.2">
      <c r="B4216" s="77" t="s">
        <v>37</v>
      </c>
      <c r="C4216" s="38" t="s">
        <v>58</v>
      </c>
      <c r="D4216" s="51">
        <v>609</v>
      </c>
      <c r="E4216" s="52">
        <v>41.5</v>
      </c>
      <c r="F4216" s="52">
        <v>35.799999999999997</v>
      </c>
      <c r="G4216" s="53">
        <v>22.7</v>
      </c>
    </row>
    <row r="4217" spans="1:25" ht="21.6" x14ac:dyDescent="0.2">
      <c r="B4217" s="77"/>
      <c r="C4217" s="39" t="s">
        <v>59</v>
      </c>
      <c r="D4217" s="45">
        <v>1391</v>
      </c>
      <c r="E4217" s="46">
        <v>36.9</v>
      </c>
      <c r="F4217" s="46">
        <v>35.700000000000003</v>
      </c>
      <c r="G4217" s="47">
        <v>27.5</v>
      </c>
    </row>
    <row r="4218" spans="1:25" x14ac:dyDescent="0.2">
      <c r="B4218" s="77"/>
      <c r="C4218" s="39" t="s">
        <v>60</v>
      </c>
      <c r="D4218" s="45">
        <v>1325</v>
      </c>
      <c r="E4218" s="46">
        <v>37.700000000000003</v>
      </c>
      <c r="F4218" s="46">
        <v>37.1</v>
      </c>
      <c r="G4218" s="47">
        <v>25.1</v>
      </c>
    </row>
    <row r="4219" spans="1:25" x14ac:dyDescent="0.2">
      <c r="B4219" s="77"/>
      <c r="C4219" s="39" t="s">
        <v>61</v>
      </c>
      <c r="D4219" s="45">
        <v>675</v>
      </c>
      <c r="E4219" s="46">
        <v>39.4</v>
      </c>
      <c r="F4219" s="46">
        <v>32.9</v>
      </c>
      <c r="G4219" s="47">
        <v>27.7</v>
      </c>
    </row>
    <row r="4220" spans="1:25" x14ac:dyDescent="0.2">
      <c r="B4220" s="77"/>
      <c r="C4220" s="39" t="s">
        <v>62</v>
      </c>
      <c r="D4220" s="45">
        <v>1086</v>
      </c>
      <c r="E4220" s="46">
        <v>35.799999999999997</v>
      </c>
      <c r="F4220" s="46">
        <v>37.6</v>
      </c>
      <c r="G4220" s="47">
        <v>26.6</v>
      </c>
    </row>
    <row r="4221" spans="1:25" ht="21.6" x14ac:dyDescent="0.2">
      <c r="B4221" s="77"/>
      <c r="C4221" s="39" t="s">
        <v>63</v>
      </c>
      <c r="D4221" s="45">
        <v>203</v>
      </c>
      <c r="E4221" s="46">
        <v>38.9</v>
      </c>
      <c r="F4221" s="46">
        <v>37.4</v>
      </c>
      <c r="G4221" s="47">
        <v>23.6</v>
      </c>
    </row>
    <row r="4222" spans="1:25" x14ac:dyDescent="0.2">
      <c r="B4222" s="77"/>
      <c r="C4222" s="39" t="s">
        <v>64</v>
      </c>
      <c r="D4222" s="45">
        <v>263</v>
      </c>
      <c r="E4222" s="46">
        <v>33.799999999999997</v>
      </c>
      <c r="F4222" s="46">
        <v>41.4</v>
      </c>
      <c r="G4222" s="47">
        <v>24.7</v>
      </c>
    </row>
    <row r="4223" spans="1:25" x14ac:dyDescent="0.2">
      <c r="B4223" s="77"/>
      <c r="C4223" s="39" t="s">
        <v>65</v>
      </c>
      <c r="D4223" s="45">
        <v>312</v>
      </c>
      <c r="E4223" s="46">
        <v>33.700000000000003</v>
      </c>
      <c r="F4223" s="46">
        <v>36.200000000000003</v>
      </c>
      <c r="G4223" s="47">
        <v>30.1</v>
      </c>
    </row>
    <row r="4224" spans="1:25" x14ac:dyDescent="0.2">
      <c r="B4224" s="77"/>
      <c r="C4224" s="39" t="s">
        <v>66</v>
      </c>
      <c r="D4224" s="45">
        <v>230</v>
      </c>
      <c r="E4224" s="46">
        <v>33.5</v>
      </c>
      <c r="F4224" s="46">
        <v>36.1</v>
      </c>
      <c r="G4224" s="47">
        <v>30.4</v>
      </c>
    </row>
    <row r="4225" spans="1:25" x14ac:dyDescent="0.2">
      <c r="B4225" s="77"/>
      <c r="C4225" s="39" t="s">
        <v>67</v>
      </c>
      <c r="D4225" s="45">
        <v>78</v>
      </c>
      <c r="E4225" s="46">
        <v>50</v>
      </c>
      <c r="F4225" s="46">
        <v>34.6</v>
      </c>
      <c r="G4225" s="47">
        <v>15.4</v>
      </c>
    </row>
    <row r="4226" spans="1:25" x14ac:dyDescent="0.2">
      <c r="B4226" s="77"/>
      <c r="C4226" s="39" t="s">
        <v>68</v>
      </c>
      <c r="D4226" s="45">
        <v>897</v>
      </c>
      <c r="E4226" s="46">
        <v>36.5</v>
      </c>
      <c r="F4226" s="46">
        <v>37</v>
      </c>
      <c r="G4226" s="47">
        <v>26.5</v>
      </c>
    </row>
    <row r="4227" spans="1:25" x14ac:dyDescent="0.2">
      <c r="B4227" s="77"/>
      <c r="C4227" s="39" t="s">
        <v>69</v>
      </c>
      <c r="D4227" s="45">
        <v>189</v>
      </c>
      <c r="E4227" s="46">
        <v>32.799999999999997</v>
      </c>
      <c r="F4227" s="46">
        <v>40.200000000000003</v>
      </c>
      <c r="G4227" s="47">
        <v>27</v>
      </c>
    </row>
    <row r="4228" spans="1:25" x14ac:dyDescent="0.2">
      <c r="B4228" s="77"/>
      <c r="C4228" s="39" t="s">
        <v>70</v>
      </c>
      <c r="D4228" s="45">
        <v>914</v>
      </c>
      <c r="E4228" s="46">
        <v>41.2</v>
      </c>
      <c r="F4228" s="46">
        <v>33.5</v>
      </c>
      <c r="G4228" s="47">
        <v>25.3</v>
      </c>
    </row>
    <row r="4229" spans="1:25" ht="21.6" x14ac:dyDescent="0.2">
      <c r="B4229" s="77"/>
      <c r="C4229" s="39" t="s">
        <v>63</v>
      </c>
      <c r="D4229" s="45">
        <v>193</v>
      </c>
      <c r="E4229" s="46">
        <v>46.1</v>
      </c>
      <c r="F4229" s="46">
        <v>31.6</v>
      </c>
      <c r="G4229" s="47">
        <v>22.3</v>
      </c>
    </row>
    <row r="4230" spans="1:25" x14ac:dyDescent="0.2">
      <c r="B4230" s="77"/>
      <c r="C4230" s="39" t="s">
        <v>64</v>
      </c>
      <c r="D4230" s="45">
        <v>203</v>
      </c>
      <c r="E4230" s="46">
        <v>41.4</v>
      </c>
      <c r="F4230" s="46">
        <v>34</v>
      </c>
      <c r="G4230" s="47">
        <v>24.6</v>
      </c>
    </row>
    <row r="4231" spans="1:25" x14ac:dyDescent="0.2">
      <c r="B4231" s="77"/>
      <c r="C4231" s="39" t="s">
        <v>65</v>
      </c>
      <c r="D4231" s="45">
        <v>263</v>
      </c>
      <c r="E4231" s="46">
        <v>42.2</v>
      </c>
      <c r="F4231" s="46">
        <v>31.9</v>
      </c>
      <c r="G4231" s="47">
        <v>25.9</v>
      </c>
    </row>
    <row r="4232" spans="1:25" x14ac:dyDescent="0.2">
      <c r="B4232" s="77"/>
      <c r="C4232" s="39" t="s">
        <v>66</v>
      </c>
      <c r="D4232" s="45">
        <v>194</v>
      </c>
      <c r="E4232" s="46">
        <v>37.1</v>
      </c>
      <c r="F4232" s="46">
        <v>38.700000000000003</v>
      </c>
      <c r="G4232" s="47">
        <v>24.2</v>
      </c>
    </row>
    <row r="4233" spans="1:25" x14ac:dyDescent="0.2">
      <c r="B4233" s="77"/>
      <c r="C4233" s="39" t="s">
        <v>67</v>
      </c>
      <c r="D4233" s="45">
        <v>61</v>
      </c>
      <c r="E4233" s="46">
        <v>34.4</v>
      </c>
      <c r="F4233" s="46">
        <v>27.9</v>
      </c>
      <c r="G4233" s="47">
        <v>37.700000000000003</v>
      </c>
    </row>
    <row r="4234" spans="1:25" x14ac:dyDescent="0.2">
      <c r="B4234" s="77"/>
      <c r="C4234" s="39" t="s">
        <v>68</v>
      </c>
      <c r="D4234" s="45">
        <v>416</v>
      </c>
      <c r="E4234" s="46">
        <v>48.3</v>
      </c>
      <c r="F4234" s="46">
        <v>32.5</v>
      </c>
      <c r="G4234" s="47">
        <v>19.2</v>
      </c>
    </row>
    <row r="4235" spans="1:25" x14ac:dyDescent="0.2">
      <c r="B4235" s="77"/>
      <c r="C4235" s="40" t="s">
        <v>69</v>
      </c>
      <c r="D4235" s="48">
        <v>498</v>
      </c>
      <c r="E4235" s="49">
        <v>35.299999999999997</v>
      </c>
      <c r="F4235" s="49">
        <v>34.299999999999997</v>
      </c>
      <c r="G4235" s="50">
        <v>30.3</v>
      </c>
    </row>
    <row r="4237" spans="1:25" x14ac:dyDescent="0.2">
      <c r="A4237" s="26" t="s">
        <v>25</v>
      </c>
      <c r="B4237" t="s">
        <v>35</v>
      </c>
      <c r="C4237" t="s">
        <v>35</v>
      </c>
    </row>
    <row r="4238" spans="1:25" x14ac:dyDescent="0.2">
      <c r="B4238" s="75" t="s">
        <v>191</v>
      </c>
      <c r="C4238" s="76"/>
      <c r="D4238" s="76"/>
      <c r="E4238" s="76"/>
      <c r="F4238" s="76"/>
      <c r="G4238" s="76"/>
      <c r="H4238" s="76"/>
      <c r="I4238" s="76"/>
      <c r="J4238" s="76"/>
      <c r="K4238" s="76"/>
      <c r="L4238" s="76"/>
      <c r="M4238" s="76"/>
      <c r="N4238" s="76"/>
      <c r="O4238" s="76"/>
      <c r="P4238" s="76"/>
      <c r="Q4238" s="76"/>
      <c r="R4238" s="76"/>
      <c r="S4238" s="76"/>
      <c r="T4238" s="76"/>
      <c r="U4238" s="76"/>
      <c r="V4238" s="76"/>
      <c r="W4238" s="76"/>
      <c r="X4238" s="76"/>
      <c r="Y4238" s="76"/>
    </row>
    <row r="4239" spans="1:25" s="32" customFormat="1" ht="68.849999999999994" customHeight="1" x14ac:dyDescent="0.15">
      <c r="A4239" s="31"/>
      <c r="D4239" s="33" t="s">
        <v>378</v>
      </c>
      <c r="E4239" s="36" t="s">
        <v>580</v>
      </c>
      <c r="F4239" s="55" t="s">
        <v>581</v>
      </c>
      <c r="G4239" s="37" t="s">
        <v>582</v>
      </c>
      <c r="H4239" s="35" t="s">
        <v>381</v>
      </c>
    </row>
    <row r="4240" spans="1:25" x14ac:dyDescent="0.2">
      <c r="B4240" s="5"/>
      <c r="C4240" s="41" t="s">
        <v>38</v>
      </c>
      <c r="D4240" s="42">
        <v>2000</v>
      </c>
      <c r="E4240" s="43">
        <v>40</v>
      </c>
      <c r="F4240" s="43">
        <v>39.9</v>
      </c>
      <c r="G4240" s="44">
        <v>20.100000000000001</v>
      </c>
    </row>
    <row r="4241" spans="2:7" x14ac:dyDescent="0.2">
      <c r="B4241" s="77" t="s">
        <v>37</v>
      </c>
      <c r="C4241" s="39" t="s">
        <v>39</v>
      </c>
      <c r="D4241" s="45">
        <v>111</v>
      </c>
      <c r="E4241" s="46">
        <v>31.5</v>
      </c>
      <c r="F4241" s="46">
        <v>64.900000000000006</v>
      </c>
      <c r="G4241" s="47">
        <v>3.6</v>
      </c>
    </row>
    <row r="4242" spans="2:7" x14ac:dyDescent="0.2">
      <c r="B4242" s="77"/>
      <c r="C4242" s="39" t="s">
        <v>40</v>
      </c>
      <c r="D4242" s="45">
        <v>450</v>
      </c>
      <c r="E4242" s="46">
        <v>49.8</v>
      </c>
      <c r="F4242" s="46">
        <v>38</v>
      </c>
      <c r="G4242" s="47">
        <v>12.2</v>
      </c>
    </row>
    <row r="4243" spans="2:7" ht="21.6" x14ac:dyDescent="0.2">
      <c r="B4243" s="77"/>
      <c r="C4243" s="39" t="s">
        <v>41</v>
      </c>
      <c r="D4243" s="45">
        <v>30</v>
      </c>
      <c r="E4243" s="46">
        <v>40</v>
      </c>
      <c r="F4243" s="46">
        <v>33.299999999999997</v>
      </c>
      <c r="G4243" s="47">
        <v>26.7</v>
      </c>
    </row>
    <row r="4244" spans="2:7" ht="21.6" x14ac:dyDescent="0.2">
      <c r="B4244" s="77"/>
      <c r="C4244" s="39" t="s">
        <v>42</v>
      </c>
      <c r="D4244" s="45">
        <v>336</v>
      </c>
      <c r="E4244" s="46">
        <v>50.9</v>
      </c>
      <c r="F4244" s="46">
        <v>34.799999999999997</v>
      </c>
      <c r="G4244" s="47">
        <v>14.3</v>
      </c>
    </row>
    <row r="4245" spans="2:7" ht="21.6" x14ac:dyDescent="0.2">
      <c r="B4245" s="77"/>
      <c r="C4245" s="39" t="s">
        <v>43</v>
      </c>
      <c r="D4245" s="45">
        <v>327</v>
      </c>
      <c r="E4245" s="46">
        <v>33.6</v>
      </c>
      <c r="F4245" s="46">
        <v>36.4</v>
      </c>
      <c r="G4245" s="47">
        <v>30</v>
      </c>
    </row>
    <row r="4246" spans="2:7" ht="21.6" x14ac:dyDescent="0.2">
      <c r="B4246" s="77"/>
      <c r="C4246" s="39" t="s">
        <v>44</v>
      </c>
      <c r="D4246" s="45">
        <v>181</v>
      </c>
      <c r="E4246" s="46">
        <v>55.8</v>
      </c>
      <c r="F4246" s="46">
        <v>32</v>
      </c>
      <c r="G4246" s="47">
        <v>12.2</v>
      </c>
    </row>
    <row r="4247" spans="2:7" ht="21.6" x14ac:dyDescent="0.2">
      <c r="B4247" s="77"/>
      <c r="C4247" s="39" t="s">
        <v>45</v>
      </c>
      <c r="D4247" s="45">
        <v>565</v>
      </c>
      <c r="E4247" s="46">
        <v>26</v>
      </c>
      <c r="F4247" s="46">
        <v>44.4</v>
      </c>
      <c r="G4247" s="47">
        <v>29.6</v>
      </c>
    </row>
    <row r="4248" spans="2:7" ht="21.6" x14ac:dyDescent="0.2">
      <c r="B4248" s="77"/>
      <c r="C4248" s="39" t="s">
        <v>46</v>
      </c>
      <c r="D4248" s="45">
        <v>473</v>
      </c>
      <c r="E4248" s="46">
        <v>30.9</v>
      </c>
      <c r="F4248" s="46">
        <v>39.5</v>
      </c>
      <c r="G4248" s="47">
        <v>29.6</v>
      </c>
    </row>
    <row r="4249" spans="2:7" ht="21.6" x14ac:dyDescent="0.2">
      <c r="B4249" s="77"/>
      <c r="C4249" s="39" t="s">
        <v>47</v>
      </c>
      <c r="D4249" s="45">
        <v>441</v>
      </c>
      <c r="E4249" s="46">
        <v>39.700000000000003</v>
      </c>
      <c r="F4249" s="46">
        <v>44.4</v>
      </c>
      <c r="G4249" s="47">
        <v>15.9</v>
      </c>
    </row>
    <row r="4250" spans="2:7" ht="21.6" x14ac:dyDescent="0.2">
      <c r="B4250" s="77"/>
      <c r="C4250" s="39" t="s">
        <v>48</v>
      </c>
      <c r="D4250" s="45">
        <v>305</v>
      </c>
      <c r="E4250" s="46">
        <v>42.6</v>
      </c>
      <c r="F4250" s="46">
        <v>43.6</v>
      </c>
      <c r="G4250" s="47">
        <v>13.8</v>
      </c>
    </row>
    <row r="4251" spans="2:7" ht="21.6" x14ac:dyDescent="0.2">
      <c r="B4251" s="77"/>
      <c r="C4251" s="39" t="s">
        <v>49</v>
      </c>
      <c r="D4251" s="45">
        <v>223</v>
      </c>
      <c r="E4251" s="46">
        <v>45.7</v>
      </c>
      <c r="F4251" s="46">
        <v>43.5</v>
      </c>
      <c r="G4251" s="47">
        <v>10.8</v>
      </c>
    </row>
    <row r="4252" spans="2:7" ht="21.6" x14ac:dyDescent="0.2">
      <c r="B4252" s="77"/>
      <c r="C4252" s="39" t="s">
        <v>50</v>
      </c>
      <c r="D4252" s="45">
        <v>123</v>
      </c>
      <c r="E4252" s="46">
        <v>59.3</v>
      </c>
      <c r="F4252" s="46">
        <v>35</v>
      </c>
      <c r="G4252" s="47">
        <v>5.7</v>
      </c>
    </row>
    <row r="4253" spans="2:7" ht="21.6" x14ac:dyDescent="0.2">
      <c r="B4253" s="77"/>
      <c r="C4253" s="39" t="s">
        <v>51</v>
      </c>
      <c r="D4253" s="45">
        <v>124</v>
      </c>
      <c r="E4253" s="46">
        <v>49.2</v>
      </c>
      <c r="F4253" s="46">
        <v>41.9</v>
      </c>
      <c r="G4253" s="47">
        <v>8.9</v>
      </c>
    </row>
    <row r="4254" spans="2:7" ht="21.6" x14ac:dyDescent="0.2">
      <c r="B4254" s="77"/>
      <c r="C4254" s="39" t="s">
        <v>52</v>
      </c>
      <c r="D4254" s="45">
        <v>312</v>
      </c>
      <c r="E4254" s="46">
        <v>9.6</v>
      </c>
      <c r="F4254" s="46">
        <v>73.400000000000006</v>
      </c>
      <c r="G4254" s="47">
        <v>17</v>
      </c>
    </row>
    <row r="4255" spans="2:7" x14ac:dyDescent="0.2">
      <c r="B4255" s="77"/>
      <c r="C4255" s="39" t="s">
        <v>53</v>
      </c>
      <c r="D4255" s="45">
        <v>269</v>
      </c>
      <c r="E4255" s="46">
        <v>19.3</v>
      </c>
      <c r="F4255" s="46">
        <v>58.7</v>
      </c>
      <c r="G4255" s="47">
        <v>21.9</v>
      </c>
    </row>
    <row r="4256" spans="2:7" ht="21.6" x14ac:dyDescent="0.2">
      <c r="B4256" s="77"/>
      <c r="C4256" s="39" t="s">
        <v>54</v>
      </c>
      <c r="D4256" s="45">
        <v>511</v>
      </c>
      <c r="E4256" s="46">
        <v>41.5</v>
      </c>
      <c r="F4256" s="46">
        <v>45</v>
      </c>
      <c r="G4256" s="47">
        <v>13.5</v>
      </c>
    </row>
    <row r="4257" spans="1:25" ht="21.6" x14ac:dyDescent="0.2">
      <c r="B4257" s="77"/>
      <c r="C4257" s="39" t="s">
        <v>55</v>
      </c>
      <c r="D4257" s="45">
        <v>615</v>
      </c>
      <c r="E4257" s="46">
        <v>69.099999999999994</v>
      </c>
      <c r="F4257" s="46">
        <v>20.3</v>
      </c>
      <c r="G4257" s="47">
        <v>10.6</v>
      </c>
    </row>
    <row r="4258" spans="1:25" ht="21.6" x14ac:dyDescent="0.2">
      <c r="B4258" s="77"/>
      <c r="C4258" s="39" t="s">
        <v>56</v>
      </c>
      <c r="D4258" s="45">
        <v>800</v>
      </c>
      <c r="E4258" s="46">
        <v>100</v>
      </c>
      <c r="F4258" s="46">
        <v>0</v>
      </c>
      <c r="G4258" s="47">
        <v>0</v>
      </c>
    </row>
    <row r="4259" spans="1:25" x14ac:dyDescent="0.2">
      <c r="B4259" s="77"/>
      <c r="C4259" s="40" t="s">
        <v>57</v>
      </c>
      <c r="D4259" s="48">
        <v>798</v>
      </c>
      <c r="E4259" s="49">
        <v>0</v>
      </c>
      <c r="F4259" s="49">
        <v>100</v>
      </c>
      <c r="G4259" s="50">
        <v>0</v>
      </c>
    </row>
    <row r="4260" spans="1:25" x14ac:dyDescent="0.2">
      <c r="B4260" s="7" t="s">
        <v>71</v>
      </c>
      <c r="C4260" s="4" t="s">
        <v>192</v>
      </c>
    </row>
    <row r="4261" spans="1:25" x14ac:dyDescent="0.2">
      <c r="B4261" s="4"/>
      <c r="C4261" s="4" t="s">
        <v>73</v>
      </c>
    </row>
    <row r="4263" spans="1:25" x14ac:dyDescent="0.2">
      <c r="C4263" t="s">
        <v>35</v>
      </c>
    </row>
    <row r="4264" spans="1:25" x14ac:dyDescent="0.2">
      <c r="B4264" s="75" t="s">
        <v>340</v>
      </c>
      <c r="C4264" s="76"/>
      <c r="D4264" s="76"/>
      <c r="E4264" s="76"/>
      <c r="F4264" s="76"/>
      <c r="G4264" s="76"/>
      <c r="H4264" s="76"/>
      <c r="I4264" s="76"/>
      <c r="J4264" s="76"/>
      <c r="K4264" s="76"/>
      <c r="L4264" s="76"/>
      <c r="M4264" s="76"/>
      <c r="N4264" s="76"/>
      <c r="O4264" s="76"/>
      <c r="P4264" s="76"/>
      <c r="Q4264" s="76"/>
      <c r="R4264" s="76"/>
      <c r="S4264" s="76"/>
      <c r="T4264" s="76"/>
      <c r="U4264" s="76"/>
      <c r="V4264" s="76"/>
      <c r="W4264" s="76"/>
      <c r="X4264" s="76"/>
      <c r="Y4264" s="76"/>
    </row>
    <row r="4265" spans="1:25" s="32" customFormat="1" ht="68.849999999999994" customHeight="1" x14ac:dyDescent="0.15">
      <c r="A4265" s="31"/>
      <c r="D4265" s="33" t="s">
        <v>378</v>
      </c>
      <c r="E4265" s="36" t="s">
        <v>580</v>
      </c>
      <c r="F4265" s="55" t="s">
        <v>581</v>
      </c>
      <c r="G4265" s="37" t="s">
        <v>582</v>
      </c>
      <c r="H4265" s="35" t="s">
        <v>381</v>
      </c>
    </row>
    <row r="4266" spans="1:25" ht="21.6" x14ac:dyDescent="0.2">
      <c r="B4266" s="77" t="s">
        <v>37</v>
      </c>
      <c r="C4266" s="38" t="s">
        <v>58</v>
      </c>
      <c r="D4266" s="51">
        <v>609</v>
      </c>
      <c r="E4266" s="52">
        <v>95.4</v>
      </c>
      <c r="F4266" s="52">
        <v>3.8</v>
      </c>
      <c r="G4266" s="53">
        <v>0.8</v>
      </c>
    </row>
    <row r="4267" spans="1:25" ht="21.6" x14ac:dyDescent="0.2">
      <c r="B4267" s="77"/>
      <c r="C4267" s="39" t="s">
        <v>59</v>
      </c>
      <c r="D4267" s="45">
        <v>1391</v>
      </c>
      <c r="E4267" s="46">
        <v>15.7</v>
      </c>
      <c r="F4267" s="46">
        <v>55.7</v>
      </c>
      <c r="G4267" s="47">
        <v>28.5</v>
      </c>
    </row>
    <row r="4268" spans="1:25" x14ac:dyDescent="0.2">
      <c r="B4268" s="77"/>
      <c r="C4268" s="39" t="s">
        <v>60</v>
      </c>
      <c r="D4268" s="45">
        <v>1325</v>
      </c>
      <c r="E4268" s="46">
        <v>40.299999999999997</v>
      </c>
      <c r="F4268" s="46">
        <v>39.5</v>
      </c>
      <c r="G4268" s="47">
        <v>20.2</v>
      </c>
    </row>
    <row r="4269" spans="1:25" x14ac:dyDescent="0.2">
      <c r="B4269" s="77"/>
      <c r="C4269" s="39" t="s">
        <v>61</v>
      </c>
      <c r="D4269" s="45">
        <v>675</v>
      </c>
      <c r="E4269" s="46">
        <v>39.4</v>
      </c>
      <c r="F4269" s="46">
        <v>40.6</v>
      </c>
      <c r="G4269" s="47">
        <v>20</v>
      </c>
    </row>
    <row r="4270" spans="1:25" x14ac:dyDescent="0.2">
      <c r="B4270" s="77"/>
      <c r="C4270" s="39" t="s">
        <v>62</v>
      </c>
      <c r="D4270" s="45">
        <v>1086</v>
      </c>
      <c r="E4270" s="46">
        <v>45.4</v>
      </c>
      <c r="F4270" s="46">
        <v>41.4</v>
      </c>
      <c r="G4270" s="47">
        <v>13.2</v>
      </c>
    </row>
    <row r="4271" spans="1:25" ht="21.6" x14ac:dyDescent="0.2">
      <c r="B4271" s="77"/>
      <c r="C4271" s="39" t="s">
        <v>63</v>
      </c>
      <c r="D4271" s="45">
        <v>203</v>
      </c>
      <c r="E4271" s="46">
        <v>46.3</v>
      </c>
      <c r="F4271" s="46">
        <v>25.6</v>
      </c>
      <c r="G4271" s="47">
        <v>28.1</v>
      </c>
    </row>
    <row r="4272" spans="1:25" x14ac:dyDescent="0.2">
      <c r="B4272" s="77"/>
      <c r="C4272" s="39" t="s">
        <v>64</v>
      </c>
      <c r="D4272" s="45">
        <v>263</v>
      </c>
      <c r="E4272" s="46">
        <v>45.6</v>
      </c>
      <c r="F4272" s="46">
        <v>38.799999999999997</v>
      </c>
      <c r="G4272" s="47">
        <v>15.6</v>
      </c>
    </row>
    <row r="4273" spans="2:7" x14ac:dyDescent="0.2">
      <c r="B4273" s="77"/>
      <c r="C4273" s="39" t="s">
        <v>65</v>
      </c>
      <c r="D4273" s="45">
        <v>312</v>
      </c>
      <c r="E4273" s="46">
        <v>44.6</v>
      </c>
      <c r="F4273" s="46">
        <v>46.8</v>
      </c>
      <c r="G4273" s="47">
        <v>8.6999999999999993</v>
      </c>
    </row>
    <row r="4274" spans="2:7" x14ac:dyDescent="0.2">
      <c r="B4274" s="77"/>
      <c r="C4274" s="39" t="s">
        <v>66</v>
      </c>
      <c r="D4274" s="45">
        <v>230</v>
      </c>
      <c r="E4274" s="46">
        <v>49.6</v>
      </c>
      <c r="F4274" s="46">
        <v>43.9</v>
      </c>
      <c r="G4274" s="47">
        <v>6.5</v>
      </c>
    </row>
    <row r="4275" spans="2:7" x14ac:dyDescent="0.2">
      <c r="B4275" s="77"/>
      <c r="C4275" s="39" t="s">
        <v>67</v>
      </c>
      <c r="D4275" s="45">
        <v>78</v>
      </c>
      <c r="E4275" s="46">
        <v>33.299999999999997</v>
      </c>
      <c r="F4275" s="46">
        <v>62.8</v>
      </c>
      <c r="G4275" s="47">
        <v>3.8</v>
      </c>
    </row>
    <row r="4276" spans="2:7" x14ac:dyDescent="0.2">
      <c r="B4276" s="77"/>
      <c r="C4276" s="39" t="s">
        <v>68</v>
      </c>
      <c r="D4276" s="45">
        <v>897</v>
      </c>
      <c r="E4276" s="46">
        <v>49.4</v>
      </c>
      <c r="F4276" s="46">
        <v>42.6</v>
      </c>
      <c r="G4276" s="47">
        <v>8</v>
      </c>
    </row>
    <row r="4277" spans="2:7" x14ac:dyDescent="0.2">
      <c r="B4277" s="77"/>
      <c r="C4277" s="39" t="s">
        <v>69</v>
      </c>
      <c r="D4277" s="45">
        <v>189</v>
      </c>
      <c r="E4277" s="46">
        <v>26.5</v>
      </c>
      <c r="F4277" s="46">
        <v>36</v>
      </c>
      <c r="G4277" s="47">
        <v>37.6</v>
      </c>
    </row>
    <row r="4278" spans="2:7" x14ac:dyDescent="0.2">
      <c r="B4278" s="77"/>
      <c r="C4278" s="39" t="s">
        <v>70</v>
      </c>
      <c r="D4278" s="45">
        <v>914</v>
      </c>
      <c r="E4278" s="46">
        <v>33.6</v>
      </c>
      <c r="F4278" s="46">
        <v>38.1</v>
      </c>
      <c r="G4278" s="47">
        <v>28.3</v>
      </c>
    </row>
    <row r="4279" spans="2:7" ht="21.6" x14ac:dyDescent="0.2">
      <c r="B4279" s="77"/>
      <c r="C4279" s="39" t="s">
        <v>63</v>
      </c>
      <c r="D4279" s="45">
        <v>193</v>
      </c>
      <c r="E4279" s="46">
        <v>45.1</v>
      </c>
      <c r="F4279" s="46">
        <v>13</v>
      </c>
      <c r="G4279" s="47">
        <v>42</v>
      </c>
    </row>
    <row r="4280" spans="2:7" x14ac:dyDescent="0.2">
      <c r="B4280" s="77"/>
      <c r="C4280" s="39" t="s">
        <v>64</v>
      </c>
      <c r="D4280" s="45">
        <v>203</v>
      </c>
      <c r="E4280" s="46">
        <v>40.9</v>
      </c>
      <c r="F4280" s="46">
        <v>36</v>
      </c>
      <c r="G4280" s="47">
        <v>23.2</v>
      </c>
    </row>
    <row r="4281" spans="2:7" x14ac:dyDescent="0.2">
      <c r="B4281" s="77"/>
      <c r="C4281" s="39" t="s">
        <v>65</v>
      </c>
      <c r="D4281" s="45">
        <v>263</v>
      </c>
      <c r="E4281" s="46">
        <v>27</v>
      </c>
      <c r="F4281" s="46">
        <v>43</v>
      </c>
      <c r="G4281" s="47">
        <v>30</v>
      </c>
    </row>
    <row r="4282" spans="2:7" x14ac:dyDescent="0.2">
      <c r="B4282" s="77"/>
      <c r="C4282" s="39" t="s">
        <v>66</v>
      </c>
      <c r="D4282" s="45">
        <v>194</v>
      </c>
      <c r="E4282" s="46">
        <v>27.3</v>
      </c>
      <c r="F4282" s="46">
        <v>51.5</v>
      </c>
      <c r="G4282" s="47">
        <v>21.1</v>
      </c>
    </row>
    <row r="4283" spans="2:7" x14ac:dyDescent="0.2">
      <c r="B4283" s="77"/>
      <c r="C4283" s="39" t="s">
        <v>67</v>
      </c>
      <c r="D4283" s="45">
        <v>61</v>
      </c>
      <c r="E4283" s="46">
        <v>21.3</v>
      </c>
      <c r="F4283" s="46">
        <v>60.7</v>
      </c>
      <c r="G4283" s="47">
        <v>18</v>
      </c>
    </row>
    <row r="4284" spans="2:7" x14ac:dyDescent="0.2">
      <c r="B4284" s="77"/>
      <c r="C4284" s="39" t="s">
        <v>68</v>
      </c>
      <c r="D4284" s="45">
        <v>416</v>
      </c>
      <c r="E4284" s="46">
        <v>42.1</v>
      </c>
      <c r="F4284" s="46">
        <v>44.7</v>
      </c>
      <c r="G4284" s="47">
        <v>13.2</v>
      </c>
    </row>
    <row r="4285" spans="2:7" x14ac:dyDescent="0.2">
      <c r="B4285" s="77"/>
      <c r="C4285" s="40" t="s">
        <v>69</v>
      </c>
      <c r="D4285" s="48">
        <v>498</v>
      </c>
      <c r="E4285" s="49">
        <v>26.5</v>
      </c>
      <c r="F4285" s="49">
        <v>32.5</v>
      </c>
      <c r="G4285" s="50">
        <v>41</v>
      </c>
    </row>
    <row r="4286" spans="2:7" x14ac:dyDescent="0.2">
      <c r="B4286" s="7" t="s">
        <v>71</v>
      </c>
      <c r="C4286" s="4" t="s">
        <v>192</v>
      </c>
    </row>
    <row r="4287" spans="2:7" x14ac:dyDescent="0.2">
      <c r="B4287" s="4"/>
      <c r="C4287" s="4" t="s">
        <v>73</v>
      </c>
    </row>
    <row r="4289" spans="1:25" x14ac:dyDescent="0.2">
      <c r="A4289" s="26" t="s">
        <v>25</v>
      </c>
      <c r="B4289" t="s">
        <v>35</v>
      </c>
      <c r="C4289" t="s">
        <v>35</v>
      </c>
    </row>
    <row r="4290" spans="1:25" x14ac:dyDescent="0.2">
      <c r="B4290" s="75" t="s">
        <v>193</v>
      </c>
      <c r="C4290" s="76"/>
      <c r="D4290" s="76"/>
      <c r="E4290" s="76"/>
      <c r="F4290" s="76"/>
      <c r="G4290" s="76"/>
      <c r="H4290" s="76"/>
      <c r="I4290" s="76"/>
      <c r="J4290" s="76"/>
      <c r="K4290" s="76"/>
      <c r="L4290" s="76"/>
      <c r="M4290" s="76"/>
      <c r="N4290" s="76"/>
      <c r="O4290" s="76"/>
      <c r="P4290" s="76"/>
      <c r="Q4290" s="76"/>
      <c r="R4290" s="76"/>
      <c r="S4290" s="76"/>
      <c r="T4290" s="76"/>
      <c r="U4290" s="76"/>
      <c r="V4290" s="76"/>
      <c r="W4290" s="76"/>
      <c r="X4290" s="76"/>
      <c r="Y4290" s="76"/>
    </row>
    <row r="4291" spans="1:25" s="32" customFormat="1" ht="79.650000000000006" customHeight="1" x14ac:dyDescent="0.15">
      <c r="A4291" s="31"/>
      <c r="D4291" s="33" t="s">
        <v>378</v>
      </c>
      <c r="E4291" s="36" t="s">
        <v>583</v>
      </c>
      <c r="F4291" s="55" t="s">
        <v>584</v>
      </c>
      <c r="G4291" s="55" t="s">
        <v>585</v>
      </c>
      <c r="H4291" s="37" t="s">
        <v>586</v>
      </c>
      <c r="I4291" s="35" t="s">
        <v>381</v>
      </c>
    </row>
    <row r="4292" spans="1:25" x14ac:dyDescent="0.2">
      <c r="B4292" s="5"/>
      <c r="C4292" s="41" t="s">
        <v>38</v>
      </c>
      <c r="D4292" s="42">
        <v>2000</v>
      </c>
      <c r="E4292" s="43">
        <v>28.3</v>
      </c>
      <c r="F4292" s="43">
        <v>2.2000000000000002</v>
      </c>
      <c r="G4292" s="43">
        <v>13.5</v>
      </c>
      <c r="H4292" s="44">
        <v>56.1</v>
      </c>
    </row>
    <row r="4293" spans="1:25" x14ac:dyDescent="0.2">
      <c r="B4293" s="77" t="s">
        <v>37</v>
      </c>
      <c r="C4293" s="39" t="s">
        <v>39</v>
      </c>
      <c r="D4293" s="45">
        <v>111</v>
      </c>
      <c r="E4293" s="46">
        <v>25.2</v>
      </c>
      <c r="F4293" s="46">
        <v>3.6</v>
      </c>
      <c r="G4293" s="46">
        <v>11.7</v>
      </c>
      <c r="H4293" s="47">
        <v>59.5</v>
      </c>
    </row>
    <row r="4294" spans="1:25" x14ac:dyDescent="0.2">
      <c r="B4294" s="77"/>
      <c r="C4294" s="39" t="s">
        <v>40</v>
      </c>
      <c r="D4294" s="45">
        <v>450</v>
      </c>
      <c r="E4294" s="46">
        <v>36.200000000000003</v>
      </c>
      <c r="F4294" s="46">
        <v>1.6</v>
      </c>
      <c r="G4294" s="46">
        <v>15.3</v>
      </c>
      <c r="H4294" s="47">
        <v>46.9</v>
      </c>
    </row>
    <row r="4295" spans="1:25" ht="21.6" x14ac:dyDescent="0.2">
      <c r="B4295" s="77"/>
      <c r="C4295" s="39" t="s">
        <v>41</v>
      </c>
      <c r="D4295" s="45">
        <v>30</v>
      </c>
      <c r="E4295" s="46">
        <v>33.299999999999997</v>
      </c>
      <c r="F4295" s="46">
        <v>3.3</v>
      </c>
      <c r="G4295" s="46">
        <v>10</v>
      </c>
      <c r="H4295" s="47">
        <v>53.3</v>
      </c>
    </row>
    <row r="4296" spans="1:25" ht="21.6" x14ac:dyDescent="0.2">
      <c r="B4296" s="77"/>
      <c r="C4296" s="39" t="s">
        <v>42</v>
      </c>
      <c r="D4296" s="45">
        <v>336</v>
      </c>
      <c r="E4296" s="46">
        <v>33.299999999999997</v>
      </c>
      <c r="F4296" s="46">
        <v>3</v>
      </c>
      <c r="G4296" s="46">
        <v>13.4</v>
      </c>
      <c r="H4296" s="47">
        <v>50.3</v>
      </c>
    </row>
    <row r="4297" spans="1:25" ht="21.6" x14ac:dyDescent="0.2">
      <c r="B4297" s="77"/>
      <c r="C4297" s="39" t="s">
        <v>43</v>
      </c>
      <c r="D4297" s="45">
        <v>327</v>
      </c>
      <c r="E4297" s="46">
        <v>25.7</v>
      </c>
      <c r="F4297" s="46">
        <v>1.5</v>
      </c>
      <c r="G4297" s="46">
        <v>11.9</v>
      </c>
      <c r="H4297" s="47">
        <v>60.9</v>
      </c>
    </row>
    <row r="4298" spans="1:25" ht="21.6" x14ac:dyDescent="0.2">
      <c r="B4298" s="77"/>
      <c r="C4298" s="39" t="s">
        <v>44</v>
      </c>
      <c r="D4298" s="45">
        <v>181</v>
      </c>
      <c r="E4298" s="46">
        <v>39.200000000000003</v>
      </c>
      <c r="F4298" s="46">
        <v>2.8</v>
      </c>
      <c r="G4298" s="46">
        <v>12.7</v>
      </c>
      <c r="H4298" s="47">
        <v>45.3</v>
      </c>
    </row>
    <row r="4299" spans="1:25" ht="21.6" x14ac:dyDescent="0.2">
      <c r="B4299" s="77"/>
      <c r="C4299" s="39" t="s">
        <v>45</v>
      </c>
      <c r="D4299" s="45">
        <v>565</v>
      </c>
      <c r="E4299" s="46">
        <v>17.3</v>
      </c>
      <c r="F4299" s="46">
        <v>1.9</v>
      </c>
      <c r="G4299" s="46">
        <v>13.8</v>
      </c>
      <c r="H4299" s="47">
        <v>66.900000000000006</v>
      </c>
    </row>
    <row r="4300" spans="1:25" ht="21.6" x14ac:dyDescent="0.2">
      <c r="B4300" s="77"/>
      <c r="C4300" s="39" t="s">
        <v>46</v>
      </c>
      <c r="D4300" s="45">
        <v>473</v>
      </c>
      <c r="E4300" s="46">
        <v>24.3</v>
      </c>
      <c r="F4300" s="46">
        <v>1.7</v>
      </c>
      <c r="G4300" s="46">
        <v>9.6999999999999993</v>
      </c>
      <c r="H4300" s="47">
        <v>64.3</v>
      </c>
    </row>
    <row r="4301" spans="1:25" ht="21.6" x14ac:dyDescent="0.2">
      <c r="B4301" s="77"/>
      <c r="C4301" s="39" t="s">
        <v>47</v>
      </c>
      <c r="D4301" s="45">
        <v>441</v>
      </c>
      <c r="E4301" s="46">
        <v>30.8</v>
      </c>
      <c r="F4301" s="46">
        <v>2.2999999999999998</v>
      </c>
      <c r="G4301" s="46">
        <v>11.1</v>
      </c>
      <c r="H4301" s="47">
        <v>55.8</v>
      </c>
    </row>
    <row r="4302" spans="1:25" ht="21.6" x14ac:dyDescent="0.2">
      <c r="B4302" s="77"/>
      <c r="C4302" s="39" t="s">
        <v>48</v>
      </c>
      <c r="D4302" s="45">
        <v>305</v>
      </c>
      <c r="E4302" s="46">
        <v>33.799999999999997</v>
      </c>
      <c r="F4302" s="46">
        <v>3</v>
      </c>
      <c r="G4302" s="46">
        <v>13.8</v>
      </c>
      <c r="H4302" s="47">
        <v>49.5</v>
      </c>
    </row>
    <row r="4303" spans="1:25" ht="21.6" x14ac:dyDescent="0.2">
      <c r="B4303" s="77"/>
      <c r="C4303" s="39" t="s">
        <v>49</v>
      </c>
      <c r="D4303" s="45">
        <v>223</v>
      </c>
      <c r="E4303" s="46">
        <v>28.3</v>
      </c>
      <c r="F4303" s="46">
        <v>2.2000000000000002</v>
      </c>
      <c r="G4303" s="46">
        <v>20.6</v>
      </c>
      <c r="H4303" s="47">
        <v>48.9</v>
      </c>
    </row>
    <row r="4304" spans="1:25" ht="21.6" x14ac:dyDescent="0.2">
      <c r="B4304" s="77"/>
      <c r="C4304" s="39" t="s">
        <v>50</v>
      </c>
      <c r="D4304" s="45">
        <v>123</v>
      </c>
      <c r="E4304" s="46">
        <v>32.5</v>
      </c>
      <c r="F4304" s="46">
        <v>1.6</v>
      </c>
      <c r="G4304" s="46">
        <v>20.3</v>
      </c>
      <c r="H4304" s="47">
        <v>45.5</v>
      </c>
    </row>
    <row r="4305" spans="1:25" ht="21.6" x14ac:dyDescent="0.2">
      <c r="B4305" s="77"/>
      <c r="C4305" s="39" t="s">
        <v>51</v>
      </c>
      <c r="D4305" s="45">
        <v>124</v>
      </c>
      <c r="E4305" s="46">
        <v>25</v>
      </c>
      <c r="F4305" s="46">
        <v>0.8</v>
      </c>
      <c r="G4305" s="46">
        <v>27.4</v>
      </c>
      <c r="H4305" s="47">
        <v>46.8</v>
      </c>
    </row>
    <row r="4306" spans="1:25" ht="21.6" x14ac:dyDescent="0.2">
      <c r="B4306" s="77"/>
      <c r="C4306" s="39" t="s">
        <v>52</v>
      </c>
      <c r="D4306" s="45">
        <v>312</v>
      </c>
      <c r="E4306" s="46">
        <v>7.4</v>
      </c>
      <c r="F4306" s="46">
        <v>3.2</v>
      </c>
      <c r="G4306" s="46">
        <v>16.3</v>
      </c>
      <c r="H4306" s="47">
        <v>73.099999999999994</v>
      </c>
    </row>
    <row r="4307" spans="1:25" x14ac:dyDescent="0.2">
      <c r="B4307" s="77"/>
      <c r="C4307" s="39" t="s">
        <v>53</v>
      </c>
      <c r="D4307" s="45">
        <v>269</v>
      </c>
      <c r="E4307" s="46">
        <v>14.9</v>
      </c>
      <c r="F4307" s="46">
        <v>3.3</v>
      </c>
      <c r="G4307" s="46">
        <v>13.8</v>
      </c>
      <c r="H4307" s="47">
        <v>68</v>
      </c>
    </row>
    <row r="4308" spans="1:25" ht="21.6" x14ac:dyDescent="0.2">
      <c r="B4308" s="77"/>
      <c r="C4308" s="39" t="s">
        <v>54</v>
      </c>
      <c r="D4308" s="45">
        <v>511</v>
      </c>
      <c r="E4308" s="46">
        <v>30.1</v>
      </c>
      <c r="F4308" s="46">
        <v>2.7</v>
      </c>
      <c r="G4308" s="46">
        <v>11.5</v>
      </c>
      <c r="H4308" s="47">
        <v>55.6</v>
      </c>
    </row>
    <row r="4309" spans="1:25" ht="21.6" x14ac:dyDescent="0.2">
      <c r="B4309" s="77"/>
      <c r="C4309" s="39" t="s">
        <v>55</v>
      </c>
      <c r="D4309" s="45">
        <v>615</v>
      </c>
      <c r="E4309" s="46">
        <v>48</v>
      </c>
      <c r="F4309" s="46">
        <v>0.7</v>
      </c>
      <c r="G4309" s="46">
        <v>15</v>
      </c>
      <c r="H4309" s="47">
        <v>36.4</v>
      </c>
    </row>
    <row r="4310" spans="1:25" ht="21.6" x14ac:dyDescent="0.2">
      <c r="B4310" s="77"/>
      <c r="C4310" s="39" t="s">
        <v>56</v>
      </c>
      <c r="D4310" s="45">
        <v>800</v>
      </c>
      <c r="E4310" s="46">
        <v>70.8</v>
      </c>
      <c r="F4310" s="46">
        <v>1.9</v>
      </c>
      <c r="G4310" s="46">
        <v>11.9</v>
      </c>
      <c r="H4310" s="47">
        <v>15.5</v>
      </c>
    </row>
    <row r="4311" spans="1:25" x14ac:dyDescent="0.2">
      <c r="B4311" s="77"/>
      <c r="C4311" s="40" t="s">
        <v>57</v>
      </c>
      <c r="D4311" s="48">
        <v>798</v>
      </c>
      <c r="E4311" s="49">
        <v>0</v>
      </c>
      <c r="F4311" s="49">
        <v>2.9</v>
      </c>
      <c r="G4311" s="49">
        <v>16.3</v>
      </c>
      <c r="H4311" s="50">
        <v>80.8</v>
      </c>
    </row>
    <row r="4312" spans="1:25" x14ac:dyDescent="0.2">
      <c r="B4312" s="7" t="s">
        <v>71</v>
      </c>
      <c r="C4312" s="4" t="s">
        <v>194</v>
      </c>
    </row>
    <row r="4313" spans="1:25" x14ac:dyDescent="0.2">
      <c r="B4313" s="4"/>
      <c r="C4313" s="4" t="s">
        <v>73</v>
      </c>
    </row>
    <row r="4315" spans="1:25" x14ac:dyDescent="0.2">
      <c r="C4315" t="s">
        <v>35</v>
      </c>
    </row>
    <row r="4316" spans="1:25" x14ac:dyDescent="0.2">
      <c r="B4316" s="75" t="s">
        <v>341</v>
      </c>
      <c r="C4316" s="76"/>
      <c r="D4316" s="76"/>
      <c r="E4316" s="76"/>
      <c r="F4316" s="76"/>
      <c r="G4316" s="76"/>
      <c r="H4316" s="76"/>
      <c r="I4316" s="76"/>
      <c r="J4316" s="76"/>
      <c r="K4316" s="76"/>
      <c r="L4316" s="76"/>
      <c r="M4316" s="76"/>
      <c r="N4316" s="76"/>
      <c r="O4316" s="76"/>
      <c r="P4316" s="76"/>
      <c r="Q4316" s="76"/>
      <c r="R4316" s="76"/>
      <c r="S4316" s="76"/>
      <c r="T4316" s="76"/>
      <c r="U4316" s="76"/>
      <c r="V4316" s="76"/>
      <c r="W4316" s="76"/>
      <c r="X4316" s="76"/>
      <c r="Y4316" s="76"/>
    </row>
    <row r="4317" spans="1:25" s="32" customFormat="1" ht="79.650000000000006" customHeight="1" x14ac:dyDescent="0.15">
      <c r="A4317" s="31"/>
      <c r="D4317" s="33" t="s">
        <v>378</v>
      </c>
      <c r="E4317" s="36" t="s">
        <v>583</v>
      </c>
      <c r="F4317" s="55" t="s">
        <v>584</v>
      </c>
      <c r="G4317" s="55" t="s">
        <v>585</v>
      </c>
      <c r="H4317" s="37" t="s">
        <v>586</v>
      </c>
      <c r="I4317" s="35" t="s">
        <v>381</v>
      </c>
    </row>
    <row r="4318" spans="1:25" ht="21.6" x14ac:dyDescent="0.2">
      <c r="B4318" s="77" t="s">
        <v>37</v>
      </c>
      <c r="C4318" s="38" t="s">
        <v>58</v>
      </c>
      <c r="D4318" s="51">
        <v>609</v>
      </c>
      <c r="E4318" s="52">
        <v>92.9</v>
      </c>
      <c r="F4318" s="52">
        <v>7.1</v>
      </c>
      <c r="G4318" s="52">
        <v>0</v>
      </c>
      <c r="H4318" s="53">
        <v>0</v>
      </c>
    </row>
    <row r="4319" spans="1:25" ht="21.6" x14ac:dyDescent="0.2">
      <c r="B4319" s="77"/>
      <c r="C4319" s="39" t="s">
        <v>59</v>
      </c>
      <c r="D4319" s="45">
        <v>1391</v>
      </c>
      <c r="E4319" s="46">
        <v>0</v>
      </c>
      <c r="F4319" s="46">
        <v>0</v>
      </c>
      <c r="G4319" s="46">
        <v>19.399999999999999</v>
      </c>
      <c r="H4319" s="47">
        <v>80.599999999999994</v>
      </c>
    </row>
    <row r="4320" spans="1:25" x14ac:dyDescent="0.2">
      <c r="B4320" s="77"/>
      <c r="C4320" s="39" t="s">
        <v>60</v>
      </c>
      <c r="D4320" s="45">
        <v>1325</v>
      </c>
      <c r="E4320" s="46">
        <v>27.5</v>
      </c>
      <c r="F4320" s="46">
        <v>2.1</v>
      </c>
      <c r="G4320" s="46">
        <v>13.5</v>
      </c>
      <c r="H4320" s="47">
        <v>56.8</v>
      </c>
    </row>
    <row r="4321" spans="2:8" x14ac:dyDescent="0.2">
      <c r="B4321" s="77"/>
      <c r="C4321" s="39" t="s">
        <v>61</v>
      </c>
      <c r="D4321" s="45">
        <v>675</v>
      </c>
      <c r="E4321" s="46">
        <v>29.8</v>
      </c>
      <c r="F4321" s="46">
        <v>2.2000000000000002</v>
      </c>
      <c r="G4321" s="46">
        <v>13.5</v>
      </c>
      <c r="H4321" s="47">
        <v>54.5</v>
      </c>
    </row>
    <row r="4322" spans="2:8" x14ac:dyDescent="0.2">
      <c r="B4322" s="77"/>
      <c r="C4322" s="39" t="s">
        <v>62</v>
      </c>
      <c r="D4322" s="45">
        <v>1086</v>
      </c>
      <c r="E4322" s="46">
        <v>32</v>
      </c>
      <c r="F4322" s="46">
        <v>2.2999999999999998</v>
      </c>
      <c r="G4322" s="46">
        <v>14.9</v>
      </c>
      <c r="H4322" s="47">
        <v>50.8</v>
      </c>
    </row>
    <row r="4323" spans="2:8" ht="21.6" x14ac:dyDescent="0.2">
      <c r="B4323" s="77"/>
      <c r="C4323" s="39" t="s">
        <v>63</v>
      </c>
      <c r="D4323" s="45">
        <v>203</v>
      </c>
      <c r="E4323" s="46">
        <v>37.4</v>
      </c>
      <c r="F4323" s="46">
        <v>5.9</v>
      </c>
      <c r="G4323" s="46">
        <v>4.9000000000000004</v>
      </c>
      <c r="H4323" s="47">
        <v>51.7</v>
      </c>
    </row>
    <row r="4324" spans="2:8" x14ac:dyDescent="0.2">
      <c r="B4324" s="77"/>
      <c r="C4324" s="39" t="s">
        <v>64</v>
      </c>
      <c r="D4324" s="45">
        <v>263</v>
      </c>
      <c r="E4324" s="46">
        <v>37.299999999999997</v>
      </c>
      <c r="F4324" s="46">
        <v>2.2999999999999998</v>
      </c>
      <c r="G4324" s="46">
        <v>6.1</v>
      </c>
      <c r="H4324" s="47">
        <v>54.4</v>
      </c>
    </row>
    <row r="4325" spans="2:8" x14ac:dyDescent="0.2">
      <c r="B4325" s="77"/>
      <c r="C4325" s="39" t="s">
        <v>65</v>
      </c>
      <c r="D4325" s="45">
        <v>312</v>
      </c>
      <c r="E4325" s="46">
        <v>31.1</v>
      </c>
      <c r="F4325" s="46">
        <v>1.9</v>
      </c>
      <c r="G4325" s="46">
        <v>15.7</v>
      </c>
      <c r="H4325" s="47">
        <v>51.3</v>
      </c>
    </row>
    <row r="4326" spans="2:8" x14ac:dyDescent="0.2">
      <c r="B4326" s="77"/>
      <c r="C4326" s="39" t="s">
        <v>66</v>
      </c>
      <c r="D4326" s="45">
        <v>230</v>
      </c>
      <c r="E4326" s="46">
        <v>27.4</v>
      </c>
      <c r="F4326" s="46">
        <v>0.4</v>
      </c>
      <c r="G4326" s="46">
        <v>28.3</v>
      </c>
      <c r="H4326" s="47">
        <v>43.9</v>
      </c>
    </row>
    <row r="4327" spans="2:8" x14ac:dyDescent="0.2">
      <c r="B4327" s="77"/>
      <c r="C4327" s="39" t="s">
        <v>67</v>
      </c>
      <c r="D4327" s="45">
        <v>78</v>
      </c>
      <c r="E4327" s="46">
        <v>16.7</v>
      </c>
      <c r="F4327" s="46">
        <v>0</v>
      </c>
      <c r="G4327" s="46">
        <v>28.2</v>
      </c>
      <c r="H4327" s="47">
        <v>55.1</v>
      </c>
    </row>
    <row r="4328" spans="2:8" x14ac:dyDescent="0.2">
      <c r="B4328" s="77"/>
      <c r="C4328" s="39" t="s">
        <v>68</v>
      </c>
      <c r="D4328" s="45">
        <v>897</v>
      </c>
      <c r="E4328" s="46">
        <v>35.6</v>
      </c>
      <c r="F4328" s="46">
        <v>2.1</v>
      </c>
      <c r="G4328" s="46">
        <v>14.7</v>
      </c>
      <c r="H4328" s="47">
        <v>47.6</v>
      </c>
    </row>
    <row r="4329" spans="2:8" x14ac:dyDescent="0.2">
      <c r="B4329" s="77"/>
      <c r="C4329" s="39" t="s">
        <v>69</v>
      </c>
      <c r="D4329" s="45">
        <v>189</v>
      </c>
      <c r="E4329" s="46">
        <v>14.8</v>
      </c>
      <c r="F4329" s="46">
        <v>3.2</v>
      </c>
      <c r="G4329" s="46">
        <v>15.9</v>
      </c>
      <c r="H4329" s="47">
        <v>66.099999999999994</v>
      </c>
    </row>
    <row r="4330" spans="2:8" x14ac:dyDescent="0.2">
      <c r="B4330" s="77"/>
      <c r="C4330" s="39" t="s">
        <v>70</v>
      </c>
      <c r="D4330" s="45">
        <v>914</v>
      </c>
      <c r="E4330" s="46">
        <v>24</v>
      </c>
      <c r="F4330" s="46">
        <v>2</v>
      </c>
      <c r="G4330" s="46">
        <v>11.8</v>
      </c>
      <c r="H4330" s="47">
        <v>62.3</v>
      </c>
    </row>
    <row r="4331" spans="2:8" ht="21.6" x14ac:dyDescent="0.2">
      <c r="B4331" s="77"/>
      <c r="C4331" s="39" t="s">
        <v>63</v>
      </c>
      <c r="D4331" s="45">
        <v>193</v>
      </c>
      <c r="E4331" s="46">
        <v>36.299999999999997</v>
      </c>
      <c r="F4331" s="46">
        <v>2.1</v>
      </c>
      <c r="G4331" s="46">
        <v>5.7</v>
      </c>
      <c r="H4331" s="47">
        <v>56</v>
      </c>
    </row>
    <row r="4332" spans="2:8" x14ac:dyDescent="0.2">
      <c r="B4332" s="77"/>
      <c r="C4332" s="39" t="s">
        <v>64</v>
      </c>
      <c r="D4332" s="45">
        <v>203</v>
      </c>
      <c r="E4332" s="46">
        <v>31</v>
      </c>
      <c r="F4332" s="46">
        <v>3</v>
      </c>
      <c r="G4332" s="46">
        <v>9.9</v>
      </c>
      <c r="H4332" s="47">
        <v>56.2</v>
      </c>
    </row>
    <row r="4333" spans="2:8" x14ac:dyDescent="0.2">
      <c r="B4333" s="77"/>
      <c r="C4333" s="39" t="s">
        <v>65</v>
      </c>
      <c r="D4333" s="45">
        <v>263</v>
      </c>
      <c r="E4333" s="46">
        <v>19</v>
      </c>
      <c r="F4333" s="46">
        <v>2.2999999999999998</v>
      </c>
      <c r="G4333" s="46">
        <v>12.5</v>
      </c>
      <c r="H4333" s="47">
        <v>66.2</v>
      </c>
    </row>
    <row r="4334" spans="2:8" x14ac:dyDescent="0.2">
      <c r="B4334" s="77"/>
      <c r="C4334" s="39" t="s">
        <v>66</v>
      </c>
      <c r="D4334" s="45">
        <v>194</v>
      </c>
      <c r="E4334" s="46">
        <v>16</v>
      </c>
      <c r="F4334" s="46">
        <v>0.5</v>
      </c>
      <c r="G4334" s="46">
        <v>16.5</v>
      </c>
      <c r="H4334" s="47">
        <v>67</v>
      </c>
    </row>
    <row r="4335" spans="2:8" x14ac:dyDescent="0.2">
      <c r="B4335" s="77"/>
      <c r="C4335" s="39" t="s">
        <v>67</v>
      </c>
      <c r="D4335" s="45">
        <v>61</v>
      </c>
      <c r="E4335" s="46">
        <v>8.1999999999999993</v>
      </c>
      <c r="F4335" s="46">
        <v>1.6</v>
      </c>
      <c r="G4335" s="46">
        <v>19.7</v>
      </c>
      <c r="H4335" s="47">
        <v>70.5</v>
      </c>
    </row>
    <row r="4336" spans="2:8" x14ac:dyDescent="0.2">
      <c r="B4336" s="77"/>
      <c r="C4336" s="39" t="s">
        <v>68</v>
      </c>
      <c r="D4336" s="45">
        <v>416</v>
      </c>
      <c r="E4336" s="46">
        <v>34.4</v>
      </c>
      <c r="F4336" s="46">
        <v>1.9</v>
      </c>
      <c r="G4336" s="46">
        <v>8.6999999999999993</v>
      </c>
      <c r="H4336" s="47">
        <v>55</v>
      </c>
    </row>
    <row r="4337" spans="1:25" x14ac:dyDescent="0.2">
      <c r="B4337" s="77"/>
      <c r="C4337" s="40" t="s">
        <v>69</v>
      </c>
      <c r="D4337" s="48">
        <v>498</v>
      </c>
      <c r="E4337" s="49">
        <v>15.3</v>
      </c>
      <c r="F4337" s="49">
        <v>2</v>
      </c>
      <c r="G4337" s="49">
        <v>14.5</v>
      </c>
      <c r="H4337" s="50">
        <v>68.3</v>
      </c>
    </row>
    <row r="4338" spans="1:25" x14ac:dyDescent="0.2">
      <c r="B4338" s="7" t="s">
        <v>71</v>
      </c>
      <c r="C4338" s="4" t="s">
        <v>194</v>
      </c>
    </row>
    <row r="4339" spans="1:25" x14ac:dyDescent="0.2">
      <c r="B4339" s="4"/>
      <c r="C4339" s="4" t="s">
        <v>73</v>
      </c>
    </row>
    <row r="4341" spans="1:25" x14ac:dyDescent="0.2">
      <c r="A4341" s="26" t="s">
        <v>25</v>
      </c>
      <c r="B4341" t="s">
        <v>35</v>
      </c>
      <c r="C4341" t="s">
        <v>35</v>
      </c>
    </row>
    <row r="4342" spans="1:25" x14ac:dyDescent="0.2">
      <c r="B4342" s="75" t="s">
        <v>195</v>
      </c>
      <c r="C4342" s="76"/>
      <c r="D4342" s="76"/>
      <c r="E4342" s="76"/>
      <c r="F4342" s="76"/>
      <c r="G4342" s="76"/>
      <c r="H4342" s="76"/>
      <c r="I4342" s="76"/>
      <c r="J4342" s="76"/>
      <c r="K4342" s="76"/>
      <c r="L4342" s="76"/>
      <c r="M4342" s="76"/>
      <c r="N4342" s="76"/>
      <c r="O4342" s="76"/>
      <c r="P4342" s="76"/>
      <c r="Q4342" s="76"/>
      <c r="R4342" s="76"/>
      <c r="S4342" s="76"/>
      <c r="T4342" s="76"/>
      <c r="U4342" s="76"/>
      <c r="V4342" s="76"/>
      <c r="W4342" s="76"/>
      <c r="X4342" s="76"/>
      <c r="Y4342" s="76"/>
    </row>
    <row r="4343" spans="1:25" s="32" customFormat="1" ht="36.450000000000003" customHeight="1" x14ac:dyDescent="0.15">
      <c r="A4343" s="31"/>
      <c r="D4343" s="33" t="s">
        <v>378</v>
      </c>
      <c r="E4343" s="36" t="s">
        <v>587</v>
      </c>
      <c r="F4343" s="37" t="s">
        <v>588</v>
      </c>
      <c r="G4343" s="35" t="s">
        <v>381</v>
      </c>
    </row>
    <row r="4344" spans="1:25" x14ac:dyDescent="0.2">
      <c r="B4344" s="5"/>
      <c r="C4344" s="41" t="s">
        <v>38</v>
      </c>
      <c r="D4344" s="42">
        <v>2000</v>
      </c>
      <c r="E4344" s="43">
        <v>30.5</v>
      </c>
      <c r="F4344" s="44">
        <v>69.599999999999994</v>
      </c>
    </row>
    <row r="4345" spans="1:25" x14ac:dyDescent="0.2">
      <c r="B4345" s="77" t="s">
        <v>37</v>
      </c>
      <c r="C4345" s="39" t="s">
        <v>39</v>
      </c>
      <c r="D4345" s="45">
        <v>111</v>
      </c>
      <c r="E4345" s="46">
        <v>28.8</v>
      </c>
      <c r="F4345" s="47">
        <v>71.2</v>
      </c>
    </row>
    <row r="4346" spans="1:25" x14ac:dyDescent="0.2">
      <c r="B4346" s="77"/>
      <c r="C4346" s="39" t="s">
        <v>40</v>
      </c>
      <c r="D4346" s="45">
        <v>450</v>
      </c>
      <c r="E4346" s="46">
        <v>37.799999999999997</v>
      </c>
      <c r="F4346" s="47">
        <v>62.2</v>
      </c>
    </row>
    <row r="4347" spans="1:25" ht="21.6" x14ac:dyDescent="0.2">
      <c r="B4347" s="77"/>
      <c r="C4347" s="39" t="s">
        <v>41</v>
      </c>
      <c r="D4347" s="45">
        <v>30</v>
      </c>
      <c r="E4347" s="46">
        <v>36.700000000000003</v>
      </c>
      <c r="F4347" s="47">
        <v>63.3</v>
      </c>
    </row>
    <row r="4348" spans="1:25" ht="21.6" x14ac:dyDescent="0.2">
      <c r="B4348" s="77"/>
      <c r="C4348" s="39" t="s">
        <v>42</v>
      </c>
      <c r="D4348" s="45">
        <v>336</v>
      </c>
      <c r="E4348" s="46">
        <v>36.299999999999997</v>
      </c>
      <c r="F4348" s="47">
        <v>63.7</v>
      </c>
    </row>
    <row r="4349" spans="1:25" ht="21.6" x14ac:dyDescent="0.2">
      <c r="B4349" s="77"/>
      <c r="C4349" s="39" t="s">
        <v>43</v>
      </c>
      <c r="D4349" s="45">
        <v>327</v>
      </c>
      <c r="E4349" s="46">
        <v>27.2</v>
      </c>
      <c r="F4349" s="47">
        <v>72.8</v>
      </c>
    </row>
    <row r="4350" spans="1:25" ht="21.6" x14ac:dyDescent="0.2">
      <c r="B4350" s="77"/>
      <c r="C4350" s="39" t="s">
        <v>44</v>
      </c>
      <c r="D4350" s="45">
        <v>181</v>
      </c>
      <c r="E4350" s="46">
        <v>42</v>
      </c>
      <c r="F4350" s="47">
        <v>58</v>
      </c>
    </row>
    <row r="4351" spans="1:25" ht="21.6" x14ac:dyDescent="0.2">
      <c r="B4351" s="77"/>
      <c r="C4351" s="39" t="s">
        <v>45</v>
      </c>
      <c r="D4351" s="45">
        <v>565</v>
      </c>
      <c r="E4351" s="46">
        <v>19.3</v>
      </c>
      <c r="F4351" s="47">
        <v>80.7</v>
      </c>
    </row>
    <row r="4352" spans="1:25" ht="21.6" x14ac:dyDescent="0.2">
      <c r="B4352" s="77"/>
      <c r="C4352" s="39" t="s">
        <v>46</v>
      </c>
      <c r="D4352" s="45">
        <v>473</v>
      </c>
      <c r="E4352" s="46">
        <v>26</v>
      </c>
      <c r="F4352" s="47">
        <v>74</v>
      </c>
    </row>
    <row r="4353" spans="1:25" ht="21.6" x14ac:dyDescent="0.2">
      <c r="B4353" s="77"/>
      <c r="C4353" s="39" t="s">
        <v>47</v>
      </c>
      <c r="D4353" s="45">
        <v>441</v>
      </c>
      <c r="E4353" s="46">
        <v>33.1</v>
      </c>
      <c r="F4353" s="47">
        <v>66.900000000000006</v>
      </c>
    </row>
    <row r="4354" spans="1:25" ht="21.6" x14ac:dyDescent="0.2">
      <c r="B4354" s="77"/>
      <c r="C4354" s="39" t="s">
        <v>48</v>
      </c>
      <c r="D4354" s="45">
        <v>305</v>
      </c>
      <c r="E4354" s="46">
        <v>36.700000000000003</v>
      </c>
      <c r="F4354" s="47">
        <v>63.3</v>
      </c>
    </row>
    <row r="4355" spans="1:25" ht="21.6" x14ac:dyDescent="0.2">
      <c r="B4355" s="77"/>
      <c r="C4355" s="39" t="s">
        <v>49</v>
      </c>
      <c r="D4355" s="45">
        <v>223</v>
      </c>
      <c r="E4355" s="46">
        <v>30.5</v>
      </c>
      <c r="F4355" s="47">
        <v>69.5</v>
      </c>
    </row>
    <row r="4356" spans="1:25" ht="21.6" x14ac:dyDescent="0.2">
      <c r="B4356" s="77"/>
      <c r="C4356" s="39" t="s">
        <v>50</v>
      </c>
      <c r="D4356" s="45">
        <v>123</v>
      </c>
      <c r="E4356" s="46">
        <v>34.1</v>
      </c>
      <c r="F4356" s="47">
        <v>65.900000000000006</v>
      </c>
    </row>
    <row r="4357" spans="1:25" ht="21.6" x14ac:dyDescent="0.2">
      <c r="B4357" s="77"/>
      <c r="C4357" s="39" t="s">
        <v>51</v>
      </c>
      <c r="D4357" s="45">
        <v>124</v>
      </c>
      <c r="E4357" s="46">
        <v>25.8</v>
      </c>
      <c r="F4357" s="47">
        <v>74.2</v>
      </c>
    </row>
    <row r="4358" spans="1:25" ht="21.6" x14ac:dyDescent="0.2">
      <c r="B4358" s="77"/>
      <c r="C4358" s="39" t="s">
        <v>52</v>
      </c>
      <c r="D4358" s="45">
        <v>312</v>
      </c>
      <c r="E4358" s="46">
        <v>10.6</v>
      </c>
      <c r="F4358" s="47">
        <v>89.4</v>
      </c>
    </row>
    <row r="4359" spans="1:25" x14ac:dyDescent="0.2">
      <c r="B4359" s="77"/>
      <c r="C4359" s="39" t="s">
        <v>53</v>
      </c>
      <c r="D4359" s="45">
        <v>269</v>
      </c>
      <c r="E4359" s="46">
        <v>18.2</v>
      </c>
      <c r="F4359" s="47">
        <v>81.8</v>
      </c>
    </row>
    <row r="4360" spans="1:25" ht="21.6" x14ac:dyDescent="0.2">
      <c r="B4360" s="77"/>
      <c r="C4360" s="39" t="s">
        <v>54</v>
      </c>
      <c r="D4360" s="45">
        <v>511</v>
      </c>
      <c r="E4360" s="46">
        <v>32.9</v>
      </c>
      <c r="F4360" s="47">
        <v>67.099999999999994</v>
      </c>
    </row>
    <row r="4361" spans="1:25" ht="21.6" x14ac:dyDescent="0.2">
      <c r="B4361" s="77"/>
      <c r="C4361" s="39" t="s">
        <v>55</v>
      </c>
      <c r="D4361" s="45">
        <v>615</v>
      </c>
      <c r="E4361" s="46">
        <v>48.6</v>
      </c>
      <c r="F4361" s="47">
        <v>51.4</v>
      </c>
    </row>
    <row r="4362" spans="1:25" ht="21.6" x14ac:dyDescent="0.2">
      <c r="B4362" s="77"/>
      <c r="C4362" s="39" t="s">
        <v>56</v>
      </c>
      <c r="D4362" s="45">
        <v>800</v>
      </c>
      <c r="E4362" s="46">
        <v>72.599999999999994</v>
      </c>
      <c r="F4362" s="47">
        <v>27.4</v>
      </c>
    </row>
    <row r="4363" spans="1:25" x14ac:dyDescent="0.2">
      <c r="B4363" s="77"/>
      <c r="C4363" s="40" t="s">
        <v>57</v>
      </c>
      <c r="D4363" s="48">
        <v>798</v>
      </c>
      <c r="E4363" s="49">
        <v>2.9</v>
      </c>
      <c r="F4363" s="50">
        <v>97.1</v>
      </c>
    </row>
    <row r="4365" spans="1:25" x14ac:dyDescent="0.2">
      <c r="C4365" t="s">
        <v>35</v>
      </c>
    </row>
    <row r="4366" spans="1:25" x14ac:dyDescent="0.2">
      <c r="B4366" s="75" t="s">
        <v>342</v>
      </c>
      <c r="C4366" s="76"/>
      <c r="D4366" s="76"/>
      <c r="E4366" s="76"/>
      <c r="F4366" s="76"/>
      <c r="G4366" s="76"/>
      <c r="H4366" s="76"/>
      <c r="I4366" s="76"/>
      <c r="J4366" s="76"/>
      <c r="K4366" s="76"/>
      <c r="L4366" s="76"/>
      <c r="M4366" s="76"/>
      <c r="N4366" s="76"/>
      <c r="O4366" s="76"/>
      <c r="P4366" s="76"/>
      <c r="Q4366" s="76"/>
      <c r="R4366" s="76"/>
      <c r="S4366" s="76"/>
      <c r="T4366" s="76"/>
      <c r="U4366" s="76"/>
      <c r="V4366" s="76"/>
      <c r="W4366" s="76"/>
      <c r="X4366" s="76"/>
      <c r="Y4366" s="76"/>
    </row>
    <row r="4367" spans="1:25" s="32" customFormat="1" ht="36.450000000000003" customHeight="1" x14ac:dyDescent="0.15">
      <c r="A4367" s="31"/>
      <c r="D4367" s="33" t="s">
        <v>378</v>
      </c>
      <c r="E4367" s="36" t="s">
        <v>587</v>
      </c>
      <c r="F4367" s="37" t="s">
        <v>588</v>
      </c>
      <c r="G4367" s="35" t="s">
        <v>381</v>
      </c>
    </row>
    <row r="4368" spans="1:25" ht="21.6" x14ac:dyDescent="0.2">
      <c r="B4368" s="77" t="s">
        <v>37</v>
      </c>
      <c r="C4368" s="38" t="s">
        <v>58</v>
      </c>
      <c r="D4368" s="51">
        <v>609</v>
      </c>
      <c r="E4368" s="52">
        <v>100</v>
      </c>
      <c r="F4368" s="53">
        <v>0</v>
      </c>
    </row>
    <row r="4369" spans="2:6" ht="21.6" x14ac:dyDescent="0.2">
      <c r="B4369" s="77"/>
      <c r="C4369" s="39" t="s">
        <v>59</v>
      </c>
      <c r="D4369" s="45">
        <v>1391</v>
      </c>
      <c r="E4369" s="46">
        <v>0</v>
      </c>
      <c r="F4369" s="47">
        <v>100</v>
      </c>
    </row>
    <row r="4370" spans="2:6" x14ac:dyDescent="0.2">
      <c r="B4370" s="77"/>
      <c r="C4370" s="39" t="s">
        <v>60</v>
      </c>
      <c r="D4370" s="45">
        <v>1325</v>
      </c>
      <c r="E4370" s="46">
        <v>29.7</v>
      </c>
      <c r="F4370" s="47">
        <v>70.3</v>
      </c>
    </row>
    <row r="4371" spans="2:6" x14ac:dyDescent="0.2">
      <c r="B4371" s="77"/>
      <c r="C4371" s="39" t="s">
        <v>61</v>
      </c>
      <c r="D4371" s="45">
        <v>675</v>
      </c>
      <c r="E4371" s="46">
        <v>32</v>
      </c>
      <c r="F4371" s="47">
        <v>68</v>
      </c>
    </row>
    <row r="4372" spans="2:6" x14ac:dyDescent="0.2">
      <c r="B4372" s="77"/>
      <c r="C4372" s="39" t="s">
        <v>62</v>
      </c>
      <c r="D4372" s="45">
        <v>1086</v>
      </c>
      <c r="E4372" s="46">
        <v>34.299999999999997</v>
      </c>
      <c r="F4372" s="47">
        <v>65.7</v>
      </c>
    </row>
    <row r="4373" spans="2:6" ht="21.6" x14ac:dyDescent="0.2">
      <c r="B4373" s="77"/>
      <c r="C4373" s="39" t="s">
        <v>63</v>
      </c>
      <c r="D4373" s="45">
        <v>203</v>
      </c>
      <c r="E4373" s="46">
        <v>43.3</v>
      </c>
      <c r="F4373" s="47">
        <v>56.7</v>
      </c>
    </row>
    <row r="4374" spans="2:6" x14ac:dyDescent="0.2">
      <c r="B4374" s="77"/>
      <c r="C4374" s="39" t="s">
        <v>64</v>
      </c>
      <c r="D4374" s="45">
        <v>263</v>
      </c>
      <c r="E4374" s="46">
        <v>39.5</v>
      </c>
      <c r="F4374" s="47">
        <v>60.5</v>
      </c>
    </row>
    <row r="4375" spans="2:6" x14ac:dyDescent="0.2">
      <c r="B4375" s="77"/>
      <c r="C4375" s="39" t="s">
        <v>65</v>
      </c>
      <c r="D4375" s="45">
        <v>312</v>
      </c>
      <c r="E4375" s="46">
        <v>33</v>
      </c>
      <c r="F4375" s="47">
        <v>67</v>
      </c>
    </row>
    <row r="4376" spans="2:6" x14ac:dyDescent="0.2">
      <c r="B4376" s="77"/>
      <c r="C4376" s="39" t="s">
        <v>66</v>
      </c>
      <c r="D4376" s="45">
        <v>230</v>
      </c>
      <c r="E4376" s="46">
        <v>27.8</v>
      </c>
      <c r="F4376" s="47">
        <v>72.2</v>
      </c>
    </row>
    <row r="4377" spans="2:6" x14ac:dyDescent="0.2">
      <c r="B4377" s="77"/>
      <c r="C4377" s="39" t="s">
        <v>67</v>
      </c>
      <c r="D4377" s="45">
        <v>78</v>
      </c>
      <c r="E4377" s="46">
        <v>16.7</v>
      </c>
      <c r="F4377" s="47">
        <v>83.3</v>
      </c>
    </row>
    <row r="4378" spans="2:6" x14ac:dyDescent="0.2">
      <c r="B4378" s="77"/>
      <c r="C4378" s="39" t="s">
        <v>68</v>
      </c>
      <c r="D4378" s="45">
        <v>897</v>
      </c>
      <c r="E4378" s="46">
        <v>37.700000000000003</v>
      </c>
      <c r="F4378" s="47">
        <v>62.3</v>
      </c>
    </row>
    <row r="4379" spans="2:6" x14ac:dyDescent="0.2">
      <c r="B4379" s="77"/>
      <c r="C4379" s="39" t="s">
        <v>69</v>
      </c>
      <c r="D4379" s="45">
        <v>189</v>
      </c>
      <c r="E4379" s="46">
        <v>18</v>
      </c>
      <c r="F4379" s="47">
        <v>82</v>
      </c>
    </row>
    <row r="4380" spans="2:6" x14ac:dyDescent="0.2">
      <c r="B4380" s="77"/>
      <c r="C4380" s="39" t="s">
        <v>70</v>
      </c>
      <c r="D4380" s="45">
        <v>914</v>
      </c>
      <c r="E4380" s="46">
        <v>25.9</v>
      </c>
      <c r="F4380" s="47">
        <v>74.099999999999994</v>
      </c>
    </row>
    <row r="4381" spans="2:6" ht="21.6" x14ac:dyDescent="0.2">
      <c r="B4381" s="77"/>
      <c r="C4381" s="39" t="s">
        <v>63</v>
      </c>
      <c r="D4381" s="45">
        <v>193</v>
      </c>
      <c r="E4381" s="46">
        <v>38.299999999999997</v>
      </c>
      <c r="F4381" s="47">
        <v>61.7</v>
      </c>
    </row>
    <row r="4382" spans="2:6" x14ac:dyDescent="0.2">
      <c r="B4382" s="77"/>
      <c r="C4382" s="39" t="s">
        <v>64</v>
      </c>
      <c r="D4382" s="45">
        <v>203</v>
      </c>
      <c r="E4382" s="46">
        <v>34</v>
      </c>
      <c r="F4382" s="47">
        <v>66</v>
      </c>
    </row>
    <row r="4383" spans="2:6" x14ac:dyDescent="0.2">
      <c r="B4383" s="77"/>
      <c r="C4383" s="39" t="s">
        <v>65</v>
      </c>
      <c r="D4383" s="45">
        <v>263</v>
      </c>
      <c r="E4383" s="46">
        <v>21.3</v>
      </c>
      <c r="F4383" s="47">
        <v>78.7</v>
      </c>
    </row>
    <row r="4384" spans="2:6" x14ac:dyDescent="0.2">
      <c r="B4384" s="77"/>
      <c r="C4384" s="39" t="s">
        <v>66</v>
      </c>
      <c r="D4384" s="45">
        <v>194</v>
      </c>
      <c r="E4384" s="46">
        <v>16.5</v>
      </c>
      <c r="F4384" s="47">
        <v>83.5</v>
      </c>
    </row>
    <row r="4385" spans="1:25" x14ac:dyDescent="0.2">
      <c r="B4385" s="77"/>
      <c r="C4385" s="39" t="s">
        <v>67</v>
      </c>
      <c r="D4385" s="45">
        <v>61</v>
      </c>
      <c r="E4385" s="46">
        <v>9.8000000000000007</v>
      </c>
      <c r="F4385" s="47">
        <v>90.2</v>
      </c>
    </row>
    <row r="4386" spans="1:25" x14ac:dyDescent="0.2">
      <c r="B4386" s="77"/>
      <c r="C4386" s="39" t="s">
        <v>68</v>
      </c>
      <c r="D4386" s="45">
        <v>416</v>
      </c>
      <c r="E4386" s="46">
        <v>36.299999999999997</v>
      </c>
      <c r="F4386" s="47">
        <v>63.7</v>
      </c>
    </row>
    <row r="4387" spans="1:25" x14ac:dyDescent="0.2">
      <c r="B4387" s="77"/>
      <c r="C4387" s="40" t="s">
        <v>69</v>
      </c>
      <c r="D4387" s="48">
        <v>498</v>
      </c>
      <c r="E4387" s="49">
        <v>17.3</v>
      </c>
      <c r="F4387" s="50">
        <v>82.7</v>
      </c>
    </row>
    <row r="4389" spans="1:25" x14ac:dyDescent="0.2">
      <c r="A4389" s="26" t="s">
        <v>25</v>
      </c>
      <c r="B4389" t="s">
        <v>35</v>
      </c>
      <c r="C4389" t="s">
        <v>35</v>
      </c>
    </row>
    <row r="4390" spans="1:25" x14ac:dyDescent="0.2">
      <c r="B4390" s="75" t="s">
        <v>196</v>
      </c>
      <c r="C4390" s="76"/>
      <c r="D4390" s="76"/>
      <c r="E4390" s="76"/>
      <c r="F4390" s="76"/>
      <c r="G4390" s="76"/>
      <c r="H4390" s="76"/>
      <c r="I4390" s="76"/>
      <c r="J4390" s="76"/>
      <c r="K4390" s="76"/>
      <c r="L4390" s="76"/>
      <c r="M4390" s="76"/>
      <c r="N4390" s="76"/>
      <c r="O4390" s="76"/>
      <c r="P4390" s="76"/>
      <c r="Q4390" s="76"/>
      <c r="R4390" s="76"/>
      <c r="S4390" s="76"/>
      <c r="T4390" s="76"/>
      <c r="U4390" s="76"/>
      <c r="V4390" s="76"/>
      <c r="W4390" s="76"/>
      <c r="X4390" s="76"/>
      <c r="Y4390" s="76"/>
    </row>
    <row r="4391" spans="1:25" s="32" customFormat="1" ht="68.849999999999994" customHeight="1" x14ac:dyDescent="0.15">
      <c r="A4391" s="31"/>
      <c r="D4391" s="33" t="s">
        <v>378</v>
      </c>
      <c r="E4391" s="36" t="s">
        <v>589</v>
      </c>
      <c r="F4391" s="55" t="s">
        <v>590</v>
      </c>
      <c r="G4391" s="55" t="s">
        <v>591</v>
      </c>
      <c r="H4391" s="37" t="s">
        <v>480</v>
      </c>
      <c r="I4391" s="35" t="s">
        <v>381</v>
      </c>
    </row>
    <row r="4392" spans="1:25" x14ac:dyDescent="0.2">
      <c r="B4392" s="5"/>
      <c r="C4392" s="41" t="s">
        <v>38</v>
      </c>
      <c r="D4392" s="42">
        <v>1391</v>
      </c>
      <c r="E4392" s="43">
        <v>6.3</v>
      </c>
      <c r="F4392" s="43">
        <v>20.100000000000001</v>
      </c>
      <c r="G4392" s="43">
        <v>26.2</v>
      </c>
      <c r="H4392" s="44">
        <v>47.4</v>
      </c>
    </row>
    <row r="4393" spans="1:25" x14ac:dyDescent="0.2">
      <c r="B4393" s="77" t="s">
        <v>37</v>
      </c>
      <c r="C4393" s="39" t="s">
        <v>39</v>
      </c>
      <c r="D4393" s="45">
        <v>79</v>
      </c>
      <c r="E4393" s="46">
        <v>6.3</v>
      </c>
      <c r="F4393" s="46">
        <v>21.5</v>
      </c>
      <c r="G4393" s="46">
        <v>27.8</v>
      </c>
      <c r="H4393" s="47">
        <v>44.3</v>
      </c>
    </row>
    <row r="4394" spans="1:25" x14ac:dyDescent="0.2">
      <c r="B4394" s="77"/>
      <c r="C4394" s="39" t="s">
        <v>40</v>
      </c>
      <c r="D4394" s="45">
        <v>280</v>
      </c>
      <c r="E4394" s="46">
        <v>8.1999999999999993</v>
      </c>
      <c r="F4394" s="46">
        <v>23.6</v>
      </c>
      <c r="G4394" s="46">
        <v>25</v>
      </c>
      <c r="H4394" s="47">
        <v>43.2</v>
      </c>
    </row>
    <row r="4395" spans="1:25" ht="21.6" x14ac:dyDescent="0.2">
      <c r="B4395" s="77"/>
      <c r="C4395" s="39" t="s">
        <v>41</v>
      </c>
      <c r="D4395" s="45">
        <v>19</v>
      </c>
      <c r="E4395" s="46">
        <v>5.3</v>
      </c>
      <c r="F4395" s="46">
        <v>15.8</v>
      </c>
      <c r="G4395" s="46">
        <v>26.3</v>
      </c>
      <c r="H4395" s="47">
        <v>52.6</v>
      </c>
    </row>
    <row r="4396" spans="1:25" ht="21.6" x14ac:dyDescent="0.2">
      <c r="B4396" s="77"/>
      <c r="C4396" s="39" t="s">
        <v>42</v>
      </c>
      <c r="D4396" s="45">
        <v>214</v>
      </c>
      <c r="E4396" s="46">
        <v>5.0999999999999996</v>
      </c>
      <c r="F4396" s="46">
        <v>20.6</v>
      </c>
      <c r="G4396" s="46">
        <v>30.8</v>
      </c>
      <c r="H4396" s="47">
        <v>43.5</v>
      </c>
    </row>
    <row r="4397" spans="1:25" ht="21.6" x14ac:dyDescent="0.2">
      <c r="B4397" s="77"/>
      <c r="C4397" s="39" t="s">
        <v>43</v>
      </c>
      <c r="D4397" s="45">
        <v>238</v>
      </c>
      <c r="E4397" s="46">
        <v>5</v>
      </c>
      <c r="F4397" s="46">
        <v>19.3</v>
      </c>
      <c r="G4397" s="46">
        <v>25.2</v>
      </c>
      <c r="H4397" s="47">
        <v>50.4</v>
      </c>
    </row>
    <row r="4398" spans="1:25" ht="21.6" x14ac:dyDescent="0.2">
      <c r="B4398" s="77"/>
      <c r="C4398" s="39" t="s">
        <v>44</v>
      </c>
      <c r="D4398" s="45">
        <v>105</v>
      </c>
      <c r="E4398" s="46">
        <v>8.6</v>
      </c>
      <c r="F4398" s="46">
        <v>19</v>
      </c>
      <c r="G4398" s="46">
        <v>25.7</v>
      </c>
      <c r="H4398" s="47">
        <v>46.7</v>
      </c>
    </row>
    <row r="4399" spans="1:25" ht="21.6" x14ac:dyDescent="0.2">
      <c r="B4399" s="77"/>
      <c r="C4399" s="39" t="s">
        <v>45</v>
      </c>
      <c r="D4399" s="45">
        <v>456</v>
      </c>
      <c r="E4399" s="46">
        <v>5.7</v>
      </c>
      <c r="F4399" s="46">
        <v>18.399999999999999</v>
      </c>
      <c r="G4399" s="46">
        <v>25.2</v>
      </c>
      <c r="H4399" s="47">
        <v>50.7</v>
      </c>
    </row>
    <row r="4400" spans="1:25" ht="21.6" x14ac:dyDescent="0.2">
      <c r="B4400" s="77"/>
      <c r="C4400" s="39" t="s">
        <v>46</v>
      </c>
      <c r="D4400" s="45">
        <v>350</v>
      </c>
      <c r="E4400" s="46">
        <v>6.3</v>
      </c>
      <c r="F4400" s="46">
        <v>21.7</v>
      </c>
      <c r="G4400" s="46">
        <v>23.1</v>
      </c>
      <c r="H4400" s="47">
        <v>48.9</v>
      </c>
    </row>
    <row r="4401" spans="2:25" ht="21.6" x14ac:dyDescent="0.2">
      <c r="B4401" s="77"/>
      <c r="C4401" s="39" t="s">
        <v>47</v>
      </c>
      <c r="D4401" s="45">
        <v>295</v>
      </c>
      <c r="E4401" s="46">
        <v>6.8</v>
      </c>
      <c r="F4401" s="46">
        <v>23.1</v>
      </c>
      <c r="G4401" s="46">
        <v>24.4</v>
      </c>
      <c r="H4401" s="47">
        <v>45.8</v>
      </c>
    </row>
    <row r="4402" spans="2:25" ht="21.6" x14ac:dyDescent="0.2">
      <c r="B4402" s="77"/>
      <c r="C4402" s="39" t="s">
        <v>48</v>
      </c>
      <c r="D4402" s="45">
        <v>193</v>
      </c>
      <c r="E4402" s="46">
        <v>5.7</v>
      </c>
      <c r="F4402" s="46">
        <v>22.3</v>
      </c>
      <c r="G4402" s="46">
        <v>29</v>
      </c>
      <c r="H4402" s="47">
        <v>43</v>
      </c>
    </row>
    <row r="4403" spans="2:25" ht="21.6" x14ac:dyDescent="0.2">
      <c r="B4403" s="77"/>
      <c r="C4403" s="39" t="s">
        <v>49</v>
      </c>
      <c r="D4403" s="45">
        <v>155</v>
      </c>
      <c r="E4403" s="46">
        <v>7.7</v>
      </c>
      <c r="F4403" s="46">
        <v>22.6</v>
      </c>
      <c r="G4403" s="46">
        <v>28.4</v>
      </c>
      <c r="H4403" s="47">
        <v>41.3</v>
      </c>
    </row>
    <row r="4404" spans="2:25" ht="21.6" x14ac:dyDescent="0.2">
      <c r="B4404" s="77"/>
      <c r="C4404" s="39" t="s">
        <v>50</v>
      </c>
      <c r="D4404" s="45">
        <v>81</v>
      </c>
      <c r="E4404" s="46">
        <v>7.4</v>
      </c>
      <c r="F4404" s="46">
        <v>18.5</v>
      </c>
      <c r="G4404" s="46">
        <v>33.299999999999997</v>
      </c>
      <c r="H4404" s="47">
        <v>40.700000000000003</v>
      </c>
    </row>
    <row r="4405" spans="2:25" ht="21.6" x14ac:dyDescent="0.2">
      <c r="B4405" s="77"/>
      <c r="C4405" s="39" t="s">
        <v>51</v>
      </c>
      <c r="D4405" s="45">
        <v>92</v>
      </c>
      <c r="E4405" s="46">
        <v>4.3</v>
      </c>
      <c r="F4405" s="46">
        <v>16.3</v>
      </c>
      <c r="G4405" s="46">
        <v>37</v>
      </c>
      <c r="H4405" s="47">
        <v>42.4</v>
      </c>
    </row>
    <row r="4406" spans="2:25" ht="21.6" x14ac:dyDescent="0.2">
      <c r="B4406" s="77"/>
      <c r="C4406" s="39" t="s">
        <v>52</v>
      </c>
      <c r="D4406" s="45">
        <v>279</v>
      </c>
      <c r="E4406" s="46">
        <v>6.5</v>
      </c>
      <c r="F4406" s="46">
        <v>19.7</v>
      </c>
      <c r="G4406" s="46">
        <v>21.5</v>
      </c>
      <c r="H4406" s="47">
        <v>52.3</v>
      </c>
    </row>
    <row r="4407" spans="2:25" x14ac:dyDescent="0.2">
      <c r="B4407" s="77"/>
      <c r="C4407" s="39" t="s">
        <v>53</v>
      </c>
      <c r="D4407" s="45">
        <v>220</v>
      </c>
      <c r="E4407" s="46">
        <v>5.9</v>
      </c>
      <c r="F4407" s="46">
        <v>23.2</v>
      </c>
      <c r="G4407" s="46">
        <v>21.4</v>
      </c>
      <c r="H4407" s="47">
        <v>49.5</v>
      </c>
    </row>
    <row r="4408" spans="2:25" ht="21.6" x14ac:dyDescent="0.2">
      <c r="B4408" s="77"/>
      <c r="C4408" s="39" t="s">
        <v>54</v>
      </c>
      <c r="D4408" s="45">
        <v>343</v>
      </c>
      <c r="E4408" s="46">
        <v>7.3</v>
      </c>
      <c r="F4408" s="46">
        <v>22.7</v>
      </c>
      <c r="G4408" s="46">
        <v>28.3</v>
      </c>
      <c r="H4408" s="47">
        <v>41.7</v>
      </c>
    </row>
    <row r="4409" spans="2:25" ht="21.6" x14ac:dyDescent="0.2">
      <c r="B4409" s="77"/>
      <c r="C4409" s="39" t="s">
        <v>55</v>
      </c>
      <c r="D4409" s="45">
        <v>316</v>
      </c>
      <c r="E4409" s="46">
        <v>8.1999999999999993</v>
      </c>
      <c r="F4409" s="46">
        <v>22.5</v>
      </c>
      <c r="G4409" s="46">
        <v>34.200000000000003</v>
      </c>
      <c r="H4409" s="47">
        <v>35.1</v>
      </c>
    </row>
    <row r="4410" spans="2:25" ht="21.6" x14ac:dyDescent="0.2">
      <c r="B4410" s="77"/>
      <c r="C4410" s="39" t="s">
        <v>56</v>
      </c>
      <c r="D4410" s="45">
        <v>219</v>
      </c>
      <c r="E4410" s="46">
        <v>6.8</v>
      </c>
      <c r="F4410" s="46">
        <v>15.1</v>
      </c>
      <c r="G4410" s="46">
        <v>47</v>
      </c>
      <c r="H4410" s="47">
        <v>31.1</v>
      </c>
    </row>
    <row r="4411" spans="2:25" x14ac:dyDescent="0.2">
      <c r="B4411" s="77"/>
      <c r="C4411" s="40" t="s">
        <v>57</v>
      </c>
      <c r="D4411" s="48">
        <v>775</v>
      </c>
      <c r="E4411" s="49">
        <v>7.7</v>
      </c>
      <c r="F4411" s="49">
        <v>24.9</v>
      </c>
      <c r="G4411" s="49">
        <v>24</v>
      </c>
      <c r="H4411" s="50">
        <v>43.4</v>
      </c>
    </row>
    <row r="4412" spans="2:25" x14ac:dyDescent="0.2">
      <c r="B4412" s="7" t="s">
        <v>71</v>
      </c>
      <c r="C4412" s="4" t="s">
        <v>197</v>
      </c>
    </row>
    <row r="4413" spans="2:25" x14ac:dyDescent="0.2">
      <c r="B4413" s="4"/>
      <c r="C4413" s="4" t="s">
        <v>73</v>
      </c>
    </row>
    <row r="4415" spans="2:25" x14ac:dyDescent="0.2">
      <c r="C4415" t="s">
        <v>35</v>
      </c>
    </row>
    <row r="4416" spans="2:25" x14ac:dyDescent="0.2">
      <c r="B4416" s="75" t="s">
        <v>343</v>
      </c>
      <c r="C4416" s="76"/>
      <c r="D4416" s="76"/>
      <c r="E4416" s="76"/>
      <c r="F4416" s="76"/>
      <c r="G4416" s="76"/>
      <c r="H4416" s="76"/>
      <c r="I4416" s="76"/>
      <c r="J4416" s="76"/>
      <c r="K4416" s="76"/>
      <c r="L4416" s="76"/>
      <c r="M4416" s="76"/>
      <c r="N4416" s="76"/>
      <c r="O4416" s="76"/>
      <c r="P4416" s="76"/>
      <c r="Q4416" s="76"/>
      <c r="R4416" s="76"/>
      <c r="S4416" s="76"/>
      <c r="T4416" s="76"/>
      <c r="U4416" s="76"/>
      <c r="V4416" s="76"/>
      <c r="W4416" s="76"/>
      <c r="X4416" s="76"/>
      <c r="Y4416" s="76"/>
    </row>
    <row r="4417" spans="1:9" s="32" customFormat="1" ht="68.849999999999994" customHeight="1" x14ac:dyDescent="0.15">
      <c r="A4417" s="31"/>
      <c r="D4417" s="33" t="s">
        <v>378</v>
      </c>
      <c r="E4417" s="36" t="s">
        <v>589</v>
      </c>
      <c r="F4417" s="55" t="s">
        <v>590</v>
      </c>
      <c r="G4417" s="55" t="s">
        <v>591</v>
      </c>
      <c r="H4417" s="37" t="s">
        <v>480</v>
      </c>
      <c r="I4417" s="35" t="s">
        <v>381</v>
      </c>
    </row>
    <row r="4418" spans="1:9" ht="21.6" x14ac:dyDescent="0.2">
      <c r="B4418" s="77" t="s">
        <v>37</v>
      </c>
      <c r="C4418" s="38" t="s">
        <v>59</v>
      </c>
      <c r="D4418" s="51">
        <v>1391</v>
      </c>
      <c r="E4418" s="52">
        <v>6.3</v>
      </c>
      <c r="F4418" s="52">
        <v>20.100000000000001</v>
      </c>
      <c r="G4418" s="52">
        <v>26.2</v>
      </c>
      <c r="H4418" s="53">
        <v>47.4</v>
      </c>
    </row>
    <row r="4419" spans="1:9" x14ac:dyDescent="0.2">
      <c r="B4419" s="77"/>
      <c r="C4419" s="39" t="s">
        <v>60</v>
      </c>
      <c r="D4419" s="45">
        <v>932</v>
      </c>
      <c r="E4419" s="46">
        <v>6.7</v>
      </c>
      <c r="F4419" s="46">
        <v>18.8</v>
      </c>
      <c r="G4419" s="46">
        <v>27.4</v>
      </c>
      <c r="H4419" s="47">
        <v>47.2</v>
      </c>
    </row>
    <row r="4420" spans="1:9" x14ac:dyDescent="0.2">
      <c r="B4420" s="77"/>
      <c r="C4420" s="39" t="s">
        <v>61</v>
      </c>
      <c r="D4420" s="45">
        <v>459</v>
      </c>
      <c r="E4420" s="46">
        <v>5.4</v>
      </c>
      <c r="F4420" s="46">
        <v>22.9</v>
      </c>
      <c r="G4420" s="46">
        <v>24</v>
      </c>
      <c r="H4420" s="47">
        <v>47.7</v>
      </c>
    </row>
    <row r="4421" spans="1:9" x14ac:dyDescent="0.2">
      <c r="B4421" s="77"/>
      <c r="C4421" s="39" t="s">
        <v>62</v>
      </c>
      <c r="D4421" s="45">
        <v>714</v>
      </c>
      <c r="E4421" s="46">
        <v>7.4</v>
      </c>
      <c r="F4421" s="46">
        <v>21</v>
      </c>
      <c r="G4421" s="46">
        <v>28.9</v>
      </c>
      <c r="H4421" s="47">
        <v>42.7</v>
      </c>
    </row>
    <row r="4422" spans="1:9" ht="21.6" x14ac:dyDescent="0.2">
      <c r="B4422" s="77"/>
      <c r="C4422" s="39" t="s">
        <v>63</v>
      </c>
      <c r="D4422" s="45">
        <v>115</v>
      </c>
      <c r="E4422" s="46">
        <v>8.6999999999999993</v>
      </c>
      <c r="F4422" s="46">
        <v>21.7</v>
      </c>
      <c r="G4422" s="46">
        <v>25.2</v>
      </c>
      <c r="H4422" s="47">
        <v>44.3</v>
      </c>
    </row>
    <row r="4423" spans="1:9" x14ac:dyDescent="0.2">
      <c r="B4423" s="77"/>
      <c r="C4423" s="39" t="s">
        <v>64</v>
      </c>
      <c r="D4423" s="45">
        <v>159</v>
      </c>
      <c r="E4423" s="46">
        <v>8.1999999999999993</v>
      </c>
      <c r="F4423" s="46">
        <v>23.9</v>
      </c>
      <c r="G4423" s="46">
        <v>30.8</v>
      </c>
      <c r="H4423" s="47">
        <v>37.1</v>
      </c>
    </row>
    <row r="4424" spans="1:9" x14ac:dyDescent="0.2">
      <c r="B4424" s="77"/>
      <c r="C4424" s="39" t="s">
        <v>65</v>
      </c>
      <c r="D4424" s="45">
        <v>209</v>
      </c>
      <c r="E4424" s="46">
        <v>8.1</v>
      </c>
      <c r="F4424" s="46">
        <v>17.2</v>
      </c>
      <c r="G4424" s="46">
        <v>23.9</v>
      </c>
      <c r="H4424" s="47">
        <v>50.7</v>
      </c>
    </row>
    <row r="4425" spans="1:9" x14ac:dyDescent="0.2">
      <c r="B4425" s="77"/>
      <c r="C4425" s="39" t="s">
        <v>66</v>
      </c>
      <c r="D4425" s="45">
        <v>166</v>
      </c>
      <c r="E4425" s="46">
        <v>6</v>
      </c>
      <c r="F4425" s="46">
        <v>22.3</v>
      </c>
      <c r="G4425" s="46">
        <v>30.7</v>
      </c>
      <c r="H4425" s="47">
        <v>41</v>
      </c>
    </row>
    <row r="4426" spans="1:9" x14ac:dyDescent="0.2">
      <c r="B4426" s="77"/>
      <c r="C4426" s="39" t="s">
        <v>67</v>
      </c>
      <c r="D4426" s="45">
        <v>65</v>
      </c>
      <c r="E4426" s="46">
        <v>4.5999999999999996</v>
      </c>
      <c r="F4426" s="46">
        <v>21.5</v>
      </c>
      <c r="G4426" s="46">
        <v>41.5</v>
      </c>
      <c r="H4426" s="47">
        <v>32.299999999999997</v>
      </c>
    </row>
    <row r="4427" spans="1:9" x14ac:dyDescent="0.2">
      <c r="B4427" s="77"/>
      <c r="C4427" s="39" t="s">
        <v>68</v>
      </c>
      <c r="D4427" s="45">
        <v>559</v>
      </c>
      <c r="E4427" s="46">
        <v>8.1</v>
      </c>
      <c r="F4427" s="46">
        <v>20.399999999999999</v>
      </c>
      <c r="G4427" s="46">
        <v>29.3</v>
      </c>
      <c r="H4427" s="47">
        <v>42.2</v>
      </c>
    </row>
    <row r="4428" spans="1:9" x14ac:dyDescent="0.2">
      <c r="B4428" s="77"/>
      <c r="C4428" s="39" t="s">
        <v>69</v>
      </c>
      <c r="D4428" s="45">
        <v>155</v>
      </c>
      <c r="E4428" s="46">
        <v>5.2</v>
      </c>
      <c r="F4428" s="46">
        <v>23.2</v>
      </c>
      <c r="G4428" s="46">
        <v>27.1</v>
      </c>
      <c r="H4428" s="47">
        <v>44.5</v>
      </c>
    </row>
    <row r="4429" spans="1:9" x14ac:dyDescent="0.2">
      <c r="B4429" s="77"/>
      <c r="C4429" s="39" t="s">
        <v>70</v>
      </c>
      <c r="D4429" s="45">
        <v>677</v>
      </c>
      <c r="E4429" s="46">
        <v>5</v>
      </c>
      <c r="F4429" s="46">
        <v>19.2</v>
      </c>
      <c r="G4429" s="46">
        <v>23.5</v>
      </c>
      <c r="H4429" s="47">
        <v>52.3</v>
      </c>
    </row>
    <row r="4430" spans="1:9" ht="21.6" x14ac:dyDescent="0.2">
      <c r="B4430" s="77"/>
      <c r="C4430" s="39" t="s">
        <v>63</v>
      </c>
      <c r="D4430" s="45">
        <v>119</v>
      </c>
      <c r="E4430" s="46">
        <v>5.9</v>
      </c>
      <c r="F4430" s="46">
        <v>16.8</v>
      </c>
      <c r="G4430" s="46">
        <v>18.5</v>
      </c>
      <c r="H4430" s="47">
        <v>58.8</v>
      </c>
    </row>
    <row r="4431" spans="1:9" x14ac:dyDescent="0.2">
      <c r="B4431" s="77"/>
      <c r="C4431" s="39" t="s">
        <v>64</v>
      </c>
      <c r="D4431" s="45">
        <v>134</v>
      </c>
      <c r="E4431" s="46">
        <v>7.5</v>
      </c>
      <c r="F4431" s="46">
        <v>19.399999999999999</v>
      </c>
      <c r="G4431" s="46">
        <v>26.1</v>
      </c>
      <c r="H4431" s="47">
        <v>47</v>
      </c>
    </row>
    <row r="4432" spans="1:9" x14ac:dyDescent="0.2">
      <c r="B4432" s="77"/>
      <c r="C4432" s="39" t="s">
        <v>65</v>
      </c>
      <c r="D4432" s="45">
        <v>207</v>
      </c>
      <c r="E4432" s="46">
        <v>4.8</v>
      </c>
      <c r="F4432" s="46">
        <v>23.2</v>
      </c>
      <c r="G4432" s="46">
        <v>19.8</v>
      </c>
      <c r="H4432" s="47">
        <v>52.2</v>
      </c>
    </row>
    <row r="4433" spans="1:25" x14ac:dyDescent="0.2">
      <c r="B4433" s="77"/>
      <c r="C4433" s="39" t="s">
        <v>66</v>
      </c>
      <c r="D4433" s="45">
        <v>162</v>
      </c>
      <c r="E4433" s="46">
        <v>3.7</v>
      </c>
      <c r="F4433" s="46">
        <v>16.7</v>
      </c>
      <c r="G4433" s="46">
        <v>25.9</v>
      </c>
      <c r="H4433" s="47">
        <v>53.7</v>
      </c>
    </row>
    <row r="4434" spans="1:25" x14ac:dyDescent="0.2">
      <c r="B4434" s="77"/>
      <c r="C4434" s="39" t="s">
        <v>67</v>
      </c>
      <c r="D4434" s="45">
        <v>55</v>
      </c>
      <c r="E4434" s="46">
        <v>1.8</v>
      </c>
      <c r="F4434" s="46">
        <v>16.399999999999999</v>
      </c>
      <c r="G4434" s="46">
        <v>34.5</v>
      </c>
      <c r="H4434" s="47">
        <v>47.3</v>
      </c>
    </row>
    <row r="4435" spans="1:25" x14ac:dyDescent="0.2">
      <c r="B4435" s="77"/>
      <c r="C4435" s="39" t="s">
        <v>68</v>
      </c>
      <c r="D4435" s="45">
        <v>265</v>
      </c>
      <c r="E4435" s="46">
        <v>6</v>
      </c>
      <c r="F4435" s="46">
        <v>20.399999999999999</v>
      </c>
      <c r="G4435" s="46">
        <v>19.600000000000001</v>
      </c>
      <c r="H4435" s="47">
        <v>54</v>
      </c>
    </row>
    <row r="4436" spans="1:25" x14ac:dyDescent="0.2">
      <c r="B4436" s="77"/>
      <c r="C4436" s="40" t="s">
        <v>69</v>
      </c>
      <c r="D4436" s="48">
        <v>412</v>
      </c>
      <c r="E4436" s="49">
        <v>4.4000000000000004</v>
      </c>
      <c r="F4436" s="49">
        <v>18.399999999999999</v>
      </c>
      <c r="G4436" s="49">
        <v>26</v>
      </c>
      <c r="H4436" s="50">
        <v>51.2</v>
      </c>
    </row>
    <row r="4437" spans="1:25" x14ac:dyDescent="0.2">
      <c r="B4437" s="7" t="s">
        <v>71</v>
      </c>
      <c r="C4437" s="4" t="s">
        <v>197</v>
      </c>
    </row>
    <row r="4438" spans="1:25" x14ac:dyDescent="0.2">
      <c r="B4438" s="4"/>
      <c r="C4438" s="4" t="s">
        <v>73</v>
      </c>
    </row>
    <row r="4440" spans="1:25" x14ac:dyDescent="0.2">
      <c r="A4440" s="26" t="s">
        <v>25</v>
      </c>
      <c r="B4440" t="s">
        <v>35</v>
      </c>
      <c r="C4440" t="s">
        <v>35</v>
      </c>
    </row>
    <row r="4441" spans="1:25" x14ac:dyDescent="0.2">
      <c r="B4441" s="75" t="s">
        <v>198</v>
      </c>
      <c r="C4441" s="76"/>
      <c r="D4441" s="76"/>
      <c r="E4441" s="76"/>
      <c r="F4441" s="76"/>
      <c r="G4441" s="76"/>
      <c r="H4441" s="76"/>
      <c r="I4441" s="76"/>
      <c r="J4441" s="76"/>
      <c r="K4441" s="76"/>
      <c r="L4441" s="76"/>
      <c r="M4441" s="76"/>
      <c r="N4441" s="76"/>
      <c r="O4441" s="76"/>
      <c r="P4441" s="76"/>
      <c r="Q4441" s="76"/>
      <c r="R4441" s="76"/>
      <c r="S4441" s="76"/>
      <c r="T4441" s="76"/>
      <c r="U4441" s="76"/>
      <c r="V4441" s="76"/>
      <c r="W4441" s="76"/>
      <c r="X4441" s="76"/>
      <c r="Y4441" s="76"/>
    </row>
    <row r="4442" spans="1:25" s="32" customFormat="1" ht="79.650000000000006" customHeight="1" x14ac:dyDescent="0.15">
      <c r="A4442" s="31"/>
      <c r="D4442" s="33" t="s">
        <v>378</v>
      </c>
      <c r="E4442" s="36" t="s">
        <v>592</v>
      </c>
      <c r="F4442" s="55" t="s">
        <v>593</v>
      </c>
      <c r="G4442" s="55" t="s">
        <v>594</v>
      </c>
      <c r="H4442" s="55" t="s">
        <v>595</v>
      </c>
      <c r="I4442" s="37" t="s">
        <v>480</v>
      </c>
      <c r="J4442" s="35" t="s">
        <v>381</v>
      </c>
    </row>
    <row r="4443" spans="1:25" x14ac:dyDescent="0.2">
      <c r="B4443" s="5"/>
      <c r="C4443" s="41" t="s">
        <v>38</v>
      </c>
      <c r="D4443" s="42">
        <v>2000</v>
      </c>
      <c r="E4443" s="43">
        <v>17.5</v>
      </c>
      <c r="F4443" s="43">
        <v>35.700000000000003</v>
      </c>
      <c r="G4443" s="43">
        <v>16.899999999999999</v>
      </c>
      <c r="H4443" s="43">
        <v>4.5999999999999996</v>
      </c>
      <c r="I4443" s="44">
        <v>25.4</v>
      </c>
    </row>
    <row r="4444" spans="1:25" x14ac:dyDescent="0.2">
      <c r="B4444" s="77" t="s">
        <v>37</v>
      </c>
      <c r="C4444" s="39" t="s">
        <v>39</v>
      </c>
      <c r="D4444" s="45">
        <v>111</v>
      </c>
      <c r="E4444" s="46">
        <v>22.5</v>
      </c>
      <c r="F4444" s="46">
        <v>29.7</v>
      </c>
      <c r="G4444" s="46">
        <v>15.3</v>
      </c>
      <c r="H4444" s="46">
        <v>6.3</v>
      </c>
      <c r="I4444" s="47">
        <v>26.1</v>
      </c>
    </row>
    <row r="4445" spans="1:25" x14ac:dyDescent="0.2">
      <c r="B4445" s="77"/>
      <c r="C4445" s="39" t="s">
        <v>40</v>
      </c>
      <c r="D4445" s="45">
        <v>450</v>
      </c>
      <c r="E4445" s="46">
        <v>22.7</v>
      </c>
      <c r="F4445" s="46">
        <v>37.1</v>
      </c>
      <c r="G4445" s="46">
        <v>17.600000000000001</v>
      </c>
      <c r="H4445" s="46">
        <v>5.0999999999999996</v>
      </c>
      <c r="I4445" s="47">
        <v>17.600000000000001</v>
      </c>
    </row>
    <row r="4446" spans="1:25" ht="21.6" x14ac:dyDescent="0.2">
      <c r="B4446" s="77"/>
      <c r="C4446" s="39" t="s">
        <v>41</v>
      </c>
      <c r="D4446" s="45">
        <v>30</v>
      </c>
      <c r="E4446" s="46">
        <v>23.3</v>
      </c>
      <c r="F4446" s="46">
        <v>40</v>
      </c>
      <c r="G4446" s="46">
        <v>13.3</v>
      </c>
      <c r="H4446" s="46">
        <v>6.7</v>
      </c>
      <c r="I4446" s="47">
        <v>16.7</v>
      </c>
    </row>
    <row r="4447" spans="1:25" ht="21.6" x14ac:dyDescent="0.2">
      <c r="B4447" s="77"/>
      <c r="C4447" s="39" t="s">
        <v>42</v>
      </c>
      <c r="D4447" s="45">
        <v>336</v>
      </c>
      <c r="E4447" s="46">
        <v>19.3</v>
      </c>
      <c r="F4447" s="46">
        <v>37.5</v>
      </c>
      <c r="G4447" s="46">
        <v>16.100000000000001</v>
      </c>
      <c r="H4447" s="46">
        <v>4.5</v>
      </c>
      <c r="I4447" s="47">
        <v>22.6</v>
      </c>
    </row>
    <row r="4448" spans="1:25" ht="21.6" x14ac:dyDescent="0.2">
      <c r="B4448" s="77"/>
      <c r="C4448" s="39" t="s">
        <v>43</v>
      </c>
      <c r="D4448" s="45">
        <v>327</v>
      </c>
      <c r="E4448" s="46">
        <v>12.8</v>
      </c>
      <c r="F4448" s="46">
        <v>38.5</v>
      </c>
      <c r="G4448" s="46">
        <v>16.5</v>
      </c>
      <c r="H4448" s="46">
        <v>4</v>
      </c>
      <c r="I4448" s="47">
        <v>28.1</v>
      </c>
    </row>
    <row r="4449" spans="2:9" ht="21.6" x14ac:dyDescent="0.2">
      <c r="B4449" s="77"/>
      <c r="C4449" s="39" t="s">
        <v>44</v>
      </c>
      <c r="D4449" s="45">
        <v>181</v>
      </c>
      <c r="E4449" s="46">
        <v>20.399999999999999</v>
      </c>
      <c r="F4449" s="46">
        <v>35.9</v>
      </c>
      <c r="G4449" s="46">
        <v>16</v>
      </c>
      <c r="H4449" s="46">
        <v>5.5</v>
      </c>
      <c r="I4449" s="47">
        <v>22.1</v>
      </c>
    </row>
    <row r="4450" spans="2:9" ht="21.6" x14ac:dyDescent="0.2">
      <c r="B4450" s="77"/>
      <c r="C4450" s="39" t="s">
        <v>45</v>
      </c>
      <c r="D4450" s="45">
        <v>565</v>
      </c>
      <c r="E4450" s="46">
        <v>12.6</v>
      </c>
      <c r="F4450" s="46">
        <v>32.6</v>
      </c>
      <c r="G4450" s="46">
        <v>17.899999999999999</v>
      </c>
      <c r="H4450" s="46">
        <v>3.9</v>
      </c>
      <c r="I4450" s="47">
        <v>33.1</v>
      </c>
    </row>
    <row r="4451" spans="2:9" ht="21.6" x14ac:dyDescent="0.2">
      <c r="B4451" s="77"/>
      <c r="C4451" s="39" t="s">
        <v>46</v>
      </c>
      <c r="D4451" s="45">
        <v>473</v>
      </c>
      <c r="E4451" s="46">
        <v>15.6</v>
      </c>
      <c r="F4451" s="46">
        <v>33.200000000000003</v>
      </c>
      <c r="G4451" s="46">
        <v>14</v>
      </c>
      <c r="H4451" s="46">
        <v>4.2</v>
      </c>
      <c r="I4451" s="47">
        <v>33</v>
      </c>
    </row>
    <row r="4452" spans="2:9" ht="21.6" x14ac:dyDescent="0.2">
      <c r="B4452" s="77"/>
      <c r="C4452" s="39" t="s">
        <v>47</v>
      </c>
      <c r="D4452" s="45">
        <v>441</v>
      </c>
      <c r="E4452" s="46">
        <v>17.5</v>
      </c>
      <c r="F4452" s="46">
        <v>39</v>
      </c>
      <c r="G4452" s="46">
        <v>16.3</v>
      </c>
      <c r="H4452" s="46">
        <v>3.9</v>
      </c>
      <c r="I4452" s="47">
        <v>23.4</v>
      </c>
    </row>
    <row r="4453" spans="2:9" ht="21.6" x14ac:dyDescent="0.2">
      <c r="B4453" s="77"/>
      <c r="C4453" s="39" t="s">
        <v>48</v>
      </c>
      <c r="D4453" s="45">
        <v>305</v>
      </c>
      <c r="E4453" s="46">
        <v>19.3</v>
      </c>
      <c r="F4453" s="46">
        <v>37.4</v>
      </c>
      <c r="G4453" s="46">
        <v>23.3</v>
      </c>
      <c r="H4453" s="46">
        <v>5.2</v>
      </c>
      <c r="I4453" s="47">
        <v>14.8</v>
      </c>
    </row>
    <row r="4454" spans="2:9" ht="21.6" x14ac:dyDescent="0.2">
      <c r="B4454" s="77"/>
      <c r="C4454" s="39" t="s">
        <v>49</v>
      </c>
      <c r="D4454" s="45">
        <v>223</v>
      </c>
      <c r="E4454" s="46">
        <v>19.7</v>
      </c>
      <c r="F4454" s="46">
        <v>42.2</v>
      </c>
      <c r="G4454" s="46">
        <v>17.899999999999999</v>
      </c>
      <c r="H4454" s="46">
        <v>3.6</v>
      </c>
      <c r="I4454" s="47">
        <v>16.600000000000001</v>
      </c>
    </row>
    <row r="4455" spans="2:9" ht="21.6" x14ac:dyDescent="0.2">
      <c r="B4455" s="77"/>
      <c r="C4455" s="39" t="s">
        <v>50</v>
      </c>
      <c r="D4455" s="45">
        <v>123</v>
      </c>
      <c r="E4455" s="46">
        <v>17.899999999999999</v>
      </c>
      <c r="F4455" s="46">
        <v>39.799999999999997</v>
      </c>
      <c r="G4455" s="46">
        <v>20.3</v>
      </c>
      <c r="H4455" s="46">
        <v>6.5</v>
      </c>
      <c r="I4455" s="47">
        <v>15.4</v>
      </c>
    </row>
    <row r="4456" spans="2:9" ht="21.6" x14ac:dyDescent="0.2">
      <c r="B4456" s="77"/>
      <c r="C4456" s="39" t="s">
        <v>51</v>
      </c>
      <c r="D4456" s="45">
        <v>124</v>
      </c>
      <c r="E4456" s="46">
        <v>13.7</v>
      </c>
      <c r="F4456" s="46">
        <v>41.9</v>
      </c>
      <c r="G4456" s="46">
        <v>16.100000000000001</v>
      </c>
      <c r="H4456" s="46">
        <v>6.5</v>
      </c>
      <c r="I4456" s="47">
        <v>21.8</v>
      </c>
    </row>
    <row r="4457" spans="2:9" ht="21.6" x14ac:dyDescent="0.2">
      <c r="B4457" s="77"/>
      <c r="C4457" s="39" t="s">
        <v>52</v>
      </c>
      <c r="D4457" s="45">
        <v>312</v>
      </c>
      <c r="E4457" s="46">
        <v>9.6</v>
      </c>
      <c r="F4457" s="46">
        <v>34</v>
      </c>
      <c r="G4457" s="46">
        <v>19.899999999999999</v>
      </c>
      <c r="H4457" s="46">
        <v>4.8</v>
      </c>
      <c r="I4457" s="47">
        <v>31.7</v>
      </c>
    </row>
    <row r="4458" spans="2:9" x14ac:dyDescent="0.2">
      <c r="B4458" s="77"/>
      <c r="C4458" s="39" t="s">
        <v>53</v>
      </c>
      <c r="D4458" s="45">
        <v>269</v>
      </c>
      <c r="E4458" s="46">
        <v>13.8</v>
      </c>
      <c r="F4458" s="46">
        <v>35.700000000000003</v>
      </c>
      <c r="G4458" s="46">
        <v>18.600000000000001</v>
      </c>
      <c r="H4458" s="46">
        <v>5.2</v>
      </c>
      <c r="I4458" s="47">
        <v>26.8</v>
      </c>
    </row>
    <row r="4459" spans="2:9" ht="21.6" x14ac:dyDescent="0.2">
      <c r="B4459" s="77"/>
      <c r="C4459" s="39" t="s">
        <v>54</v>
      </c>
      <c r="D4459" s="45">
        <v>511</v>
      </c>
      <c r="E4459" s="46">
        <v>20.9</v>
      </c>
      <c r="F4459" s="46">
        <v>39.1</v>
      </c>
      <c r="G4459" s="46">
        <v>16.399999999999999</v>
      </c>
      <c r="H4459" s="46">
        <v>3.3</v>
      </c>
      <c r="I4459" s="47">
        <v>20.2</v>
      </c>
    </row>
    <row r="4460" spans="2:9" ht="21.6" x14ac:dyDescent="0.2">
      <c r="B4460" s="77"/>
      <c r="C4460" s="39" t="s">
        <v>55</v>
      </c>
      <c r="D4460" s="45">
        <v>615</v>
      </c>
      <c r="E4460" s="46">
        <v>24.1</v>
      </c>
      <c r="F4460" s="46">
        <v>37.700000000000003</v>
      </c>
      <c r="G4460" s="46">
        <v>17.7</v>
      </c>
      <c r="H4460" s="46">
        <v>6</v>
      </c>
      <c r="I4460" s="47">
        <v>14.5</v>
      </c>
    </row>
    <row r="4461" spans="2:9" ht="21.6" x14ac:dyDescent="0.2">
      <c r="B4461" s="77"/>
      <c r="C4461" s="39" t="s">
        <v>56</v>
      </c>
      <c r="D4461" s="45">
        <v>800</v>
      </c>
      <c r="E4461" s="46">
        <v>30</v>
      </c>
      <c r="F4461" s="46">
        <v>40.6</v>
      </c>
      <c r="G4461" s="46">
        <v>15.6</v>
      </c>
      <c r="H4461" s="46">
        <v>3.5</v>
      </c>
      <c r="I4461" s="47">
        <v>10.3</v>
      </c>
    </row>
    <row r="4462" spans="2:9" x14ac:dyDescent="0.2">
      <c r="B4462" s="77"/>
      <c r="C4462" s="40" t="s">
        <v>57</v>
      </c>
      <c r="D4462" s="48">
        <v>798</v>
      </c>
      <c r="E4462" s="49">
        <v>11.7</v>
      </c>
      <c r="F4462" s="49">
        <v>36.200000000000003</v>
      </c>
      <c r="G4462" s="49">
        <v>21.2</v>
      </c>
      <c r="H4462" s="49">
        <v>6.1</v>
      </c>
      <c r="I4462" s="50">
        <v>24.8</v>
      </c>
    </row>
    <row r="4463" spans="2:9" x14ac:dyDescent="0.2">
      <c r="B4463" s="7" t="s">
        <v>71</v>
      </c>
      <c r="C4463" s="4" t="s">
        <v>199</v>
      </c>
    </row>
    <row r="4464" spans="2:9" x14ac:dyDescent="0.2">
      <c r="B4464" s="4"/>
      <c r="C4464" s="4" t="s">
        <v>73</v>
      </c>
    </row>
    <row r="4466" spans="1:25" x14ac:dyDescent="0.2">
      <c r="C4466" t="s">
        <v>35</v>
      </c>
    </row>
    <row r="4467" spans="1:25" x14ac:dyDescent="0.2">
      <c r="B4467" s="75" t="s">
        <v>344</v>
      </c>
      <c r="C4467" s="76"/>
      <c r="D4467" s="76"/>
      <c r="E4467" s="76"/>
      <c r="F4467" s="76"/>
      <c r="G4467" s="76"/>
      <c r="H4467" s="76"/>
      <c r="I4467" s="76"/>
      <c r="J4467" s="76"/>
      <c r="K4467" s="76"/>
      <c r="L4467" s="76"/>
      <c r="M4467" s="76"/>
      <c r="N4467" s="76"/>
      <c r="O4467" s="76"/>
      <c r="P4467" s="76"/>
      <c r="Q4467" s="76"/>
      <c r="R4467" s="76"/>
      <c r="S4467" s="76"/>
      <c r="T4467" s="76"/>
      <c r="U4467" s="76"/>
      <c r="V4467" s="76"/>
      <c r="W4467" s="76"/>
      <c r="X4467" s="76"/>
      <c r="Y4467" s="76"/>
    </row>
    <row r="4468" spans="1:25" s="32" customFormat="1" ht="79.650000000000006" customHeight="1" x14ac:dyDescent="0.15">
      <c r="A4468" s="31"/>
      <c r="D4468" s="33" t="s">
        <v>378</v>
      </c>
      <c r="E4468" s="36" t="s">
        <v>592</v>
      </c>
      <c r="F4468" s="55" t="s">
        <v>593</v>
      </c>
      <c r="G4468" s="55" t="s">
        <v>594</v>
      </c>
      <c r="H4468" s="55" t="s">
        <v>595</v>
      </c>
      <c r="I4468" s="37" t="s">
        <v>480</v>
      </c>
      <c r="J4468" s="35" t="s">
        <v>381</v>
      </c>
    </row>
    <row r="4469" spans="1:25" ht="21.6" x14ac:dyDescent="0.2">
      <c r="B4469" s="77" t="s">
        <v>37</v>
      </c>
      <c r="C4469" s="38" t="s">
        <v>58</v>
      </c>
      <c r="D4469" s="51">
        <v>609</v>
      </c>
      <c r="E4469" s="52">
        <v>32.700000000000003</v>
      </c>
      <c r="F4469" s="52">
        <v>38.9</v>
      </c>
      <c r="G4469" s="52">
        <v>15.8</v>
      </c>
      <c r="H4469" s="52">
        <v>3.1</v>
      </c>
      <c r="I4469" s="53">
        <v>9.5</v>
      </c>
    </row>
    <row r="4470" spans="1:25" ht="21.6" x14ac:dyDescent="0.2">
      <c r="B4470" s="77"/>
      <c r="C4470" s="39" t="s">
        <v>59</v>
      </c>
      <c r="D4470" s="45">
        <v>1391</v>
      </c>
      <c r="E4470" s="46">
        <v>10.8</v>
      </c>
      <c r="F4470" s="46">
        <v>34.200000000000003</v>
      </c>
      <c r="G4470" s="46">
        <v>17.399999999999999</v>
      </c>
      <c r="H4470" s="46">
        <v>5.2</v>
      </c>
      <c r="I4470" s="47">
        <v>32.4</v>
      </c>
    </row>
    <row r="4471" spans="1:25" x14ac:dyDescent="0.2">
      <c r="B4471" s="77"/>
      <c r="C4471" s="39" t="s">
        <v>60</v>
      </c>
      <c r="D4471" s="45">
        <v>1325</v>
      </c>
      <c r="E4471" s="46">
        <v>17.399999999999999</v>
      </c>
      <c r="F4471" s="46">
        <v>34.799999999999997</v>
      </c>
      <c r="G4471" s="46">
        <v>16.5</v>
      </c>
      <c r="H4471" s="46">
        <v>4.8</v>
      </c>
      <c r="I4471" s="47">
        <v>26.6</v>
      </c>
    </row>
    <row r="4472" spans="1:25" x14ac:dyDescent="0.2">
      <c r="B4472" s="77"/>
      <c r="C4472" s="39" t="s">
        <v>61</v>
      </c>
      <c r="D4472" s="45">
        <v>675</v>
      </c>
      <c r="E4472" s="46">
        <v>17.600000000000001</v>
      </c>
      <c r="F4472" s="46">
        <v>37.299999999999997</v>
      </c>
      <c r="G4472" s="46">
        <v>17.8</v>
      </c>
      <c r="H4472" s="46">
        <v>4.0999999999999996</v>
      </c>
      <c r="I4472" s="47">
        <v>23.1</v>
      </c>
    </row>
    <row r="4473" spans="1:25" x14ac:dyDescent="0.2">
      <c r="B4473" s="77"/>
      <c r="C4473" s="39" t="s">
        <v>62</v>
      </c>
      <c r="D4473" s="45">
        <v>1086</v>
      </c>
      <c r="E4473" s="46">
        <v>20.8</v>
      </c>
      <c r="F4473" s="46">
        <v>36</v>
      </c>
      <c r="G4473" s="46">
        <v>18.7</v>
      </c>
      <c r="H4473" s="46">
        <v>6.1</v>
      </c>
      <c r="I4473" s="47">
        <v>18.399999999999999</v>
      </c>
    </row>
    <row r="4474" spans="1:25" ht="21.6" x14ac:dyDescent="0.2">
      <c r="B4474" s="77"/>
      <c r="C4474" s="39" t="s">
        <v>63</v>
      </c>
      <c r="D4474" s="45">
        <v>203</v>
      </c>
      <c r="E4474" s="46">
        <v>25.1</v>
      </c>
      <c r="F4474" s="46">
        <v>33.5</v>
      </c>
      <c r="G4474" s="46">
        <v>12.8</v>
      </c>
      <c r="H4474" s="46">
        <v>5.4</v>
      </c>
      <c r="I4474" s="47">
        <v>23.2</v>
      </c>
    </row>
    <row r="4475" spans="1:25" x14ac:dyDescent="0.2">
      <c r="B4475" s="77"/>
      <c r="C4475" s="39" t="s">
        <v>64</v>
      </c>
      <c r="D4475" s="45">
        <v>263</v>
      </c>
      <c r="E4475" s="46">
        <v>17.899999999999999</v>
      </c>
      <c r="F4475" s="46">
        <v>35</v>
      </c>
      <c r="G4475" s="46">
        <v>19</v>
      </c>
      <c r="H4475" s="46">
        <v>8</v>
      </c>
      <c r="I4475" s="47">
        <v>20.2</v>
      </c>
    </row>
    <row r="4476" spans="1:25" x14ac:dyDescent="0.2">
      <c r="B4476" s="77"/>
      <c r="C4476" s="39" t="s">
        <v>65</v>
      </c>
      <c r="D4476" s="45">
        <v>312</v>
      </c>
      <c r="E4476" s="46">
        <v>22.8</v>
      </c>
      <c r="F4476" s="46">
        <v>33</v>
      </c>
      <c r="G4476" s="46">
        <v>20.8</v>
      </c>
      <c r="H4476" s="46">
        <v>5.0999999999999996</v>
      </c>
      <c r="I4476" s="47">
        <v>18.3</v>
      </c>
    </row>
    <row r="4477" spans="1:25" x14ac:dyDescent="0.2">
      <c r="B4477" s="77"/>
      <c r="C4477" s="39" t="s">
        <v>66</v>
      </c>
      <c r="D4477" s="45">
        <v>230</v>
      </c>
      <c r="E4477" s="46">
        <v>18.7</v>
      </c>
      <c r="F4477" s="46">
        <v>40.9</v>
      </c>
      <c r="G4477" s="46">
        <v>19.600000000000001</v>
      </c>
      <c r="H4477" s="46">
        <v>5.2</v>
      </c>
      <c r="I4477" s="47">
        <v>15.7</v>
      </c>
    </row>
    <row r="4478" spans="1:25" x14ac:dyDescent="0.2">
      <c r="B4478" s="77"/>
      <c r="C4478" s="39" t="s">
        <v>67</v>
      </c>
      <c r="D4478" s="45">
        <v>78</v>
      </c>
      <c r="E4478" s="46">
        <v>17.899999999999999</v>
      </c>
      <c r="F4478" s="46">
        <v>43.6</v>
      </c>
      <c r="G4478" s="46">
        <v>21.8</v>
      </c>
      <c r="H4478" s="46">
        <v>7.7</v>
      </c>
      <c r="I4478" s="47">
        <v>9</v>
      </c>
    </row>
    <row r="4479" spans="1:25" x14ac:dyDescent="0.2">
      <c r="B4479" s="77"/>
      <c r="C4479" s="39" t="s">
        <v>68</v>
      </c>
      <c r="D4479" s="45">
        <v>897</v>
      </c>
      <c r="E4479" s="46">
        <v>22.7</v>
      </c>
      <c r="F4479" s="46">
        <v>35.5</v>
      </c>
      <c r="G4479" s="46">
        <v>19</v>
      </c>
      <c r="H4479" s="46">
        <v>6.4</v>
      </c>
      <c r="I4479" s="47">
        <v>16.5</v>
      </c>
    </row>
    <row r="4480" spans="1:25" x14ac:dyDescent="0.2">
      <c r="B4480" s="77"/>
      <c r="C4480" s="39" t="s">
        <v>69</v>
      </c>
      <c r="D4480" s="45">
        <v>189</v>
      </c>
      <c r="E4480" s="46">
        <v>11.6</v>
      </c>
      <c r="F4480" s="46">
        <v>38.6</v>
      </c>
      <c r="G4480" s="46">
        <v>17.5</v>
      </c>
      <c r="H4480" s="46">
        <v>4.8</v>
      </c>
      <c r="I4480" s="47">
        <v>27.5</v>
      </c>
    </row>
    <row r="4481" spans="1:25" x14ac:dyDescent="0.2">
      <c r="B4481" s="77"/>
      <c r="C4481" s="39" t="s">
        <v>70</v>
      </c>
      <c r="D4481" s="45">
        <v>914</v>
      </c>
      <c r="E4481" s="46">
        <v>13.5</v>
      </c>
      <c r="F4481" s="46">
        <v>35.200000000000003</v>
      </c>
      <c r="G4481" s="46">
        <v>14.8</v>
      </c>
      <c r="H4481" s="46">
        <v>2.8</v>
      </c>
      <c r="I4481" s="47">
        <v>33.700000000000003</v>
      </c>
    </row>
    <row r="4482" spans="1:25" ht="21.6" x14ac:dyDescent="0.2">
      <c r="B4482" s="77"/>
      <c r="C4482" s="39" t="s">
        <v>63</v>
      </c>
      <c r="D4482" s="45">
        <v>193</v>
      </c>
      <c r="E4482" s="46">
        <v>16.600000000000001</v>
      </c>
      <c r="F4482" s="46">
        <v>28.5</v>
      </c>
      <c r="G4482" s="46">
        <v>12.4</v>
      </c>
      <c r="H4482" s="46">
        <v>2.6</v>
      </c>
      <c r="I4482" s="47">
        <v>39.9</v>
      </c>
    </row>
    <row r="4483" spans="1:25" x14ac:dyDescent="0.2">
      <c r="B4483" s="77"/>
      <c r="C4483" s="39" t="s">
        <v>64</v>
      </c>
      <c r="D4483" s="45">
        <v>203</v>
      </c>
      <c r="E4483" s="46">
        <v>17.2</v>
      </c>
      <c r="F4483" s="46">
        <v>34.5</v>
      </c>
      <c r="G4483" s="46">
        <v>12.8</v>
      </c>
      <c r="H4483" s="46">
        <v>4.4000000000000004</v>
      </c>
      <c r="I4483" s="47">
        <v>31</v>
      </c>
    </row>
    <row r="4484" spans="1:25" x14ac:dyDescent="0.2">
      <c r="B4484" s="77"/>
      <c r="C4484" s="39" t="s">
        <v>65</v>
      </c>
      <c r="D4484" s="45">
        <v>263</v>
      </c>
      <c r="E4484" s="46">
        <v>10.6</v>
      </c>
      <c r="F4484" s="46">
        <v>37.299999999999997</v>
      </c>
      <c r="G4484" s="46">
        <v>16</v>
      </c>
      <c r="H4484" s="46">
        <v>2.7</v>
      </c>
      <c r="I4484" s="47">
        <v>33.5</v>
      </c>
    </row>
    <row r="4485" spans="1:25" x14ac:dyDescent="0.2">
      <c r="B4485" s="77"/>
      <c r="C4485" s="39" t="s">
        <v>66</v>
      </c>
      <c r="D4485" s="45">
        <v>194</v>
      </c>
      <c r="E4485" s="46">
        <v>10.3</v>
      </c>
      <c r="F4485" s="46">
        <v>37.1</v>
      </c>
      <c r="G4485" s="46">
        <v>18.600000000000001</v>
      </c>
      <c r="H4485" s="46">
        <v>1</v>
      </c>
      <c r="I4485" s="47">
        <v>33</v>
      </c>
    </row>
    <row r="4486" spans="1:25" x14ac:dyDescent="0.2">
      <c r="B4486" s="77"/>
      <c r="C4486" s="39" t="s">
        <v>67</v>
      </c>
      <c r="D4486" s="45">
        <v>61</v>
      </c>
      <c r="E4486" s="46">
        <v>13.1</v>
      </c>
      <c r="F4486" s="46">
        <v>44.3</v>
      </c>
      <c r="G4486" s="46">
        <v>11.5</v>
      </c>
      <c r="H4486" s="46">
        <v>4.9000000000000004</v>
      </c>
      <c r="I4486" s="47">
        <v>26.2</v>
      </c>
    </row>
    <row r="4487" spans="1:25" x14ac:dyDescent="0.2">
      <c r="B4487" s="77"/>
      <c r="C4487" s="39" t="s">
        <v>68</v>
      </c>
      <c r="D4487" s="45">
        <v>416</v>
      </c>
      <c r="E4487" s="46">
        <v>17.3</v>
      </c>
      <c r="F4487" s="46">
        <v>34.6</v>
      </c>
      <c r="G4487" s="46">
        <v>14.9</v>
      </c>
      <c r="H4487" s="46">
        <v>2.6</v>
      </c>
      <c r="I4487" s="47">
        <v>30.5</v>
      </c>
    </row>
    <row r="4488" spans="1:25" x14ac:dyDescent="0.2">
      <c r="B4488" s="77"/>
      <c r="C4488" s="40" t="s">
        <v>69</v>
      </c>
      <c r="D4488" s="48">
        <v>498</v>
      </c>
      <c r="E4488" s="49">
        <v>10.199999999999999</v>
      </c>
      <c r="F4488" s="49">
        <v>35.700000000000003</v>
      </c>
      <c r="G4488" s="49">
        <v>14.7</v>
      </c>
      <c r="H4488" s="49">
        <v>3</v>
      </c>
      <c r="I4488" s="50">
        <v>36.299999999999997</v>
      </c>
    </row>
    <row r="4489" spans="1:25" x14ac:dyDescent="0.2">
      <c r="B4489" s="7" t="s">
        <v>71</v>
      </c>
      <c r="C4489" s="4" t="s">
        <v>199</v>
      </c>
    </row>
    <row r="4490" spans="1:25" x14ac:dyDescent="0.2">
      <c r="B4490" s="4"/>
      <c r="C4490" s="4" t="s">
        <v>73</v>
      </c>
    </row>
    <row r="4492" spans="1:25" x14ac:dyDescent="0.2">
      <c r="A4492" s="26" t="s">
        <v>25</v>
      </c>
      <c r="B4492" t="s">
        <v>35</v>
      </c>
      <c r="C4492" t="s">
        <v>35</v>
      </c>
    </row>
    <row r="4493" spans="1:25" x14ac:dyDescent="0.2">
      <c r="B4493" s="75" t="s">
        <v>200</v>
      </c>
      <c r="C4493" s="76"/>
      <c r="D4493" s="76"/>
      <c r="E4493" s="76"/>
      <c r="F4493" s="76"/>
      <c r="G4493" s="76"/>
      <c r="H4493" s="76"/>
      <c r="I4493" s="76"/>
      <c r="J4493" s="76"/>
      <c r="K4493" s="76"/>
      <c r="L4493" s="76"/>
      <c r="M4493" s="76"/>
      <c r="N4493" s="76"/>
      <c r="O4493" s="76"/>
      <c r="P4493" s="76"/>
      <c r="Q4493" s="76"/>
      <c r="R4493" s="76"/>
      <c r="S4493" s="76"/>
      <c r="T4493" s="76"/>
      <c r="U4493" s="76"/>
      <c r="V4493" s="76"/>
      <c r="W4493" s="76"/>
      <c r="X4493" s="76"/>
      <c r="Y4493" s="76"/>
    </row>
    <row r="4494" spans="1:25" s="32" customFormat="1" ht="36.450000000000003" customHeight="1" x14ac:dyDescent="0.15">
      <c r="A4494" s="31"/>
      <c r="D4494" s="33" t="s">
        <v>378</v>
      </c>
      <c r="E4494" s="36" t="s">
        <v>596</v>
      </c>
      <c r="F4494" s="55" t="s">
        <v>597</v>
      </c>
      <c r="G4494" s="55" t="s">
        <v>598</v>
      </c>
      <c r="H4494" s="37" t="s">
        <v>480</v>
      </c>
      <c r="I4494" s="35" t="s">
        <v>381</v>
      </c>
    </row>
    <row r="4495" spans="1:25" x14ac:dyDescent="0.2">
      <c r="B4495" s="5"/>
      <c r="C4495" s="41" t="s">
        <v>38</v>
      </c>
      <c r="D4495" s="42">
        <v>2000</v>
      </c>
      <c r="E4495" s="43">
        <v>53.1</v>
      </c>
      <c r="F4495" s="43">
        <v>16.899999999999999</v>
      </c>
      <c r="G4495" s="43">
        <v>4.5999999999999996</v>
      </c>
      <c r="H4495" s="44">
        <v>25.4</v>
      </c>
    </row>
    <row r="4496" spans="1:25" x14ac:dyDescent="0.2">
      <c r="B4496" s="77" t="s">
        <v>37</v>
      </c>
      <c r="C4496" s="39" t="s">
        <v>39</v>
      </c>
      <c r="D4496" s="45">
        <v>111</v>
      </c>
      <c r="E4496" s="46">
        <v>52.3</v>
      </c>
      <c r="F4496" s="46">
        <v>15.3</v>
      </c>
      <c r="G4496" s="46">
        <v>6.3</v>
      </c>
      <c r="H4496" s="47">
        <v>26.1</v>
      </c>
    </row>
    <row r="4497" spans="2:8" x14ac:dyDescent="0.2">
      <c r="B4497" s="77"/>
      <c r="C4497" s="39" t="s">
        <v>40</v>
      </c>
      <c r="D4497" s="45">
        <v>450</v>
      </c>
      <c r="E4497" s="46">
        <v>59.8</v>
      </c>
      <c r="F4497" s="46">
        <v>17.600000000000001</v>
      </c>
      <c r="G4497" s="46">
        <v>5.0999999999999996</v>
      </c>
      <c r="H4497" s="47">
        <v>17.600000000000001</v>
      </c>
    </row>
    <row r="4498" spans="2:8" ht="21.6" x14ac:dyDescent="0.2">
      <c r="B4498" s="77"/>
      <c r="C4498" s="39" t="s">
        <v>41</v>
      </c>
      <c r="D4498" s="45">
        <v>30</v>
      </c>
      <c r="E4498" s="46">
        <v>63.3</v>
      </c>
      <c r="F4498" s="46">
        <v>13.3</v>
      </c>
      <c r="G4498" s="46">
        <v>6.7</v>
      </c>
      <c r="H4498" s="47">
        <v>16.7</v>
      </c>
    </row>
    <row r="4499" spans="2:8" ht="21.6" x14ac:dyDescent="0.2">
      <c r="B4499" s="77"/>
      <c r="C4499" s="39" t="s">
        <v>42</v>
      </c>
      <c r="D4499" s="45">
        <v>336</v>
      </c>
      <c r="E4499" s="46">
        <v>56.8</v>
      </c>
      <c r="F4499" s="46">
        <v>16.100000000000001</v>
      </c>
      <c r="G4499" s="46">
        <v>4.5</v>
      </c>
      <c r="H4499" s="47">
        <v>22.6</v>
      </c>
    </row>
    <row r="4500" spans="2:8" ht="21.6" x14ac:dyDescent="0.2">
      <c r="B4500" s="77"/>
      <c r="C4500" s="39" t="s">
        <v>43</v>
      </c>
      <c r="D4500" s="45">
        <v>327</v>
      </c>
      <c r="E4500" s="46">
        <v>51.4</v>
      </c>
      <c r="F4500" s="46">
        <v>16.5</v>
      </c>
      <c r="G4500" s="46">
        <v>4</v>
      </c>
      <c r="H4500" s="47">
        <v>28.1</v>
      </c>
    </row>
    <row r="4501" spans="2:8" ht="21.6" x14ac:dyDescent="0.2">
      <c r="B4501" s="77"/>
      <c r="C4501" s="39" t="s">
        <v>44</v>
      </c>
      <c r="D4501" s="45">
        <v>181</v>
      </c>
      <c r="E4501" s="46">
        <v>56.4</v>
      </c>
      <c r="F4501" s="46">
        <v>16</v>
      </c>
      <c r="G4501" s="46">
        <v>5.5</v>
      </c>
      <c r="H4501" s="47">
        <v>22.1</v>
      </c>
    </row>
    <row r="4502" spans="2:8" ht="21.6" x14ac:dyDescent="0.2">
      <c r="B4502" s="77"/>
      <c r="C4502" s="39" t="s">
        <v>45</v>
      </c>
      <c r="D4502" s="45">
        <v>565</v>
      </c>
      <c r="E4502" s="46">
        <v>45.1</v>
      </c>
      <c r="F4502" s="46">
        <v>17.899999999999999</v>
      </c>
      <c r="G4502" s="46">
        <v>3.9</v>
      </c>
      <c r="H4502" s="47">
        <v>33.1</v>
      </c>
    </row>
    <row r="4503" spans="2:8" ht="21.6" x14ac:dyDescent="0.2">
      <c r="B4503" s="77"/>
      <c r="C4503" s="39" t="s">
        <v>46</v>
      </c>
      <c r="D4503" s="45">
        <v>473</v>
      </c>
      <c r="E4503" s="46">
        <v>48.8</v>
      </c>
      <c r="F4503" s="46">
        <v>14</v>
      </c>
      <c r="G4503" s="46">
        <v>4.2</v>
      </c>
      <c r="H4503" s="47">
        <v>33</v>
      </c>
    </row>
    <row r="4504" spans="2:8" ht="21.6" x14ac:dyDescent="0.2">
      <c r="B4504" s="77"/>
      <c r="C4504" s="39" t="s">
        <v>47</v>
      </c>
      <c r="D4504" s="45">
        <v>441</v>
      </c>
      <c r="E4504" s="46">
        <v>56.5</v>
      </c>
      <c r="F4504" s="46">
        <v>16.3</v>
      </c>
      <c r="G4504" s="46">
        <v>3.9</v>
      </c>
      <c r="H4504" s="47">
        <v>23.4</v>
      </c>
    </row>
    <row r="4505" spans="2:8" ht="21.6" x14ac:dyDescent="0.2">
      <c r="B4505" s="77"/>
      <c r="C4505" s="39" t="s">
        <v>48</v>
      </c>
      <c r="D4505" s="45">
        <v>305</v>
      </c>
      <c r="E4505" s="46">
        <v>56.7</v>
      </c>
      <c r="F4505" s="46">
        <v>23.3</v>
      </c>
      <c r="G4505" s="46">
        <v>5.2</v>
      </c>
      <c r="H4505" s="47">
        <v>14.8</v>
      </c>
    </row>
    <row r="4506" spans="2:8" ht="21.6" x14ac:dyDescent="0.2">
      <c r="B4506" s="77"/>
      <c r="C4506" s="39" t="s">
        <v>49</v>
      </c>
      <c r="D4506" s="45">
        <v>223</v>
      </c>
      <c r="E4506" s="46">
        <v>61.9</v>
      </c>
      <c r="F4506" s="46">
        <v>17.899999999999999</v>
      </c>
      <c r="G4506" s="46">
        <v>3.6</v>
      </c>
      <c r="H4506" s="47">
        <v>16.600000000000001</v>
      </c>
    </row>
    <row r="4507" spans="2:8" ht="21.6" x14ac:dyDescent="0.2">
      <c r="B4507" s="77"/>
      <c r="C4507" s="39" t="s">
        <v>50</v>
      </c>
      <c r="D4507" s="45">
        <v>123</v>
      </c>
      <c r="E4507" s="46">
        <v>57.7</v>
      </c>
      <c r="F4507" s="46">
        <v>20.3</v>
      </c>
      <c r="G4507" s="46">
        <v>6.5</v>
      </c>
      <c r="H4507" s="47">
        <v>15.4</v>
      </c>
    </row>
    <row r="4508" spans="2:8" ht="21.6" x14ac:dyDescent="0.2">
      <c r="B4508" s="77"/>
      <c r="C4508" s="39" t="s">
        <v>51</v>
      </c>
      <c r="D4508" s="45">
        <v>124</v>
      </c>
      <c r="E4508" s="46">
        <v>55.6</v>
      </c>
      <c r="F4508" s="46">
        <v>16.100000000000001</v>
      </c>
      <c r="G4508" s="46">
        <v>6.5</v>
      </c>
      <c r="H4508" s="47">
        <v>21.8</v>
      </c>
    </row>
    <row r="4509" spans="2:8" ht="21.6" x14ac:dyDescent="0.2">
      <c r="B4509" s="77"/>
      <c r="C4509" s="39" t="s">
        <v>52</v>
      </c>
      <c r="D4509" s="45">
        <v>312</v>
      </c>
      <c r="E4509" s="46">
        <v>43.6</v>
      </c>
      <c r="F4509" s="46">
        <v>19.899999999999999</v>
      </c>
      <c r="G4509" s="46">
        <v>4.8</v>
      </c>
      <c r="H4509" s="47">
        <v>31.7</v>
      </c>
    </row>
    <row r="4510" spans="2:8" x14ac:dyDescent="0.2">
      <c r="B4510" s="77"/>
      <c r="C4510" s="39" t="s">
        <v>53</v>
      </c>
      <c r="D4510" s="45">
        <v>269</v>
      </c>
      <c r="E4510" s="46">
        <v>49.4</v>
      </c>
      <c r="F4510" s="46">
        <v>18.600000000000001</v>
      </c>
      <c r="G4510" s="46">
        <v>5.2</v>
      </c>
      <c r="H4510" s="47">
        <v>26.8</v>
      </c>
    </row>
    <row r="4511" spans="2:8" ht="21.6" x14ac:dyDescent="0.2">
      <c r="B4511" s="77"/>
      <c r="C4511" s="39" t="s">
        <v>54</v>
      </c>
      <c r="D4511" s="45">
        <v>511</v>
      </c>
      <c r="E4511" s="46">
        <v>60.1</v>
      </c>
      <c r="F4511" s="46">
        <v>16.399999999999999</v>
      </c>
      <c r="G4511" s="46">
        <v>3.3</v>
      </c>
      <c r="H4511" s="47">
        <v>20.2</v>
      </c>
    </row>
    <row r="4512" spans="2:8" ht="21.6" x14ac:dyDescent="0.2">
      <c r="B4512" s="77"/>
      <c r="C4512" s="39" t="s">
        <v>55</v>
      </c>
      <c r="D4512" s="45">
        <v>615</v>
      </c>
      <c r="E4512" s="46">
        <v>61.8</v>
      </c>
      <c r="F4512" s="46">
        <v>17.7</v>
      </c>
      <c r="G4512" s="46">
        <v>6</v>
      </c>
      <c r="H4512" s="47">
        <v>14.5</v>
      </c>
    </row>
    <row r="4513" spans="1:25" ht="21.6" x14ac:dyDescent="0.2">
      <c r="B4513" s="77"/>
      <c r="C4513" s="39" t="s">
        <v>56</v>
      </c>
      <c r="D4513" s="45">
        <v>800</v>
      </c>
      <c r="E4513" s="46">
        <v>70.599999999999994</v>
      </c>
      <c r="F4513" s="46">
        <v>15.6</v>
      </c>
      <c r="G4513" s="46">
        <v>3.5</v>
      </c>
      <c r="H4513" s="47">
        <v>10.3</v>
      </c>
    </row>
    <row r="4514" spans="1:25" x14ac:dyDescent="0.2">
      <c r="B4514" s="77"/>
      <c r="C4514" s="40" t="s">
        <v>57</v>
      </c>
      <c r="D4514" s="48">
        <v>798</v>
      </c>
      <c r="E4514" s="49">
        <v>47.9</v>
      </c>
      <c r="F4514" s="49">
        <v>21.2</v>
      </c>
      <c r="G4514" s="49">
        <v>6.1</v>
      </c>
      <c r="H4514" s="50">
        <v>24.8</v>
      </c>
    </row>
    <row r="4516" spans="1:25" x14ac:dyDescent="0.2">
      <c r="C4516" t="s">
        <v>35</v>
      </c>
    </row>
    <row r="4517" spans="1:25" x14ac:dyDescent="0.2">
      <c r="B4517" s="75" t="s">
        <v>345</v>
      </c>
      <c r="C4517" s="76"/>
      <c r="D4517" s="76"/>
      <c r="E4517" s="76"/>
      <c r="F4517" s="76"/>
      <c r="G4517" s="76"/>
      <c r="H4517" s="76"/>
      <c r="I4517" s="76"/>
      <c r="J4517" s="76"/>
      <c r="K4517" s="76"/>
      <c r="L4517" s="76"/>
      <c r="M4517" s="76"/>
      <c r="N4517" s="76"/>
      <c r="O4517" s="76"/>
      <c r="P4517" s="76"/>
      <c r="Q4517" s="76"/>
      <c r="R4517" s="76"/>
      <c r="S4517" s="76"/>
      <c r="T4517" s="76"/>
      <c r="U4517" s="76"/>
      <c r="V4517" s="76"/>
      <c r="W4517" s="76"/>
      <c r="X4517" s="76"/>
      <c r="Y4517" s="76"/>
    </row>
    <row r="4518" spans="1:25" s="32" customFormat="1" ht="36.450000000000003" customHeight="1" x14ac:dyDescent="0.15">
      <c r="A4518" s="31"/>
      <c r="D4518" s="33" t="s">
        <v>378</v>
      </c>
      <c r="E4518" s="36" t="s">
        <v>596</v>
      </c>
      <c r="F4518" s="55" t="s">
        <v>597</v>
      </c>
      <c r="G4518" s="55" t="s">
        <v>598</v>
      </c>
      <c r="H4518" s="37" t="s">
        <v>480</v>
      </c>
      <c r="I4518" s="35" t="s">
        <v>381</v>
      </c>
    </row>
    <row r="4519" spans="1:25" ht="21.6" x14ac:dyDescent="0.2">
      <c r="B4519" s="77" t="s">
        <v>37</v>
      </c>
      <c r="C4519" s="38" t="s">
        <v>58</v>
      </c>
      <c r="D4519" s="51">
        <v>609</v>
      </c>
      <c r="E4519" s="52">
        <v>71.599999999999994</v>
      </c>
      <c r="F4519" s="52">
        <v>15.8</v>
      </c>
      <c r="G4519" s="52">
        <v>3.1</v>
      </c>
      <c r="H4519" s="53">
        <v>9.5</v>
      </c>
    </row>
    <row r="4520" spans="1:25" ht="21.6" x14ac:dyDescent="0.2">
      <c r="B4520" s="77"/>
      <c r="C4520" s="39" t="s">
        <v>59</v>
      </c>
      <c r="D4520" s="45">
        <v>1391</v>
      </c>
      <c r="E4520" s="46">
        <v>45</v>
      </c>
      <c r="F4520" s="46">
        <v>17.399999999999999</v>
      </c>
      <c r="G4520" s="46">
        <v>5.2</v>
      </c>
      <c r="H4520" s="47">
        <v>32.4</v>
      </c>
    </row>
    <row r="4521" spans="1:25" x14ac:dyDescent="0.2">
      <c r="B4521" s="77"/>
      <c r="C4521" s="39" t="s">
        <v>60</v>
      </c>
      <c r="D4521" s="45">
        <v>1325</v>
      </c>
      <c r="E4521" s="46">
        <v>52.2</v>
      </c>
      <c r="F4521" s="46">
        <v>16.5</v>
      </c>
      <c r="G4521" s="46">
        <v>4.8</v>
      </c>
      <c r="H4521" s="47">
        <v>26.6</v>
      </c>
    </row>
    <row r="4522" spans="1:25" x14ac:dyDescent="0.2">
      <c r="B4522" s="77"/>
      <c r="C4522" s="39" t="s">
        <v>61</v>
      </c>
      <c r="D4522" s="45">
        <v>675</v>
      </c>
      <c r="E4522" s="46">
        <v>55</v>
      </c>
      <c r="F4522" s="46">
        <v>17.8</v>
      </c>
      <c r="G4522" s="46">
        <v>4.0999999999999996</v>
      </c>
      <c r="H4522" s="47">
        <v>23.1</v>
      </c>
    </row>
    <row r="4523" spans="1:25" x14ac:dyDescent="0.2">
      <c r="B4523" s="77"/>
      <c r="C4523" s="39" t="s">
        <v>62</v>
      </c>
      <c r="D4523" s="45">
        <v>1086</v>
      </c>
      <c r="E4523" s="46">
        <v>56.8</v>
      </c>
      <c r="F4523" s="46">
        <v>18.7</v>
      </c>
      <c r="G4523" s="46">
        <v>6.1</v>
      </c>
      <c r="H4523" s="47">
        <v>18.399999999999999</v>
      </c>
    </row>
    <row r="4524" spans="1:25" ht="21.6" x14ac:dyDescent="0.2">
      <c r="B4524" s="77"/>
      <c r="C4524" s="39" t="s">
        <v>63</v>
      </c>
      <c r="D4524" s="45">
        <v>203</v>
      </c>
      <c r="E4524" s="46">
        <v>58.6</v>
      </c>
      <c r="F4524" s="46">
        <v>12.8</v>
      </c>
      <c r="G4524" s="46">
        <v>5.4</v>
      </c>
      <c r="H4524" s="47">
        <v>23.2</v>
      </c>
    </row>
    <row r="4525" spans="1:25" x14ac:dyDescent="0.2">
      <c r="B4525" s="77"/>
      <c r="C4525" s="39" t="s">
        <v>64</v>
      </c>
      <c r="D4525" s="45">
        <v>263</v>
      </c>
      <c r="E4525" s="46">
        <v>52.9</v>
      </c>
      <c r="F4525" s="46">
        <v>19</v>
      </c>
      <c r="G4525" s="46">
        <v>8</v>
      </c>
      <c r="H4525" s="47">
        <v>20.2</v>
      </c>
    </row>
    <row r="4526" spans="1:25" x14ac:dyDescent="0.2">
      <c r="B4526" s="77"/>
      <c r="C4526" s="39" t="s">
        <v>65</v>
      </c>
      <c r="D4526" s="45">
        <v>312</v>
      </c>
      <c r="E4526" s="46">
        <v>55.8</v>
      </c>
      <c r="F4526" s="46">
        <v>20.8</v>
      </c>
      <c r="G4526" s="46">
        <v>5.0999999999999996</v>
      </c>
      <c r="H4526" s="47">
        <v>18.3</v>
      </c>
    </row>
    <row r="4527" spans="1:25" x14ac:dyDescent="0.2">
      <c r="B4527" s="77"/>
      <c r="C4527" s="39" t="s">
        <v>66</v>
      </c>
      <c r="D4527" s="45">
        <v>230</v>
      </c>
      <c r="E4527" s="46">
        <v>59.6</v>
      </c>
      <c r="F4527" s="46">
        <v>19.600000000000001</v>
      </c>
      <c r="G4527" s="46">
        <v>5.2</v>
      </c>
      <c r="H4527" s="47">
        <v>15.7</v>
      </c>
    </row>
    <row r="4528" spans="1:25" x14ac:dyDescent="0.2">
      <c r="B4528" s="77"/>
      <c r="C4528" s="39" t="s">
        <v>67</v>
      </c>
      <c r="D4528" s="45">
        <v>78</v>
      </c>
      <c r="E4528" s="46">
        <v>61.5</v>
      </c>
      <c r="F4528" s="46">
        <v>21.8</v>
      </c>
      <c r="G4528" s="46">
        <v>7.7</v>
      </c>
      <c r="H4528" s="47">
        <v>9</v>
      </c>
    </row>
    <row r="4529" spans="1:25" x14ac:dyDescent="0.2">
      <c r="B4529" s="77"/>
      <c r="C4529" s="39" t="s">
        <v>68</v>
      </c>
      <c r="D4529" s="45">
        <v>897</v>
      </c>
      <c r="E4529" s="46">
        <v>58.2</v>
      </c>
      <c r="F4529" s="46">
        <v>19</v>
      </c>
      <c r="G4529" s="46">
        <v>6.4</v>
      </c>
      <c r="H4529" s="47">
        <v>16.5</v>
      </c>
    </row>
    <row r="4530" spans="1:25" x14ac:dyDescent="0.2">
      <c r="B4530" s="77"/>
      <c r="C4530" s="39" t="s">
        <v>69</v>
      </c>
      <c r="D4530" s="45">
        <v>189</v>
      </c>
      <c r="E4530" s="46">
        <v>50.3</v>
      </c>
      <c r="F4530" s="46">
        <v>17.5</v>
      </c>
      <c r="G4530" s="46">
        <v>4.8</v>
      </c>
      <c r="H4530" s="47">
        <v>27.5</v>
      </c>
    </row>
    <row r="4531" spans="1:25" x14ac:dyDescent="0.2">
      <c r="B4531" s="77"/>
      <c r="C4531" s="39" t="s">
        <v>70</v>
      </c>
      <c r="D4531" s="45">
        <v>914</v>
      </c>
      <c r="E4531" s="46">
        <v>48.7</v>
      </c>
      <c r="F4531" s="46">
        <v>14.8</v>
      </c>
      <c r="G4531" s="46">
        <v>2.8</v>
      </c>
      <c r="H4531" s="47">
        <v>33.700000000000003</v>
      </c>
    </row>
    <row r="4532" spans="1:25" ht="21.6" x14ac:dyDescent="0.2">
      <c r="B4532" s="77"/>
      <c r="C4532" s="39" t="s">
        <v>63</v>
      </c>
      <c r="D4532" s="45">
        <v>193</v>
      </c>
      <c r="E4532" s="46">
        <v>45.1</v>
      </c>
      <c r="F4532" s="46">
        <v>12.4</v>
      </c>
      <c r="G4532" s="46">
        <v>2.6</v>
      </c>
      <c r="H4532" s="47">
        <v>39.9</v>
      </c>
    </row>
    <row r="4533" spans="1:25" x14ac:dyDescent="0.2">
      <c r="B4533" s="77"/>
      <c r="C4533" s="39" t="s">
        <v>64</v>
      </c>
      <c r="D4533" s="45">
        <v>203</v>
      </c>
      <c r="E4533" s="46">
        <v>51.7</v>
      </c>
      <c r="F4533" s="46">
        <v>12.8</v>
      </c>
      <c r="G4533" s="46">
        <v>4.4000000000000004</v>
      </c>
      <c r="H4533" s="47">
        <v>31</v>
      </c>
    </row>
    <row r="4534" spans="1:25" x14ac:dyDescent="0.2">
      <c r="B4534" s="77"/>
      <c r="C4534" s="39" t="s">
        <v>65</v>
      </c>
      <c r="D4534" s="45">
        <v>263</v>
      </c>
      <c r="E4534" s="46">
        <v>47.9</v>
      </c>
      <c r="F4534" s="46">
        <v>16</v>
      </c>
      <c r="G4534" s="46">
        <v>2.7</v>
      </c>
      <c r="H4534" s="47">
        <v>33.5</v>
      </c>
    </row>
    <row r="4535" spans="1:25" x14ac:dyDescent="0.2">
      <c r="B4535" s="77"/>
      <c r="C4535" s="39" t="s">
        <v>66</v>
      </c>
      <c r="D4535" s="45">
        <v>194</v>
      </c>
      <c r="E4535" s="46">
        <v>47.4</v>
      </c>
      <c r="F4535" s="46">
        <v>18.600000000000001</v>
      </c>
      <c r="G4535" s="46">
        <v>1</v>
      </c>
      <c r="H4535" s="47">
        <v>33</v>
      </c>
    </row>
    <row r="4536" spans="1:25" x14ac:dyDescent="0.2">
      <c r="B4536" s="77"/>
      <c r="C4536" s="39" t="s">
        <v>67</v>
      </c>
      <c r="D4536" s="45">
        <v>61</v>
      </c>
      <c r="E4536" s="46">
        <v>57.4</v>
      </c>
      <c r="F4536" s="46">
        <v>11.5</v>
      </c>
      <c r="G4536" s="46">
        <v>4.9000000000000004</v>
      </c>
      <c r="H4536" s="47">
        <v>26.2</v>
      </c>
    </row>
    <row r="4537" spans="1:25" x14ac:dyDescent="0.2">
      <c r="B4537" s="77"/>
      <c r="C4537" s="39" t="s">
        <v>68</v>
      </c>
      <c r="D4537" s="45">
        <v>416</v>
      </c>
      <c r="E4537" s="46">
        <v>51.9</v>
      </c>
      <c r="F4537" s="46">
        <v>14.9</v>
      </c>
      <c r="G4537" s="46">
        <v>2.6</v>
      </c>
      <c r="H4537" s="47">
        <v>30.5</v>
      </c>
    </row>
    <row r="4538" spans="1:25" x14ac:dyDescent="0.2">
      <c r="B4538" s="77"/>
      <c r="C4538" s="40" t="s">
        <v>69</v>
      </c>
      <c r="D4538" s="48">
        <v>498</v>
      </c>
      <c r="E4538" s="49">
        <v>46</v>
      </c>
      <c r="F4538" s="49">
        <v>14.7</v>
      </c>
      <c r="G4538" s="49">
        <v>3</v>
      </c>
      <c r="H4538" s="50">
        <v>36.299999999999997</v>
      </c>
    </row>
    <row r="4540" spans="1:25" x14ac:dyDescent="0.2">
      <c r="A4540" s="26" t="s">
        <v>25</v>
      </c>
      <c r="B4540" t="s">
        <v>35</v>
      </c>
      <c r="C4540" t="s">
        <v>35</v>
      </c>
    </row>
    <row r="4541" spans="1:25" x14ac:dyDescent="0.2">
      <c r="B4541" s="75" t="s">
        <v>201</v>
      </c>
      <c r="C4541" s="76"/>
      <c r="D4541" s="76"/>
      <c r="E4541" s="76"/>
      <c r="F4541" s="76"/>
      <c r="G4541" s="76"/>
      <c r="H4541" s="76"/>
      <c r="I4541" s="76"/>
      <c r="J4541" s="76"/>
      <c r="K4541" s="76"/>
      <c r="L4541" s="76"/>
      <c r="M4541" s="76"/>
      <c r="N4541" s="76"/>
      <c r="O4541" s="76"/>
      <c r="P4541" s="76"/>
      <c r="Q4541" s="76"/>
      <c r="R4541" s="76"/>
      <c r="S4541" s="76"/>
      <c r="T4541" s="76"/>
      <c r="U4541" s="76"/>
      <c r="V4541" s="76"/>
      <c r="W4541" s="76"/>
      <c r="X4541" s="76"/>
      <c r="Y4541" s="76"/>
    </row>
    <row r="4542" spans="1:25" s="32" customFormat="1" ht="90.45" customHeight="1" x14ac:dyDescent="0.15">
      <c r="A4542" s="31"/>
      <c r="D4542" s="33" t="s">
        <v>378</v>
      </c>
      <c r="E4542" s="36" t="s">
        <v>599</v>
      </c>
      <c r="F4542" s="55" t="s">
        <v>600</v>
      </c>
      <c r="G4542" s="55" t="s">
        <v>601</v>
      </c>
      <c r="H4542" s="37" t="s">
        <v>602</v>
      </c>
      <c r="I4542" s="35" t="s">
        <v>381</v>
      </c>
    </row>
    <row r="4543" spans="1:25" x14ac:dyDescent="0.2">
      <c r="B4543" s="5"/>
      <c r="C4543" s="41" t="s">
        <v>38</v>
      </c>
      <c r="D4543" s="42">
        <v>2000</v>
      </c>
      <c r="E4543" s="43">
        <v>31.8</v>
      </c>
      <c r="F4543" s="43">
        <v>58.7</v>
      </c>
      <c r="G4543" s="43">
        <v>6.6</v>
      </c>
      <c r="H4543" s="44">
        <v>2.9</v>
      </c>
    </row>
    <row r="4544" spans="1:25" x14ac:dyDescent="0.2">
      <c r="B4544" s="77" t="s">
        <v>37</v>
      </c>
      <c r="C4544" s="39" t="s">
        <v>39</v>
      </c>
      <c r="D4544" s="45">
        <v>111</v>
      </c>
      <c r="E4544" s="46">
        <v>35.1</v>
      </c>
      <c r="F4544" s="46">
        <v>61.3</v>
      </c>
      <c r="G4544" s="46">
        <v>2.7</v>
      </c>
      <c r="H4544" s="47">
        <v>0.9</v>
      </c>
    </row>
    <row r="4545" spans="2:8" x14ac:dyDescent="0.2">
      <c r="B4545" s="77"/>
      <c r="C4545" s="39" t="s">
        <v>40</v>
      </c>
      <c r="D4545" s="45">
        <v>450</v>
      </c>
      <c r="E4545" s="46">
        <v>37.799999999999997</v>
      </c>
      <c r="F4545" s="46">
        <v>55.1</v>
      </c>
      <c r="G4545" s="46">
        <v>4</v>
      </c>
      <c r="H4545" s="47">
        <v>3.1</v>
      </c>
    </row>
    <row r="4546" spans="2:8" ht="21.6" x14ac:dyDescent="0.2">
      <c r="B4546" s="77"/>
      <c r="C4546" s="39" t="s">
        <v>41</v>
      </c>
      <c r="D4546" s="45">
        <v>30</v>
      </c>
      <c r="E4546" s="46">
        <v>20</v>
      </c>
      <c r="F4546" s="46">
        <v>70</v>
      </c>
      <c r="G4546" s="46">
        <v>10</v>
      </c>
      <c r="H4546" s="47">
        <v>0</v>
      </c>
    </row>
    <row r="4547" spans="2:8" ht="21.6" x14ac:dyDescent="0.2">
      <c r="B4547" s="77"/>
      <c r="C4547" s="39" t="s">
        <v>42</v>
      </c>
      <c r="D4547" s="45">
        <v>336</v>
      </c>
      <c r="E4547" s="46">
        <v>40.5</v>
      </c>
      <c r="F4547" s="46">
        <v>50</v>
      </c>
      <c r="G4547" s="46">
        <v>7.1</v>
      </c>
      <c r="H4547" s="47">
        <v>2.4</v>
      </c>
    </row>
    <row r="4548" spans="2:8" ht="21.6" x14ac:dyDescent="0.2">
      <c r="B4548" s="77"/>
      <c r="C4548" s="39" t="s">
        <v>43</v>
      </c>
      <c r="D4548" s="45">
        <v>327</v>
      </c>
      <c r="E4548" s="46">
        <v>22.3</v>
      </c>
      <c r="F4548" s="46">
        <v>66.400000000000006</v>
      </c>
      <c r="G4548" s="46">
        <v>7.3</v>
      </c>
      <c r="H4548" s="47">
        <v>4</v>
      </c>
    </row>
    <row r="4549" spans="2:8" ht="21.6" x14ac:dyDescent="0.2">
      <c r="B4549" s="77"/>
      <c r="C4549" s="39" t="s">
        <v>44</v>
      </c>
      <c r="D4549" s="45">
        <v>181</v>
      </c>
      <c r="E4549" s="46">
        <v>29.3</v>
      </c>
      <c r="F4549" s="46">
        <v>63.5</v>
      </c>
      <c r="G4549" s="46">
        <v>6.1</v>
      </c>
      <c r="H4549" s="47">
        <v>1.1000000000000001</v>
      </c>
    </row>
    <row r="4550" spans="2:8" ht="21.6" x14ac:dyDescent="0.2">
      <c r="B4550" s="77"/>
      <c r="C4550" s="39" t="s">
        <v>45</v>
      </c>
      <c r="D4550" s="45">
        <v>565</v>
      </c>
      <c r="E4550" s="46">
        <v>28.1</v>
      </c>
      <c r="F4550" s="46">
        <v>59.6</v>
      </c>
      <c r="G4550" s="46">
        <v>8.6999999999999993</v>
      </c>
      <c r="H4550" s="47">
        <v>3.5</v>
      </c>
    </row>
    <row r="4551" spans="2:8" ht="21.6" x14ac:dyDescent="0.2">
      <c r="B4551" s="77"/>
      <c r="C4551" s="39" t="s">
        <v>46</v>
      </c>
      <c r="D4551" s="45">
        <v>473</v>
      </c>
      <c r="E4551" s="46">
        <v>24.3</v>
      </c>
      <c r="F4551" s="46">
        <v>63.4</v>
      </c>
      <c r="G4551" s="46">
        <v>6.8</v>
      </c>
      <c r="H4551" s="47">
        <v>5.5</v>
      </c>
    </row>
    <row r="4552" spans="2:8" ht="21.6" x14ac:dyDescent="0.2">
      <c r="B4552" s="77"/>
      <c r="C4552" s="39" t="s">
        <v>47</v>
      </c>
      <c r="D4552" s="45">
        <v>441</v>
      </c>
      <c r="E4552" s="46">
        <v>35.1</v>
      </c>
      <c r="F4552" s="46">
        <v>57.1</v>
      </c>
      <c r="G4552" s="46">
        <v>5.4</v>
      </c>
      <c r="H4552" s="47">
        <v>2.2999999999999998</v>
      </c>
    </row>
    <row r="4553" spans="2:8" ht="21.6" x14ac:dyDescent="0.2">
      <c r="B4553" s="77"/>
      <c r="C4553" s="39" t="s">
        <v>48</v>
      </c>
      <c r="D4553" s="45">
        <v>305</v>
      </c>
      <c r="E4553" s="46">
        <v>35.4</v>
      </c>
      <c r="F4553" s="46">
        <v>57.7</v>
      </c>
      <c r="G4553" s="46">
        <v>4.5999999999999996</v>
      </c>
      <c r="H4553" s="47">
        <v>2.2999999999999998</v>
      </c>
    </row>
    <row r="4554" spans="2:8" ht="21.6" x14ac:dyDescent="0.2">
      <c r="B4554" s="77"/>
      <c r="C4554" s="39" t="s">
        <v>49</v>
      </c>
      <c r="D4554" s="45">
        <v>223</v>
      </c>
      <c r="E4554" s="46">
        <v>39</v>
      </c>
      <c r="F4554" s="46">
        <v>54.7</v>
      </c>
      <c r="G4554" s="46">
        <v>4.5</v>
      </c>
      <c r="H4554" s="47">
        <v>1.8</v>
      </c>
    </row>
    <row r="4555" spans="2:8" ht="21.6" x14ac:dyDescent="0.2">
      <c r="B4555" s="77"/>
      <c r="C4555" s="39" t="s">
        <v>50</v>
      </c>
      <c r="D4555" s="45">
        <v>123</v>
      </c>
      <c r="E4555" s="46">
        <v>44.7</v>
      </c>
      <c r="F4555" s="46">
        <v>50.4</v>
      </c>
      <c r="G4555" s="46">
        <v>4.0999999999999996</v>
      </c>
      <c r="H4555" s="47">
        <v>0.8</v>
      </c>
    </row>
    <row r="4556" spans="2:8" ht="21.6" x14ac:dyDescent="0.2">
      <c r="B4556" s="77"/>
      <c r="C4556" s="39" t="s">
        <v>51</v>
      </c>
      <c r="D4556" s="45">
        <v>124</v>
      </c>
      <c r="E4556" s="46">
        <v>33.9</v>
      </c>
      <c r="F4556" s="46">
        <v>58.1</v>
      </c>
      <c r="G4556" s="46">
        <v>6.5</v>
      </c>
      <c r="H4556" s="47">
        <v>1.6</v>
      </c>
    </row>
    <row r="4557" spans="2:8" ht="21.6" x14ac:dyDescent="0.2">
      <c r="B4557" s="77"/>
      <c r="C4557" s="39" t="s">
        <v>52</v>
      </c>
      <c r="D4557" s="45">
        <v>312</v>
      </c>
      <c r="E4557" s="46">
        <v>23.1</v>
      </c>
      <c r="F4557" s="46">
        <v>66.7</v>
      </c>
      <c r="G4557" s="46">
        <v>7.1</v>
      </c>
      <c r="H4557" s="47">
        <v>3.2</v>
      </c>
    </row>
    <row r="4558" spans="2:8" x14ac:dyDescent="0.2">
      <c r="B4558" s="77"/>
      <c r="C4558" s="39" t="s">
        <v>53</v>
      </c>
      <c r="D4558" s="45">
        <v>269</v>
      </c>
      <c r="E4558" s="46">
        <v>30.9</v>
      </c>
      <c r="F4558" s="46">
        <v>59.9</v>
      </c>
      <c r="G4558" s="46">
        <v>5.9</v>
      </c>
      <c r="H4558" s="47">
        <v>3.3</v>
      </c>
    </row>
    <row r="4559" spans="2:8" ht="21.6" x14ac:dyDescent="0.2">
      <c r="B4559" s="77"/>
      <c r="C4559" s="39" t="s">
        <v>54</v>
      </c>
      <c r="D4559" s="45">
        <v>511</v>
      </c>
      <c r="E4559" s="46">
        <v>36.799999999999997</v>
      </c>
      <c r="F4559" s="46">
        <v>55.8</v>
      </c>
      <c r="G4559" s="46">
        <v>5.7</v>
      </c>
      <c r="H4559" s="47">
        <v>1.8</v>
      </c>
    </row>
    <row r="4560" spans="2:8" ht="21.6" x14ac:dyDescent="0.2">
      <c r="B4560" s="77"/>
      <c r="C4560" s="39" t="s">
        <v>55</v>
      </c>
      <c r="D4560" s="45">
        <v>615</v>
      </c>
      <c r="E4560" s="46">
        <v>40.700000000000003</v>
      </c>
      <c r="F4560" s="46">
        <v>53.3</v>
      </c>
      <c r="G4560" s="46">
        <v>3.7</v>
      </c>
      <c r="H4560" s="47">
        <v>2.2999999999999998</v>
      </c>
    </row>
    <row r="4561" spans="1:25" ht="21.6" x14ac:dyDescent="0.2">
      <c r="B4561" s="77"/>
      <c r="C4561" s="39" t="s">
        <v>56</v>
      </c>
      <c r="D4561" s="45">
        <v>800</v>
      </c>
      <c r="E4561" s="46">
        <v>38.6</v>
      </c>
      <c r="F4561" s="46">
        <v>55.4</v>
      </c>
      <c r="G4561" s="46">
        <v>4.0999999999999996</v>
      </c>
      <c r="H4561" s="47">
        <v>1.9</v>
      </c>
    </row>
    <row r="4562" spans="1:25" x14ac:dyDescent="0.2">
      <c r="B4562" s="77"/>
      <c r="C4562" s="40" t="s">
        <v>57</v>
      </c>
      <c r="D4562" s="48">
        <v>798</v>
      </c>
      <c r="E4562" s="49">
        <v>32</v>
      </c>
      <c r="F4562" s="49">
        <v>58.8</v>
      </c>
      <c r="G4562" s="49">
        <v>6</v>
      </c>
      <c r="H4562" s="50">
        <v>3.3</v>
      </c>
    </row>
    <row r="4563" spans="1:25" x14ac:dyDescent="0.2">
      <c r="B4563" s="7" t="s">
        <v>71</v>
      </c>
      <c r="C4563" s="4" t="s">
        <v>202</v>
      </c>
    </row>
    <row r="4564" spans="1:25" x14ac:dyDescent="0.2">
      <c r="B4564" s="4"/>
      <c r="C4564" s="4" t="s">
        <v>73</v>
      </c>
    </row>
    <row r="4566" spans="1:25" x14ac:dyDescent="0.2">
      <c r="C4566" t="s">
        <v>35</v>
      </c>
    </row>
    <row r="4567" spans="1:25" x14ac:dyDescent="0.2">
      <c r="B4567" s="75" t="s">
        <v>346</v>
      </c>
      <c r="C4567" s="76"/>
      <c r="D4567" s="76"/>
      <c r="E4567" s="76"/>
      <c r="F4567" s="76"/>
      <c r="G4567" s="76"/>
      <c r="H4567" s="76"/>
      <c r="I4567" s="76"/>
      <c r="J4567" s="76"/>
      <c r="K4567" s="76"/>
      <c r="L4567" s="76"/>
      <c r="M4567" s="76"/>
      <c r="N4567" s="76"/>
      <c r="O4567" s="76"/>
      <c r="P4567" s="76"/>
      <c r="Q4567" s="76"/>
      <c r="R4567" s="76"/>
      <c r="S4567" s="76"/>
      <c r="T4567" s="76"/>
      <c r="U4567" s="76"/>
      <c r="V4567" s="76"/>
      <c r="W4567" s="76"/>
      <c r="X4567" s="76"/>
      <c r="Y4567" s="76"/>
    </row>
    <row r="4568" spans="1:25" s="32" customFormat="1" ht="90.45" customHeight="1" x14ac:dyDescent="0.15">
      <c r="A4568" s="31"/>
      <c r="D4568" s="33" t="s">
        <v>378</v>
      </c>
      <c r="E4568" s="36" t="s">
        <v>599</v>
      </c>
      <c r="F4568" s="55" t="s">
        <v>600</v>
      </c>
      <c r="G4568" s="55" t="s">
        <v>601</v>
      </c>
      <c r="H4568" s="37" t="s">
        <v>602</v>
      </c>
      <c r="I4568" s="35" t="s">
        <v>381</v>
      </c>
    </row>
    <row r="4569" spans="1:25" ht="21.6" x14ac:dyDescent="0.2">
      <c r="B4569" s="77" t="s">
        <v>37</v>
      </c>
      <c r="C4569" s="38" t="s">
        <v>58</v>
      </c>
      <c r="D4569" s="51">
        <v>609</v>
      </c>
      <c r="E4569" s="52">
        <v>36.5</v>
      </c>
      <c r="F4569" s="52">
        <v>56</v>
      </c>
      <c r="G4569" s="52">
        <v>6.1</v>
      </c>
      <c r="H4569" s="53">
        <v>1.5</v>
      </c>
    </row>
    <row r="4570" spans="1:25" ht="21.6" x14ac:dyDescent="0.2">
      <c r="B4570" s="77"/>
      <c r="C4570" s="39" t="s">
        <v>59</v>
      </c>
      <c r="D4570" s="45">
        <v>1391</v>
      </c>
      <c r="E4570" s="46">
        <v>29.8</v>
      </c>
      <c r="F4570" s="46">
        <v>59.9</v>
      </c>
      <c r="G4570" s="46">
        <v>6.8</v>
      </c>
      <c r="H4570" s="47">
        <v>3.5</v>
      </c>
    </row>
    <row r="4571" spans="1:25" x14ac:dyDescent="0.2">
      <c r="B4571" s="77"/>
      <c r="C4571" s="39" t="s">
        <v>60</v>
      </c>
      <c r="D4571" s="45">
        <v>1325</v>
      </c>
      <c r="E4571" s="46">
        <v>32.6</v>
      </c>
      <c r="F4571" s="46">
        <v>59</v>
      </c>
      <c r="G4571" s="46">
        <v>5.6</v>
      </c>
      <c r="H4571" s="47">
        <v>2.8</v>
      </c>
    </row>
    <row r="4572" spans="1:25" x14ac:dyDescent="0.2">
      <c r="B4572" s="77"/>
      <c r="C4572" s="39" t="s">
        <v>61</v>
      </c>
      <c r="D4572" s="45">
        <v>675</v>
      </c>
      <c r="E4572" s="46">
        <v>30.2</v>
      </c>
      <c r="F4572" s="46">
        <v>58.1</v>
      </c>
      <c r="G4572" s="46">
        <v>8.6</v>
      </c>
      <c r="H4572" s="47">
        <v>3.1</v>
      </c>
    </row>
    <row r="4573" spans="1:25" x14ac:dyDescent="0.2">
      <c r="B4573" s="77"/>
      <c r="C4573" s="39" t="s">
        <v>62</v>
      </c>
      <c r="D4573" s="45">
        <v>1086</v>
      </c>
      <c r="E4573" s="46">
        <v>40.799999999999997</v>
      </c>
      <c r="F4573" s="46">
        <v>50.8</v>
      </c>
      <c r="G4573" s="46">
        <v>6.3</v>
      </c>
      <c r="H4573" s="47">
        <v>2.1</v>
      </c>
    </row>
    <row r="4574" spans="1:25" ht="21.6" x14ac:dyDescent="0.2">
      <c r="B4574" s="77"/>
      <c r="C4574" s="39" t="s">
        <v>63</v>
      </c>
      <c r="D4574" s="45">
        <v>203</v>
      </c>
      <c r="E4574" s="46">
        <v>31</v>
      </c>
      <c r="F4574" s="46">
        <v>54.2</v>
      </c>
      <c r="G4574" s="46">
        <v>8.9</v>
      </c>
      <c r="H4574" s="47">
        <v>5.9</v>
      </c>
    </row>
    <row r="4575" spans="1:25" x14ac:dyDescent="0.2">
      <c r="B4575" s="77"/>
      <c r="C4575" s="39" t="s">
        <v>64</v>
      </c>
      <c r="D4575" s="45">
        <v>263</v>
      </c>
      <c r="E4575" s="46">
        <v>47.1</v>
      </c>
      <c r="F4575" s="46">
        <v>44.1</v>
      </c>
      <c r="G4575" s="46">
        <v>8</v>
      </c>
      <c r="H4575" s="47">
        <v>0.8</v>
      </c>
    </row>
    <row r="4576" spans="1:25" x14ac:dyDescent="0.2">
      <c r="B4576" s="77"/>
      <c r="C4576" s="39" t="s">
        <v>65</v>
      </c>
      <c r="D4576" s="45">
        <v>312</v>
      </c>
      <c r="E4576" s="46">
        <v>40.700000000000003</v>
      </c>
      <c r="F4576" s="46">
        <v>51.3</v>
      </c>
      <c r="G4576" s="46">
        <v>6.4</v>
      </c>
      <c r="H4576" s="47">
        <v>1.6</v>
      </c>
    </row>
    <row r="4577" spans="1:8" x14ac:dyDescent="0.2">
      <c r="B4577" s="77"/>
      <c r="C4577" s="39" t="s">
        <v>66</v>
      </c>
      <c r="D4577" s="45">
        <v>230</v>
      </c>
      <c r="E4577" s="46">
        <v>45.2</v>
      </c>
      <c r="F4577" s="46">
        <v>50</v>
      </c>
      <c r="G4577" s="46">
        <v>3.5</v>
      </c>
      <c r="H4577" s="47">
        <v>1.3</v>
      </c>
    </row>
    <row r="4578" spans="1:8" x14ac:dyDescent="0.2">
      <c r="B4578" s="77"/>
      <c r="C4578" s="39" t="s">
        <v>67</v>
      </c>
      <c r="D4578" s="45">
        <v>78</v>
      </c>
      <c r="E4578" s="46">
        <v>32.1</v>
      </c>
      <c r="F4578" s="46">
        <v>65.400000000000006</v>
      </c>
      <c r="G4578" s="46">
        <v>1.3</v>
      </c>
      <c r="H4578" s="47">
        <v>1.3</v>
      </c>
    </row>
    <row r="4579" spans="1:8" x14ac:dyDescent="0.2">
      <c r="B4579" s="77"/>
      <c r="C4579" s="39" t="s">
        <v>68</v>
      </c>
      <c r="D4579" s="45">
        <v>897</v>
      </c>
      <c r="E4579" s="46">
        <v>45</v>
      </c>
      <c r="F4579" s="46">
        <v>47.7</v>
      </c>
      <c r="G4579" s="46">
        <v>5.7</v>
      </c>
      <c r="H4579" s="47">
        <v>1.6</v>
      </c>
    </row>
    <row r="4580" spans="1:8" x14ac:dyDescent="0.2">
      <c r="B4580" s="77"/>
      <c r="C4580" s="39" t="s">
        <v>69</v>
      </c>
      <c r="D4580" s="45">
        <v>189</v>
      </c>
      <c r="E4580" s="46">
        <v>20.6</v>
      </c>
      <c r="F4580" s="46">
        <v>65.599999999999994</v>
      </c>
      <c r="G4580" s="46">
        <v>9</v>
      </c>
      <c r="H4580" s="47">
        <v>4.8</v>
      </c>
    </row>
    <row r="4581" spans="1:8" x14ac:dyDescent="0.2">
      <c r="B4581" s="77"/>
      <c r="C4581" s="39" t="s">
        <v>70</v>
      </c>
      <c r="D4581" s="45">
        <v>914</v>
      </c>
      <c r="E4581" s="46">
        <v>21.1</v>
      </c>
      <c r="F4581" s="46">
        <v>68.099999999999994</v>
      </c>
      <c r="G4581" s="46">
        <v>7</v>
      </c>
      <c r="H4581" s="47">
        <v>3.8</v>
      </c>
    </row>
    <row r="4582" spans="1:8" ht="21.6" x14ac:dyDescent="0.2">
      <c r="B4582" s="77"/>
      <c r="C4582" s="39" t="s">
        <v>63</v>
      </c>
      <c r="D4582" s="45">
        <v>193</v>
      </c>
      <c r="E4582" s="46">
        <v>28.5</v>
      </c>
      <c r="F4582" s="46">
        <v>56.5</v>
      </c>
      <c r="G4582" s="46">
        <v>9.3000000000000007</v>
      </c>
      <c r="H4582" s="47">
        <v>5.7</v>
      </c>
    </row>
    <row r="4583" spans="1:8" x14ac:dyDescent="0.2">
      <c r="B4583" s="77"/>
      <c r="C4583" s="39" t="s">
        <v>64</v>
      </c>
      <c r="D4583" s="45">
        <v>203</v>
      </c>
      <c r="E4583" s="46">
        <v>24.6</v>
      </c>
      <c r="F4583" s="46">
        <v>64.5</v>
      </c>
      <c r="G4583" s="46">
        <v>5.9</v>
      </c>
      <c r="H4583" s="47">
        <v>4.9000000000000004</v>
      </c>
    </row>
    <row r="4584" spans="1:8" x14ac:dyDescent="0.2">
      <c r="B4584" s="77"/>
      <c r="C4584" s="39" t="s">
        <v>65</v>
      </c>
      <c r="D4584" s="45">
        <v>263</v>
      </c>
      <c r="E4584" s="46">
        <v>14.4</v>
      </c>
      <c r="F4584" s="46">
        <v>75.7</v>
      </c>
      <c r="G4584" s="46">
        <v>8.4</v>
      </c>
      <c r="H4584" s="47">
        <v>1.5</v>
      </c>
    </row>
    <row r="4585" spans="1:8" x14ac:dyDescent="0.2">
      <c r="B4585" s="77"/>
      <c r="C4585" s="39" t="s">
        <v>66</v>
      </c>
      <c r="D4585" s="45">
        <v>194</v>
      </c>
      <c r="E4585" s="46">
        <v>21.1</v>
      </c>
      <c r="F4585" s="46">
        <v>71.599999999999994</v>
      </c>
      <c r="G4585" s="46">
        <v>4.0999999999999996</v>
      </c>
      <c r="H4585" s="47">
        <v>3.1</v>
      </c>
    </row>
    <row r="4586" spans="1:8" x14ac:dyDescent="0.2">
      <c r="B4586" s="77"/>
      <c r="C4586" s="39" t="s">
        <v>67</v>
      </c>
      <c r="D4586" s="45">
        <v>61</v>
      </c>
      <c r="E4586" s="46">
        <v>14.8</v>
      </c>
      <c r="F4586" s="46">
        <v>72.099999999999994</v>
      </c>
      <c r="G4586" s="46">
        <v>6.6</v>
      </c>
      <c r="H4586" s="47">
        <v>6.6</v>
      </c>
    </row>
    <row r="4587" spans="1:8" x14ac:dyDescent="0.2">
      <c r="B4587" s="77"/>
      <c r="C4587" s="39" t="s">
        <v>68</v>
      </c>
      <c r="D4587" s="45">
        <v>416</v>
      </c>
      <c r="E4587" s="46">
        <v>30.5</v>
      </c>
      <c r="F4587" s="46">
        <v>60.3</v>
      </c>
      <c r="G4587" s="46">
        <v>4.5999999999999996</v>
      </c>
      <c r="H4587" s="47">
        <v>4.5999999999999996</v>
      </c>
    </row>
    <row r="4588" spans="1:8" x14ac:dyDescent="0.2">
      <c r="B4588" s="77"/>
      <c r="C4588" s="40" t="s">
        <v>69</v>
      </c>
      <c r="D4588" s="48">
        <v>498</v>
      </c>
      <c r="E4588" s="49">
        <v>13.3</v>
      </c>
      <c r="F4588" s="49">
        <v>74.5</v>
      </c>
      <c r="G4588" s="49">
        <v>9</v>
      </c>
      <c r="H4588" s="50">
        <v>3.2</v>
      </c>
    </row>
    <row r="4589" spans="1:8" x14ac:dyDescent="0.2">
      <c r="B4589" s="7" t="s">
        <v>71</v>
      </c>
      <c r="C4589" s="4" t="s">
        <v>202</v>
      </c>
    </row>
    <row r="4590" spans="1:8" x14ac:dyDescent="0.2">
      <c r="B4590" s="4"/>
      <c r="C4590" s="4" t="s">
        <v>73</v>
      </c>
    </row>
    <row r="4592" spans="1:8" x14ac:dyDescent="0.2">
      <c r="A4592" s="26" t="s">
        <v>25</v>
      </c>
      <c r="B4592" t="s">
        <v>35</v>
      </c>
      <c r="C4592" t="s">
        <v>35</v>
      </c>
    </row>
    <row r="4593" spans="1:25" x14ac:dyDescent="0.2">
      <c r="B4593" s="75" t="s">
        <v>203</v>
      </c>
      <c r="C4593" s="76"/>
      <c r="D4593" s="76"/>
      <c r="E4593" s="76"/>
      <c r="F4593" s="76"/>
      <c r="G4593" s="76"/>
      <c r="H4593" s="76"/>
      <c r="I4593" s="76"/>
      <c r="J4593" s="76"/>
      <c r="K4593" s="76"/>
      <c r="L4593" s="76"/>
      <c r="M4593" s="76"/>
      <c r="N4593" s="76"/>
      <c r="O4593" s="76"/>
      <c r="P4593" s="76"/>
      <c r="Q4593" s="76"/>
      <c r="R4593" s="76"/>
      <c r="S4593" s="76"/>
      <c r="T4593" s="76"/>
      <c r="U4593" s="76"/>
      <c r="V4593" s="76"/>
      <c r="W4593" s="76"/>
      <c r="X4593" s="76"/>
      <c r="Y4593" s="76"/>
    </row>
    <row r="4594" spans="1:25" s="32" customFormat="1" ht="58.05" customHeight="1" x14ac:dyDescent="0.15">
      <c r="A4594" s="31"/>
      <c r="D4594" s="33" t="s">
        <v>378</v>
      </c>
      <c r="E4594" s="36" t="s">
        <v>603</v>
      </c>
      <c r="F4594" s="55" t="s">
        <v>604</v>
      </c>
      <c r="G4594" s="55" t="s">
        <v>605</v>
      </c>
      <c r="H4594" s="55" t="s">
        <v>606</v>
      </c>
      <c r="I4594" s="55" t="s">
        <v>607</v>
      </c>
      <c r="J4594" s="55" t="s">
        <v>608</v>
      </c>
      <c r="K4594" s="55" t="s">
        <v>609</v>
      </c>
      <c r="L4594" s="37" t="s">
        <v>480</v>
      </c>
      <c r="M4594" s="35" t="s">
        <v>381</v>
      </c>
    </row>
    <row r="4595" spans="1:25" x14ac:dyDescent="0.2">
      <c r="B4595" s="5"/>
      <c r="C4595" s="41" t="s">
        <v>38</v>
      </c>
      <c r="D4595" s="42">
        <v>636</v>
      </c>
      <c r="E4595" s="43">
        <v>23.4</v>
      </c>
      <c r="F4595" s="43">
        <v>22.3</v>
      </c>
      <c r="G4595" s="43">
        <v>13.7</v>
      </c>
      <c r="H4595" s="43">
        <v>7.9</v>
      </c>
      <c r="I4595" s="43">
        <v>5.7</v>
      </c>
      <c r="J4595" s="43">
        <v>1.1000000000000001</v>
      </c>
      <c r="K4595" s="43">
        <v>5</v>
      </c>
      <c r="L4595" s="44">
        <v>20.9</v>
      </c>
    </row>
    <row r="4596" spans="1:25" x14ac:dyDescent="0.2">
      <c r="B4596" s="77" t="s">
        <v>37</v>
      </c>
      <c r="C4596" s="39" t="s">
        <v>39</v>
      </c>
      <c r="D4596" s="45">
        <v>39</v>
      </c>
      <c r="E4596" s="46">
        <v>28.2</v>
      </c>
      <c r="F4596" s="46">
        <v>15.4</v>
      </c>
      <c r="G4596" s="46">
        <v>15.4</v>
      </c>
      <c r="H4596" s="46">
        <v>5.0999999999999996</v>
      </c>
      <c r="I4596" s="46">
        <v>2.6</v>
      </c>
      <c r="J4596" s="46">
        <v>5.0999999999999996</v>
      </c>
      <c r="K4596" s="46">
        <v>5.0999999999999996</v>
      </c>
      <c r="L4596" s="47">
        <v>23.1</v>
      </c>
    </row>
    <row r="4597" spans="1:25" x14ac:dyDescent="0.2">
      <c r="B4597" s="77"/>
      <c r="C4597" s="39" t="s">
        <v>40</v>
      </c>
      <c r="D4597" s="45">
        <v>170</v>
      </c>
      <c r="E4597" s="46">
        <v>21.2</v>
      </c>
      <c r="F4597" s="46">
        <v>25.9</v>
      </c>
      <c r="G4597" s="46">
        <v>17.600000000000001</v>
      </c>
      <c r="H4597" s="46">
        <v>7.6</v>
      </c>
      <c r="I4597" s="46">
        <v>7.6</v>
      </c>
      <c r="J4597" s="46">
        <v>0</v>
      </c>
      <c r="K4597" s="46">
        <v>4.7</v>
      </c>
      <c r="L4597" s="47">
        <v>15.3</v>
      </c>
    </row>
    <row r="4598" spans="1:25" ht="21.6" x14ac:dyDescent="0.2">
      <c r="B4598" s="77"/>
      <c r="C4598" s="39" t="s">
        <v>41</v>
      </c>
      <c r="D4598" s="45">
        <v>6</v>
      </c>
      <c r="E4598" s="46">
        <v>0</v>
      </c>
      <c r="F4598" s="46">
        <v>50</v>
      </c>
      <c r="G4598" s="46">
        <v>0</v>
      </c>
      <c r="H4598" s="46">
        <v>33.299999999999997</v>
      </c>
      <c r="I4598" s="46">
        <v>16.7</v>
      </c>
      <c r="J4598" s="46">
        <v>0</v>
      </c>
      <c r="K4598" s="46">
        <v>0</v>
      </c>
      <c r="L4598" s="47">
        <v>0</v>
      </c>
    </row>
    <row r="4599" spans="1:25" ht="21.6" x14ac:dyDescent="0.2">
      <c r="B4599" s="77"/>
      <c r="C4599" s="39" t="s">
        <v>42</v>
      </c>
      <c r="D4599" s="45">
        <v>136</v>
      </c>
      <c r="E4599" s="46">
        <v>16.899999999999999</v>
      </c>
      <c r="F4599" s="46">
        <v>16.899999999999999</v>
      </c>
      <c r="G4599" s="46">
        <v>19.100000000000001</v>
      </c>
      <c r="H4599" s="46">
        <v>13.2</v>
      </c>
      <c r="I4599" s="46">
        <v>5.9</v>
      </c>
      <c r="J4599" s="46">
        <v>0</v>
      </c>
      <c r="K4599" s="46">
        <v>6.6</v>
      </c>
      <c r="L4599" s="47">
        <v>21.3</v>
      </c>
    </row>
    <row r="4600" spans="1:25" ht="21.6" x14ac:dyDescent="0.2">
      <c r="B4600" s="77"/>
      <c r="C4600" s="39" t="s">
        <v>43</v>
      </c>
      <c r="D4600" s="45">
        <v>73</v>
      </c>
      <c r="E4600" s="46">
        <v>28.8</v>
      </c>
      <c r="F4600" s="46">
        <v>17.8</v>
      </c>
      <c r="G4600" s="46">
        <v>8.1999999999999993</v>
      </c>
      <c r="H4600" s="46">
        <v>5.5</v>
      </c>
      <c r="I4600" s="46">
        <v>4.0999999999999996</v>
      </c>
      <c r="J4600" s="46">
        <v>0</v>
      </c>
      <c r="K4600" s="46">
        <v>5.5</v>
      </c>
      <c r="L4600" s="47">
        <v>30.1</v>
      </c>
    </row>
    <row r="4601" spans="1:25" ht="21.6" x14ac:dyDescent="0.2">
      <c r="B4601" s="77"/>
      <c r="C4601" s="39" t="s">
        <v>44</v>
      </c>
      <c r="D4601" s="45">
        <v>53</v>
      </c>
      <c r="E4601" s="46">
        <v>20.8</v>
      </c>
      <c r="F4601" s="46">
        <v>34</v>
      </c>
      <c r="G4601" s="46">
        <v>3.8</v>
      </c>
      <c r="H4601" s="46">
        <v>5.7</v>
      </c>
      <c r="I4601" s="46">
        <v>5.7</v>
      </c>
      <c r="J4601" s="46">
        <v>5.7</v>
      </c>
      <c r="K4601" s="46">
        <v>5.7</v>
      </c>
      <c r="L4601" s="47">
        <v>18.899999999999999</v>
      </c>
    </row>
    <row r="4602" spans="1:25" ht="21.6" x14ac:dyDescent="0.2">
      <c r="B4602" s="77"/>
      <c r="C4602" s="39" t="s">
        <v>45</v>
      </c>
      <c r="D4602" s="45">
        <v>159</v>
      </c>
      <c r="E4602" s="46">
        <v>29.6</v>
      </c>
      <c r="F4602" s="46">
        <v>22</v>
      </c>
      <c r="G4602" s="46">
        <v>10.7</v>
      </c>
      <c r="H4602" s="46">
        <v>5</v>
      </c>
      <c r="I4602" s="46">
        <v>4.4000000000000004</v>
      </c>
      <c r="J4602" s="46">
        <v>1.3</v>
      </c>
      <c r="K4602" s="46">
        <v>3.8</v>
      </c>
      <c r="L4602" s="47">
        <v>23.3</v>
      </c>
    </row>
    <row r="4603" spans="1:25" ht="21.6" x14ac:dyDescent="0.2">
      <c r="B4603" s="77"/>
      <c r="C4603" s="39" t="s">
        <v>46</v>
      </c>
      <c r="D4603" s="45">
        <v>115</v>
      </c>
      <c r="E4603" s="46">
        <v>33</v>
      </c>
      <c r="F4603" s="46">
        <v>21.7</v>
      </c>
      <c r="G4603" s="46">
        <v>8.6999999999999993</v>
      </c>
      <c r="H4603" s="46">
        <v>2.6</v>
      </c>
      <c r="I4603" s="46">
        <v>1.7</v>
      </c>
      <c r="J4603" s="46">
        <v>0</v>
      </c>
      <c r="K4603" s="46">
        <v>5.2</v>
      </c>
      <c r="L4603" s="47">
        <v>27</v>
      </c>
    </row>
    <row r="4604" spans="1:25" ht="21.6" x14ac:dyDescent="0.2">
      <c r="B4604" s="77"/>
      <c r="C4604" s="39" t="s">
        <v>47</v>
      </c>
      <c r="D4604" s="45">
        <v>155</v>
      </c>
      <c r="E4604" s="46">
        <v>20</v>
      </c>
      <c r="F4604" s="46">
        <v>21.3</v>
      </c>
      <c r="G4604" s="46">
        <v>16.100000000000001</v>
      </c>
      <c r="H4604" s="46">
        <v>10.3</v>
      </c>
      <c r="I4604" s="46">
        <v>7.1</v>
      </c>
      <c r="J4604" s="46">
        <v>1.3</v>
      </c>
      <c r="K4604" s="46">
        <v>5.8</v>
      </c>
      <c r="L4604" s="47">
        <v>18.100000000000001</v>
      </c>
    </row>
    <row r="4605" spans="1:25" ht="21.6" x14ac:dyDescent="0.2">
      <c r="B4605" s="77"/>
      <c r="C4605" s="39" t="s">
        <v>48</v>
      </c>
      <c r="D4605" s="45">
        <v>108</v>
      </c>
      <c r="E4605" s="46">
        <v>19.399999999999999</v>
      </c>
      <c r="F4605" s="46">
        <v>29.6</v>
      </c>
      <c r="G4605" s="46">
        <v>16.7</v>
      </c>
      <c r="H4605" s="46">
        <v>9.3000000000000007</v>
      </c>
      <c r="I4605" s="46">
        <v>6.5</v>
      </c>
      <c r="J4605" s="46">
        <v>0.9</v>
      </c>
      <c r="K4605" s="46">
        <v>3.7</v>
      </c>
      <c r="L4605" s="47">
        <v>13.9</v>
      </c>
    </row>
    <row r="4606" spans="1:25" ht="21.6" x14ac:dyDescent="0.2">
      <c r="B4606" s="77"/>
      <c r="C4606" s="39" t="s">
        <v>49</v>
      </c>
      <c r="D4606" s="45">
        <v>87</v>
      </c>
      <c r="E4606" s="46">
        <v>24.1</v>
      </c>
      <c r="F4606" s="46">
        <v>26.4</v>
      </c>
      <c r="G4606" s="46">
        <v>17.2</v>
      </c>
      <c r="H4606" s="46">
        <v>6.9</v>
      </c>
      <c r="I4606" s="46">
        <v>5.7</v>
      </c>
      <c r="J4606" s="46">
        <v>0</v>
      </c>
      <c r="K4606" s="46">
        <v>4.5999999999999996</v>
      </c>
      <c r="L4606" s="47">
        <v>14.9</v>
      </c>
    </row>
    <row r="4607" spans="1:25" ht="21.6" x14ac:dyDescent="0.2">
      <c r="B4607" s="77"/>
      <c r="C4607" s="39" t="s">
        <v>50</v>
      </c>
      <c r="D4607" s="45">
        <v>55</v>
      </c>
      <c r="E4607" s="46">
        <v>20</v>
      </c>
      <c r="F4607" s="46">
        <v>18.2</v>
      </c>
      <c r="G4607" s="46">
        <v>18.2</v>
      </c>
      <c r="H4607" s="46">
        <v>7.3</v>
      </c>
      <c r="I4607" s="46">
        <v>14.5</v>
      </c>
      <c r="J4607" s="46">
        <v>0</v>
      </c>
      <c r="K4607" s="46">
        <v>7.3</v>
      </c>
      <c r="L4607" s="47">
        <v>14.5</v>
      </c>
    </row>
    <row r="4608" spans="1:25" ht="21.6" x14ac:dyDescent="0.2">
      <c r="B4608" s="77"/>
      <c r="C4608" s="39" t="s">
        <v>51</v>
      </c>
      <c r="D4608" s="45">
        <v>42</v>
      </c>
      <c r="E4608" s="46">
        <v>19</v>
      </c>
      <c r="F4608" s="46">
        <v>19</v>
      </c>
      <c r="G4608" s="46">
        <v>9.5</v>
      </c>
      <c r="H4608" s="46">
        <v>11.9</v>
      </c>
      <c r="I4608" s="46">
        <v>7.1</v>
      </c>
      <c r="J4608" s="46">
        <v>7.1</v>
      </c>
      <c r="K4608" s="46">
        <v>4.8</v>
      </c>
      <c r="L4608" s="47">
        <v>21.4</v>
      </c>
    </row>
    <row r="4609" spans="1:25" ht="21.6" x14ac:dyDescent="0.2">
      <c r="B4609" s="77"/>
      <c r="C4609" s="39" t="s">
        <v>52</v>
      </c>
      <c r="D4609" s="45">
        <v>72</v>
      </c>
      <c r="E4609" s="46">
        <v>18.100000000000001</v>
      </c>
      <c r="F4609" s="46">
        <v>16.7</v>
      </c>
      <c r="G4609" s="46">
        <v>11.1</v>
      </c>
      <c r="H4609" s="46">
        <v>5.6</v>
      </c>
      <c r="I4609" s="46">
        <v>8.3000000000000007</v>
      </c>
      <c r="J4609" s="46">
        <v>0</v>
      </c>
      <c r="K4609" s="46">
        <v>6.9</v>
      </c>
      <c r="L4609" s="47">
        <v>33.299999999999997</v>
      </c>
    </row>
    <row r="4610" spans="1:25" x14ac:dyDescent="0.2">
      <c r="B4610" s="77"/>
      <c r="C4610" s="39" t="s">
        <v>53</v>
      </c>
      <c r="D4610" s="45">
        <v>83</v>
      </c>
      <c r="E4610" s="46">
        <v>20.5</v>
      </c>
      <c r="F4610" s="46">
        <v>20.5</v>
      </c>
      <c r="G4610" s="46">
        <v>9.6</v>
      </c>
      <c r="H4610" s="46">
        <v>12</v>
      </c>
      <c r="I4610" s="46">
        <v>2.4</v>
      </c>
      <c r="J4610" s="46">
        <v>2.4</v>
      </c>
      <c r="K4610" s="46">
        <v>7.2</v>
      </c>
      <c r="L4610" s="47">
        <v>25.3</v>
      </c>
    </row>
    <row r="4611" spans="1:25" ht="21.6" x14ac:dyDescent="0.2">
      <c r="B4611" s="77"/>
      <c r="C4611" s="39" t="s">
        <v>54</v>
      </c>
      <c r="D4611" s="45">
        <v>188</v>
      </c>
      <c r="E4611" s="46">
        <v>30.3</v>
      </c>
      <c r="F4611" s="46">
        <v>19.7</v>
      </c>
      <c r="G4611" s="46">
        <v>16</v>
      </c>
      <c r="H4611" s="46">
        <v>5.9</v>
      </c>
      <c r="I4611" s="46">
        <v>3.7</v>
      </c>
      <c r="J4611" s="46">
        <v>0.5</v>
      </c>
      <c r="K4611" s="46">
        <v>4.8</v>
      </c>
      <c r="L4611" s="47">
        <v>19.100000000000001</v>
      </c>
    </row>
    <row r="4612" spans="1:25" ht="21.6" x14ac:dyDescent="0.2">
      <c r="B4612" s="77"/>
      <c r="C4612" s="39" t="s">
        <v>55</v>
      </c>
      <c r="D4612" s="45">
        <v>250</v>
      </c>
      <c r="E4612" s="46">
        <v>20.8</v>
      </c>
      <c r="F4612" s="46">
        <v>29.2</v>
      </c>
      <c r="G4612" s="46">
        <v>14.8</v>
      </c>
      <c r="H4612" s="46">
        <v>8.4</v>
      </c>
      <c r="I4612" s="46">
        <v>8</v>
      </c>
      <c r="J4612" s="46">
        <v>1.6</v>
      </c>
      <c r="K4612" s="46">
        <v>3.2</v>
      </c>
      <c r="L4612" s="47">
        <v>14</v>
      </c>
    </row>
    <row r="4613" spans="1:25" ht="21.6" x14ac:dyDescent="0.2">
      <c r="B4613" s="77"/>
      <c r="C4613" s="39" t="s">
        <v>56</v>
      </c>
      <c r="D4613" s="45">
        <v>309</v>
      </c>
      <c r="E4613" s="46">
        <v>24.3</v>
      </c>
      <c r="F4613" s="46">
        <v>23</v>
      </c>
      <c r="G4613" s="46">
        <v>16.2</v>
      </c>
      <c r="H4613" s="46">
        <v>8.1</v>
      </c>
      <c r="I4613" s="46">
        <v>6.1</v>
      </c>
      <c r="J4613" s="46">
        <v>1</v>
      </c>
      <c r="K4613" s="46">
        <v>3.6</v>
      </c>
      <c r="L4613" s="47">
        <v>17.8</v>
      </c>
    </row>
    <row r="4614" spans="1:25" x14ac:dyDescent="0.2">
      <c r="B4614" s="77"/>
      <c r="C4614" s="40" t="s">
        <v>57</v>
      </c>
      <c r="D4614" s="48">
        <v>255</v>
      </c>
      <c r="E4614" s="49">
        <v>19.2</v>
      </c>
      <c r="F4614" s="49">
        <v>23.9</v>
      </c>
      <c r="G4614" s="49">
        <v>12.2</v>
      </c>
      <c r="H4614" s="49">
        <v>7.1</v>
      </c>
      <c r="I4614" s="49">
        <v>6.3</v>
      </c>
      <c r="J4614" s="49">
        <v>1.2</v>
      </c>
      <c r="K4614" s="49">
        <v>7.5</v>
      </c>
      <c r="L4614" s="50">
        <v>22.7</v>
      </c>
    </row>
    <row r="4616" spans="1:25" x14ac:dyDescent="0.2">
      <c r="C4616" t="s">
        <v>35</v>
      </c>
    </row>
    <row r="4617" spans="1:25" x14ac:dyDescent="0.2">
      <c r="B4617" s="75" t="s">
        <v>347</v>
      </c>
      <c r="C4617" s="76"/>
      <c r="D4617" s="76"/>
      <c r="E4617" s="76"/>
      <c r="F4617" s="76"/>
      <c r="G4617" s="76"/>
      <c r="H4617" s="76"/>
      <c r="I4617" s="76"/>
      <c r="J4617" s="76"/>
      <c r="K4617" s="76"/>
      <c r="L4617" s="76"/>
      <c r="M4617" s="76"/>
      <c r="N4617" s="76"/>
      <c r="O4617" s="76"/>
      <c r="P4617" s="76"/>
      <c r="Q4617" s="76"/>
      <c r="R4617" s="76"/>
      <c r="S4617" s="76"/>
      <c r="T4617" s="76"/>
      <c r="U4617" s="76"/>
      <c r="V4617" s="76"/>
      <c r="W4617" s="76"/>
      <c r="X4617" s="76"/>
      <c r="Y4617" s="76"/>
    </row>
    <row r="4618" spans="1:25" s="32" customFormat="1" ht="58.05" customHeight="1" x14ac:dyDescent="0.15">
      <c r="A4618" s="31"/>
      <c r="D4618" s="33" t="s">
        <v>378</v>
      </c>
      <c r="E4618" s="36" t="s">
        <v>603</v>
      </c>
      <c r="F4618" s="55" t="s">
        <v>604</v>
      </c>
      <c r="G4618" s="55" t="s">
        <v>605</v>
      </c>
      <c r="H4618" s="55" t="s">
        <v>606</v>
      </c>
      <c r="I4618" s="55" t="s">
        <v>607</v>
      </c>
      <c r="J4618" s="55" t="s">
        <v>608</v>
      </c>
      <c r="K4618" s="55" t="s">
        <v>609</v>
      </c>
      <c r="L4618" s="37" t="s">
        <v>480</v>
      </c>
      <c r="M4618" s="35" t="s">
        <v>381</v>
      </c>
    </row>
    <row r="4619" spans="1:25" ht="21.6" x14ac:dyDescent="0.2">
      <c r="B4619" s="77" t="s">
        <v>37</v>
      </c>
      <c r="C4619" s="38" t="s">
        <v>58</v>
      </c>
      <c r="D4619" s="51">
        <v>222</v>
      </c>
      <c r="E4619" s="52">
        <v>23</v>
      </c>
      <c r="F4619" s="52">
        <v>23.4</v>
      </c>
      <c r="G4619" s="52">
        <v>15.3</v>
      </c>
      <c r="H4619" s="52">
        <v>8.1</v>
      </c>
      <c r="I4619" s="52">
        <v>6.8</v>
      </c>
      <c r="J4619" s="52">
        <v>0</v>
      </c>
      <c r="K4619" s="52">
        <v>2.7</v>
      </c>
      <c r="L4619" s="53">
        <v>20.7</v>
      </c>
    </row>
    <row r="4620" spans="1:25" ht="21.6" x14ac:dyDescent="0.2">
      <c r="B4620" s="77"/>
      <c r="C4620" s="39" t="s">
        <v>59</v>
      </c>
      <c r="D4620" s="45">
        <v>414</v>
      </c>
      <c r="E4620" s="46">
        <v>23.7</v>
      </c>
      <c r="F4620" s="46">
        <v>21.7</v>
      </c>
      <c r="G4620" s="46">
        <v>12.8</v>
      </c>
      <c r="H4620" s="46">
        <v>7.7</v>
      </c>
      <c r="I4620" s="46">
        <v>5.0999999999999996</v>
      </c>
      <c r="J4620" s="46">
        <v>1.7</v>
      </c>
      <c r="K4620" s="46">
        <v>6.3</v>
      </c>
      <c r="L4620" s="47">
        <v>21</v>
      </c>
    </row>
    <row r="4621" spans="1:25" x14ac:dyDescent="0.2">
      <c r="B4621" s="77"/>
      <c r="C4621" s="39" t="s">
        <v>60</v>
      </c>
      <c r="D4621" s="45">
        <v>432</v>
      </c>
      <c r="E4621" s="46">
        <v>24.1</v>
      </c>
      <c r="F4621" s="46">
        <v>21.8</v>
      </c>
      <c r="G4621" s="46">
        <v>14.1</v>
      </c>
      <c r="H4621" s="46">
        <v>7.9</v>
      </c>
      <c r="I4621" s="46">
        <v>6.3</v>
      </c>
      <c r="J4621" s="46">
        <v>1.2</v>
      </c>
      <c r="K4621" s="46">
        <v>6</v>
      </c>
      <c r="L4621" s="47">
        <v>18.8</v>
      </c>
    </row>
    <row r="4622" spans="1:25" x14ac:dyDescent="0.2">
      <c r="B4622" s="77"/>
      <c r="C4622" s="39" t="s">
        <v>61</v>
      </c>
      <c r="D4622" s="45">
        <v>204</v>
      </c>
      <c r="E4622" s="46">
        <v>22.1</v>
      </c>
      <c r="F4622" s="46">
        <v>23.5</v>
      </c>
      <c r="G4622" s="46">
        <v>12.7</v>
      </c>
      <c r="H4622" s="46">
        <v>7.8</v>
      </c>
      <c r="I4622" s="46">
        <v>4.4000000000000004</v>
      </c>
      <c r="J4622" s="46">
        <v>1</v>
      </c>
      <c r="K4622" s="46">
        <v>2.9</v>
      </c>
      <c r="L4622" s="47">
        <v>25.5</v>
      </c>
    </row>
    <row r="4623" spans="1:25" x14ac:dyDescent="0.2">
      <c r="B4623" s="77"/>
      <c r="C4623" s="39" t="s">
        <v>62</v>
      </c>
      <c r="D4623" s="45">
        <v>443</v>
      </c>
      <c r="E4623" s="46">
        <v>17.600000000000001</v>
      </c>
      <c r="F4623" s="46">
        <v>23.5</v>
      </c>
      <c r="G4623" s="46">
        <v>16.5</v>
      </c>
      <c r="H4623" s="46">
        <v>8.8000000000000007</v>
      </c>
      <c r="I4623" s="46">
        <v>7.4</v>
      </c>
      <c r="J4623" s="46">
        <v>1.4</v>
      </c>
      <c r="K4623" s="46">
        <v>5.9</v>
      </c>
      <c r="L4623" s="47">
        <v>19</v>
      </c>
    </row>
    <row r="4624" spans="1:25" ht="21.6" x14ac:dyDescent="0.2">
      <c r="B4624" s="77"/>
      <c r="C4624" s="39" t="s">
        <v>63</v>
      </c>
      <c r="D4624" s="45">
        <v>63</v>
      </c>
      <c r="E4624" s="46">
        <v>20.6</v>
      </c>
      <c r="F4624" s="46">
        <v>19</v>
      </c>
      <c r="G4624" s="46">
        <v>19</v>
      </c>
      <c r="H4624" s="46">
        <v>7.9</v>
      </c>
      <c r="I4624" s="46">
        <v>0</v>
      </c>
      <c r="J4624" s="46">
        <v>1.6</v>
      </c>
      <c r="K4624" s="46">
        <v>6.3</v>
      </c>
      <c r="L4624" s="47">
        <v>25.4</v>
      </c>
    </row>
    <row r="4625" spans="1:12" x14ac:dyDescent="0.2">
      <c r="B4625" s="77"/>
      <c r="C4625" s="39" t="s">
        <v>64</v>
      </c>
      <c r="D4625" s="45">
        <v>124</v>
      </c>
      <c r="E4625" s="46">
        <v>20.2</v>
      </c>
      <c r="F4625" s="46">
        <v>22.6</v>
      </c>
      <c r="G4625" s="46">
        <v>14.5</v>
      </c>
      <c r="H4625" s="46">
        <v>8.1</v>
      </c>
      <c r="I4625" s="46">
        <v>8.1</v>
      </c>
      <c r="J4625" s="46">
        <v>0</v>
      </c>
      <c r="K4625" s="46">
        <v>4</v>
      </c>
      <c r="L4625" s="47">
        <v>22.6</v>
      </c>
    </row>
    <row r="4626" spans="1:12" x14ac:dyDescent="0.2">
      <c r="B4626" s="77"/>
      <c r="C4626" s="39" t="s">
        <v>65</v>
      </c>
      <c r="D4626" s="45">
        <v>127</v>
      </c>
      <c r="E4626" s="46">
        <v>14.2</v>
      </c>
      <c r="F4626" s="46">
        <v>26</v>
      </c>
      <c r="G4626" s="46">
        <v>16.5</v>
      </c>
      <c r="H4626" s="46">
        <v>8.6999999999999993</v>
      </c>
      <c r="I4626" s="46">
        <v>6.3</v>
      </c>
      <c r="J4626" s="46">
        <v>3.1</v>
      </c>
      <c r="K4626" s="46">
        <v>6.3</v>
      </c>
      <c r="L4626" s="47">
        <v>18.899999999999999</v>
      </c>
    </row>
    <row r="4627" spans="1:12" x14ac:dyDescent="0.2">
      <c r="B4627" s="77"/>
      <c r="C4627" s="39" t="s">
        <v>66</v>
      </c>
      <c r="D4627" s="45">
        <v>104</v>
      </c>
      <c r="E4627" s="46">
        <v>11.5</v>
      </c>
      <c r="F4627" s="46">
        <v>25</v>
      </c>
      <c r="G4627" s="46">
        <v>18.3</v>
      </c>
      <c r="H4627" s="46">
        <v>11.5</v>
      </c>
      <c r="I4627" s="46">
        <v>13.5</v>
      </c>
      <c r="J4627" s="46">
        <v>1</v>
      </c>
      <c r="K4627" s="46">
        <v>4.8</v>
      </c>
      <c r="L4627" s="47">
        <v>14.4</v>
      </c>
    </row>
    <row r="4628" spans="1:12" x14ac:dyDescent="0.2">
      <c r="B4628" s="77"/>
      <c r="C4628" s="39" t="s">
        <v>67</v>
      </c>
      <c r="D4628" s="45">
        <v>25</v>
      </c>
      <c r="E4628" s="46">
        <v>40</v>
      </c>
      <c r="F4628" s="46">
        <v>20</v>
      </c>
      <c r="G4628" s="46">
        <v>12</v>
      </c>
      <c r="H4628" s="46">
        <v>4</v>
      </c>
      <c r="I4628" s="46">
        <v>4</v>
      </c>
      <c r="J4628" s="46">
        <v>0</v>
      </c>
      <c r="K4628" s="46">
        <v>16</v>
      </c>
      <c r="L4628" s="47">
        <v>4</v>
      </c>
    </row>
    <row r="4629" spans="1:12" x14ac:dyDescent="0.2">
      <c r="B4629" s="77"/>
      <c r="C4629" s="39" t="s">
        <v>68</v>
      </c>
      <c r="D4629" s="45">
        <v>404</v>
      </c>
      <c r="E4629" s="46">
        <v>16.3</v>
      </c>
      <c r="F4629" s="46">
        <v>24</v>
      </c>
      <c r="G4629" s="46">
        <v>17.100000000000001</v>
      </c>
      <c r="H4629" s="46">
        <v>9.4</v>
      </c>
      <c r="I4629" s="46">
        <v>7.7</v>
      </c>
      <c r="J4629" s="46">
        <v>1.5</v>
      </c>
      <c r="K4629" s="46">
        <v>5.7</v>
      </c>
      <c r="L4629" s="47">
        <v>18.3</v>
      </c>
    </row>
    <row r="4630" spans="1:12" x14ac:dyDescent="0.2">
      <c r="B4630" s="77"/>
      <c r="C4630" s="39" t="s">
        <v>69</v>
      </c>
      <c r="D4630" s="45">
        <v>39</v>
      </c>
      <c r="E4630" s="46">
        <v>30.8</v>
      </c>
      <c r="F4630" s="46">
        <v>17.899999999999999</v>
      </c>
      <c r="G4630" s="46">
        <v>10.3</v>
      </c>
      <c r="H4630" s="46">
        <v>2.6</v>
      </c>
      <c r="I4630" s="46">
        <v>5.0999999999999996</v>
      </c>
      <c r="J4630" s="46">
        <v>0</v>
      </c>
      <c r="K4630" s="46">
        <v>7.7</v>
      </c>
      <c r="L4630" s="47">
        <v>25.6</v>
      </c>
    </row>
    <row r="4631" spans="1:12" x14ac:dyDescent="0.2">
      <c r="B4631" s="77"/>
      <c r="C4631" s="39" t="s">
        <v>70</v>
      </c>
      <c r="D4631" s="45">
        <v>193</v>
      </c>
      <c r="E4631" s="46">
        <v>36.799999999999997</v>
      </c>
      <c r="F4631" s="46">
        <v>19.7</v>
      </c>
      <c r="G4631" s="46">
        <v>7.3</v>
      </c>
      <c r="H4631" s="46">
        <v>5.7</v>
      </c>
      <c r="I4631" s="46">
        <v>1.6</v>
      </c>
      <c r="J4631" s="46">
        <v>0.5</v>
      </c>
      <c r="K4631" s="46">
        <v>3.1</v>
      </c>
      <c r="L4631" s="47">
        <v>25.4</v>
      </c>
    </row>
    <row r="4632" spans="1:12" ht="21.6" x14ac:dyDescent="0.2">
      <c r="B4632" s="77"/>
      <c r="C4632" s="39" t="s">
        <v>63</v>
      </c>
      <c r="D4632" s="45">
        <v>55</v>
      </c>
      <c r="E4632" s="46">
        <v>49.1</v>
      </c>
      <c r="F4632" s="46">
        <v>16.399999999999999</v>
      </c>
      <c r="G4632" s="46">
        <v>3.6</v>
      </c>
      <c r="H4632" s="46">
        <v>1.8</v>
      </c>
      <c r="I4632" s="46">
        <v>0</v>
      </c>
      <c r="J4632" s="46">
        <v>0</v>
      </c>
      <c r="K4632" s="46">
        <v>0</v>
      </c>
      <c r="L4632" s="47">
        <v>29.1</v>
      </c>
    </row>
    <row r="4633" spans="1:12" x14ac:dyDescent="0.2">
      <c r="B4633" s="77"/>
      <c r="C4633" s="39" t="s">
        <v>64</v>
      </c>
      <c r="D4633" s="45">
        <v>50</v>
      </c>
      <c r="E4633" s="46">
        <v>38</v>
      </c>
      <c r="F4633" s="46">
        <v>16</v>
      </c>
      <c r="G4633" s="46">
        <v>12</v>
      </c>
      <c r="H4633" s="46">
        <v>4</v>
      </c>
      <c r="I4633" s="46">
        <v>0</v>
      </c>
      <c r="J4633" s="46">
        <v>2</v>
      </c>
      <c r="K4633" s="46">
        <v>6</v>
      </c>
      <c r="L4633" s="47">
        <v>22</v>
      </c>
    </row>
    <row r="4634" spans="1:12" x14ac:dyDescent="0.2">
      <c r="B4634" s="77"/>
      <c r="C4634" s="39" t="s">
        <v>65</v>
      </c>
      <c r="D4634" s="45">
        <v>38</v>
      </c>
      <c r="E4634" s="46">
        <v>28.9</v>
      </c>
      <c r="F4634" s="46">
        <v>26.3</v>
      </c>
      <c r="G4634" s="46">
        <v>5.3</v>
      </c>
      <c r="H4634" s="46">
        <v>15.8</v>
      </c>
      <c r="I4634" s="46">
        <v>2.6</v>
      </c>
      <c r="J4634" s="46">
        <v>0</v>
      </c>
      <c r="K4634" s="46">
        <v>0</v>
      </c>
      <c r="L4634" s="47">
        <v>21.1</v>
      </c>
    </row>
    <row r="4635" spans="1:12" x14ac:dyDescent="0.2">
      <c r="B4635" s="77"/>
      <c r="C4635" s="39" t="s">
        <v>66</v>
      </c>
      <c r="D4635" s="45">
        <v>41</v>
      </c>
      <c r="E4635" s="46">
        <v>24.4</v>
      </c>
      <c r="F4635" s="46">
        <v>24.4</v>
      </c>
      <c r="G4635" s="46">
        <v>9.8000000000000007</v>
      </c>
      <c r="H4635" s="46">
        <v>2.4</v>
      </c>
      <c r="I4635" s="46">
        <v>4.9000000000000004</v>
      </c>
      <c r="J4635" s="46">
        <v>0</v>
      </c>
      <c r="K4635" s="46">
        <v>4.9000000000000004</v>
      </c>
      <c r="L4635" s="47">
        <v>29.3</v>
      </c>
    </row>
    <row r="4636" spans="1:12" x14ac:dyDescent="0.2">
      <c r="B4636" s="77"/>
      <c r="C4636" s="39" t="s">
        <v>67</v>
      </c>
      <c r="D4636" s="45">
        <v>9</v>
      </c>
      <c r="E4636" s="46">
        <v>44.4</v>
      </c>
      <c r="F4636" s="46">
        <v>11.1</v>
      </c>
      <c r="G4636" s="46">
        <v>0</v>
      </c>
      <c r="H4636" s="46">
        <v>11.1</v>
      </c>
      <c r="I4636" s="46">
        <v>0</v>
      </c>
      <c r="J4636" s="46">
        <v>0</v>
      </c>
      <c r="K4636" s="46">
        <v>11.1</v>
      </c>
      <c r="L4636" s="47">
        <v>22.2</v>
      </c>
    </row>
    <row r="4637" spans="1:12" x14ac:dyDescent="0.2">
      <c r="B4637" s="77"/>
      <c r="C4637" s="39" t="s">
        <v>68</v>
      </c>
      <c r="D4637" s="45">
        <v>127</v>
      </c>
      <c r="E4637" s="46">
        <v>32.299999999999997</v>
      </c>
      <c r="F4637" s="46">
        <v>26.8</v>
      </c>
      <c r="G4637" s="46">
        <v>7.9</v>
      </c>
      <c r="H4637" s="46">
        <v>7.1</v>
      </c>
      <c r="I4637" s="46">
        <v>1.6</v>
      </c>
      <c r="J4637" s="46">
        <v>0.8</v>
      </c>
      <c r="K4637" s="46">
        <v>3.9</v>
      </c>
      <c r="L4637" s="47">
        <v>19.7</v>
      </c>
    </row>
    <row r="4638" spans="1:12" x14ac:dyDescent="0.2">
      <c r="B4638" s="77"/>
      <c r="C4638" s="40" t="s">
        <v>69</v>
      </c>
      <c r="D4638" s="48">
        <v>66</v>
      </c>
      <c r="E4638" s="49">
        <v>45.5</v>
      </c>
      <c r="F4638" s="49">
        <v>6.1</v>
      </c>
      <c r="G4638" s="49">
        <v>6.1</v>
      </c>
      <c r="H4638" s="49">
        <v>3</v>
      </c>
      <c r="I4638" s="49">
        <v>1.5</v>
      </c>
      <c r="J4638" s="49">
        <v>0</v>
      </c>
      <c r="K4638" s="49">
        <v>1.5</v>
      </c>
      <c r="L4638" s="50">
        <v>36.4</v>
      </c>
    </row>
    <row r="4640" spans="1:12" x14ac:dyDescent="0.2">
      <c r="A4640" s="26" t="s">
        <v>25</v>
      </c>
      <c r="B4640" t="s">
        <v>35</v>
      </c>
      <c r="C4640" t="s">
        <v>35</v>
      </c>
    </row>
    <row r="4641" spans="1:25" x14ac:dyDescent="0.2">
      <c r="B4641" s="75" t="s">
        <v>204</v>
      </c>
      <c r="C4641" s="76"/>
      <c r="D4641" s="76"/>
      <c r="E4641" s="76"/>
      <c r="F4641" s="76"/>
      <c r="G4641" s="76"/>
      <c r="H4641" s="76"/>
      <c r="I4641" s="76"/>
      <c r="J4641" s="76"/>
      <c r="K4641" s="76"/>
      <c r="L4641" s="76"/>
      <c r="M4641" s="76"/>
      <c r="N4641" s="76"/>
      <c r="O4641" s="76"/>
      <c r="P4641" s="76"/>
      <c r="Q4641" s="76"/>
      <c r="R4641" s="76"/>
      <c r="S4641" s="76"/>
      <c r="T4641" s="76"/>
      <c r="U4641" s="76"/>
      <c r="V4641" s="76"/>
      <c r="W4641" s="76"/>
      <c r="X4641" s="76"/>
      <c r="Y4641" s="76"/>
    </row>
    <row r="4642" spans="1:25" s="32" customFormat="1" ht="36.450000000000003" customHeight="1" x14ac:dyDescent="0.15">
      <c r="A4642" s="31"/>
      <c r="D4642" s="33" t="s">
        <v>378</v>
      </c>
      <c r="E4642" s="36" t="s">
        <v>610</v>
      </c>
      <c r="F4642" s="55" t="s">
        <v>611</v>
      </c>
      <c r="G4642" s="37" t="s">
        <v>480</v>
      </c>
      <c r="H4642" s="35" t="s">
        <v>381</v>
      </c>
    </row>
    <row r="4643" spans="1:25" x14ac:dyDescent="0.2">
      <c r="B4643" s="5"/>
      <c r="C4643" s="41" t="s">
        <v>38</v>
      </c>
      <c r="D4643" s="42">
        <v>636</v>
      </c>
      <c r="E4643" s="43">
        <v>59.4</v>
      </c>
      <c r="F4643" s="43">
        <v>19.7</v>
      </c>
      <c r="G4643" s="44">
        <v>20.9</v>
      </c>
    </row>
    <row r="4644" spans="1:25" x14ac:dyDescent="0.2">
      <c r="B4644" s="77" t="s">
        <v>37</v>
      </c>
      <c r="C4644" s="39" t="s">
        <v>39</v>
      </c>
      <c r="D4644" s="45">
        <v>39</v>
      </c>
      <c r="E4644" s="46">
        <v>59</v>
      </c>
      <c r="F4644" s="46">
        <v>17.899999999999999</v>
      </c>
      <c r="G4644" s="47">
        <v>23.1</v>
      </c>
    </row>
    <row r="4645" spans="1:25" x14ac:dyDescent="0.2">
      <c r="B4645" s="77"/>
      <c r="C4645" s="39" t="s">
        <v>40</v>
      </c>
      <c r="D4645" s="45">
        <v>170</v>
      </c>
      <c r="E4645" s="46">
        <v>64.7</v>
      </c>
      <c r="F4645" s="46">
        <v>20</v>
      </c>
      <c r="G4645" s="47">
        <v>15.3</v>
      </c>
    </row>
    <row r="4646" spans="1:25" ht="21.6" x14ac:dyDescent="0.2">
      <c r="B4646" s="77"/>
      <c r="C4646" s="39" t="s">
        <v>41</v>
      </c>
      <c r="D4646" s="45">
        <v>6</v>
      </c>
      <c r="E4646" s="46">
        <v>50</v>
      </c>
      <c r="F4646" s="46">
        <v>50</v>
      </c>
      <c r="G4646" s="47">
        <v>0</v>
      </c>
    </row>
    <row r="4647" spans="1:25" ht="21.6" x14ac:dyDescent="0.2">
      <c r="B4647" s="77"/>
      <c r="C4647" s="39" t="s">
        <v>42</v>
      </c>
      <c r="D4647" s="45">
        <v>136</v>
      </c>
      <c r="E4647" s="46">
        <v>52.9</v>
      </c>
      <c r="F4647" s="46">
        <v>25.7</v>
      </c>
      <c r="G4647" s="47">
        <v>21.3</v>
      </c>
    </row>
    <row r="4648" spans="1:25" ht="21.6" x14ac:dyDescent="0.2">
      <c r="B4648" s="77"/>
      <c r="C4648" s="39" t="s">
        <v>43</v>
      </c>
      <c r="D4648" s="45">
        <v>73</v>
      </c>
      <c r="E4648" s="46">
        <v>54.8</v>
      </c>
      <c r="F4648" s="46">
        <v>15.1</v>
      </c>
      <c r="G4648" s="47">
        <v>30.1</v>
      </c>
    </row>
    <row r="4649" spans="1:25" ht="21.6" x14ac:dyDescent="0.2">
      <c r="B4649" s="77"/>
      <c r="C4649" s="39" t="s">
        <v>44</v>
      </c>
      <c r="D4649" s="45">
        <v>53</v>
      </c>
      <c r="E4649" s="46">
        <v>58.5</v>
      </c>
      <c r="F4649" s="46">
        <v>22.6</v>
      </c>
      <c r="G4649" s="47">
        <v>18.899999999999999</v>
      </c>
    </row>
    <row r="4650" spans="1:25" ht="21.6" x14ac:dyDescent="0.2">
      <c r="B4650" s="77"/>
      <c r="C4650" s="39" t="s">
        <v>45</v>
      </c>
      <c r="D4650" s="45">
        <v>159</v>
      </c>
      <c r="E4650" s="46">
        <v>62.3</v>
      </c>
      <c r="F4650" s="46">
        <v>14.5</v>
      </c>
      <c r="G4650" s="47">
        <v>23.3</v>
      </c>
    </row>
    <row r="4651" spans="1:25" ht="21.6" x14ac:dyDescent="0.2">
      <c r="B4651" s="77"/>
      <c r="C4651" s="39" t="s">
        <v>46</v>
      </c>
      <c r="D4651" s="45">
        <v>115</v>
      </c>
      <c r="E4651" s="46">
        <v>63.5</v>
      </c>
      <c r="F4651" s="46">
        <v>9.6</v>
      </c>
      <c r="G4651" s="47">
        <v>27</v>
      </c>
    </row>
    <row r="4652" spans="1:25" ht="21.6" x14ac:dyDescent="0.2">
      <c r="B4652" s="77"/>
      <c r="C4652" s="39" t="s">
        <v>47</v>
      </c>
      <c r="D4652" s="45">
        <v>155</v>
      </c>
      <c r="E4652" s="46">
        <v>57.4</v>
      </c>
      <c r="F4652" s="46">
        <v>24.5</v>
      </c>
      <c r="G4652" s="47">
        <v>18.100000000000001</v>
      </c>
    </row>
    <row r="4653" spans="1:25" ht="21.6" x14ac:dyDescent="0.2">
      <c r="B4653" s="77"/>
      <c r="C4653" s="39" t="s">
        <v>48</v>
      </c>
      <c r="D4653" s="45">
        <v>108</v>
      </c>
      <c r="E4653" s="46">
        <v>65.7</v>
      </c>
      <c r="F4653" s="46">
        <v>20.399999999999999</v>
      </c>
      <c r="G4653" s="47">
        <v>13.9</v>
      </c>
    </row>
    <row r="4654" spans="1:25" ht="21.6" x14ac:dyDescent="0.2">
      <c r="B4654" s="77"/>
      <c r="C4654" s="39" t="s">
        <v>49</v>
      </c>
      <c r="D4654" s="45">
        <v>87</v>
      </c>
      <c r="E4654" s="46">
        <v>67.8</v>
      </c>
      <c r="F4654" s="46">
        <v>17.2</v>
      </c>
      <c r="G4654" s="47">
        <v>14.9</v>
      </c>
    </row>
    <row r="4655" spans="1:25" ht="21.6" x14ac:dyDescent="0.2">
      <c r="B4655" s="77"/>
      <c r="C4655" s="39" t="s">
        <v>50</v>
      </c>
      <c r="D4655" s="45">
        <v>55</v>
      </c>
      <c r="E4655" s="46">
        <v>56.4</v>
      </c>
      <c r="F4655" s="46">
        <v>29.1</v>
      </c>
      <c r="G4655" s="47">
        <v>14.5</v>
      </c>
    </row>
    <row r="4656" spans="1:25" ht="21.6" x14ac:dyDescent="0.2">
      <c r="B4656" s="77"/>
      <c r="C4656" s="39" t="s">
        <v>51</v>
      </c>
      <c r="D4656" s="45">
        <v>42</v>
      </c>
      <c r="E4656" s="46">
        <v>47.6</v>
      </c>
      <c r="F4656" s="46">
        <v>31</v>
      </c>
      <c r="G4656" s="47">
        <v>21.4</v>
      </c>
    </row>
    <row r="4657" spans="1:25" ht="21.6" x14ac:dyDescent="0.2">
      <c r="B4657" s="77"/>
      <c r="C4657" s="39" t="s">
        <v>52</v>
      </c>
      <c r="D4657" s="45">
        <v>72</v>
      </c>
      <c r="E4657" s="46">
        <v>45.8</v>
      </c>
      <c r="F4657" s="46">
        <v>20.8</v>
      </c>
      <c r="G4657" s="47">
        <v>33.299999999999997</v>
      </c>
    </row>
    <row r="4658" spans="1:25" x14ac:dyDescent="0.2">
      <c r="B4658" s="77"/>
      <c r="C4658" s="39" t="s">
        <v>53</v>
      </c>
      <c r="D4658" s="45">
        <v>83</v>
      </c>
      <c r="E4658" s="46">
        <v>50.6</v>
      </c>
      <c r="F4658" s="46">
        <v>24.1</v>
      </c>
      <c r="G4658" s="47">
        <v>25.3</v>
      </c>
    </row>
    <row r="4659" spans="1:25" ht="21.6" x14ac:dyDescent="0.2">
      <c r="B4659" s="77"/>
      <c r="C4659" s="39" t="s">
        <v>54</v>
      </c>
      <c r="D4659" s="45">
        <v>188</v>
      </c>
      <c r="E4659" s="46">
        <v>66</v>
      </c>
      <c r="F4659" s="46">
        <v>14.9</v>
      </c>
      <c r="G4659" s="47">
        <v>19.100000000000001</v>
      </c>
    </row>
    <row r="4660" spans="1:25" ht="21.6" x14ac:dyDescent="0.2">
      <c r="B4660" s="77"/>
      <c r="C4660" s="39" t="s">
        <v>55</v>
      </c>
      <c r="D4660" s="45">
        <v>250</v>
      </c>
      <c r="E4660" s="46">
        <v>64.8</v>
      </c>
      <c r="F4660" s="46">
        <v>21.2</v>
      </c>
      <c r="G4660" s="47">
        <v>14</v>
      </c>
    </row>
    <row r="4661" spans="1:25" ht="21.6" x14ac:dyDescent="0.2">
      <c r="B4661" s="77"/>
      <c r="C4661" s="39" t="s">
        <v>56</v>
      </c>
      <c r="D4661" s="45">
        <v>309</v>
      </c>
      <c r="E4661" s="46">
        <v>63.4</v>
      </c>
      <c r="F4661" s="46">
        <v>18.8</v>
      </c>
      <c r="G4661" s="47">
        <v>17.8</v>
      </c>
    </row>
    <row r="4662" spans="1:25" x14ac:dyDescent="0.2">
      <c r="B4662" s="77"/>
      <c r="C4662" s="40" t="s">
        <v>57</v>
      </c>
      <c r="D4662" s="48">
        <v>255</v>
      </c>
      <c r="E4662" s="49">
        <v>55.3</v>
      </c>
      <c r="F4662" s="49">
        <v>22</v>
      </c>
      <c r="G4662" s="50">
        <v>22.7</v>
      </c>
    </row>
    <row r="4664" spans="1:25" x14ac:dyDescent="0.2">
      <c r="C4664" t="s">
        <v>35</v>
      </c>
    </row>
    <row r="4665" spans="1:25" x14ac:dyDescent="0.2">
      <c r="B4665" s="75" t="s">
        <v>348</v>
      </c>
      <c r="C4665" s="76"/>
      <c r="D4665" s="76"/>
      <c r="E4665" s="76"/>
      <c r="F4665" s="76"/>
      <c r="G4665" s="76"/>
      <c r="H4665" s="76"/>
      <c r="I4665" s="76"/>
      <c r="J4665" s="76"/>
      <c r="K4665" s="76"/>
      <c r="L4665" s="76"/>
      <c r="M4665" s="76"/>
      <c r="N4665" s="76"/>
      <c r="O4665" s="76"/>
      <c r="P4665" s="76"/>
      <c r="Q4665" s="76"/>
      <c r="R4665" s="76"/>
      <c r="S4665" s="76"/>
      <c r="T4665" s="76"/>
      <c r="U4665" s="76"/>
      <c r="V4665" s="76"/>
      <c r="W4665" s="76"/>
      <c r="X4665" s="76"/>
      <c r="Y4665" s="76"/>
    </row>
    <row r="4666" spans="1:25" s="32" customFormat="1" ht="36.450000000000003" customHeight="1" x14ac:dyDescent="0.15">
      <c r="A4666" s="31"/>
      <c r="D4666" s="33" t="s">
        <v>378</v>
      </c>
      <c r="E4666" s="36" t="s">
        <v>610</v>
      </c>
      <c r="F4666" s="55" t="s">
        <v>611</v>
      </c>
      <c r="G4666" s="37" t="s">
        <v>480</v>
      </c>
      <c r="H4666" s="35" t="s">
        <v>381</v>
      </c>
    </row>
    <row r="4667" spans="1:25" ht="21.6" x14ac:dyDescent="0.2">
      <c r="B4667" s="77" t="s">
        <v>37</v>
      </c>
      <c r="C4667" s="38" t="s">
        <v>58</v>
      </c>
      <c r="D4667" s="51">
        <v>222</v>
      </c>
      <c r="E4667" s="52">
        <v>61.7</v>
      </c>
      <c r="F4667" s="52">
        <v>17.600000000000001</v>
      </c>
      <c r="G4667" s="53">
        <v>20.7</v>
      </c>
    </row>
    <row r="4668" spans="1:25" ht="21.6" x14ac:dyDescent="0.2">
      <c r="B4668" s="77"/>
      <c r="C4668" s="39" t="s">
        <v>59</v>
      </c>
      <c r="D4668" s="45">
        <v>414</v>
      </c>
      <c r="E4668" s="46">
        <v>58.2</v>
      </c>
      <c r="F4668" s="46">
        <v>20.8</v>
      </c>
      <c r="G4668" s="47">
        <v>21</v>
      </c>
    </row>
    <row r="4669" spans="1:25" x14ac:dyDescent="0.2">
      <c r="B4669" s="77"/>
      <c r="C4669" s="39" t="s">
        <v>60</v>
      </c>
      <c r="D4669" s="45">
        <v>432</v>
      </c>
      <c r="E4669" s="46">
        <v>60</v>
      </c>
      <c r="F4669" s="46">
        <v>21.3</v>
      </c>
      <c r="G4669" s="47">
        <v>18.8</v>
      </c>
    </row>
    <row r="4670" spans="1:25" x14ac:dyDescent="0.2">
      <c r="B4670" s="77"/>
      <c r="C4670" s="39" t="s">
        <v>61</v>
      </c>
      <c r="D4670" s="45">
        <v>204</v>
      </c>
      <c r="E4670" s="46">
        <v>58.3</v>
      </c>
      <c r="F4670" s="46">
        <v>16.2</v>
      </c>
      <c r="G4670" s="47">
        <v>25.5</v>
      </c>
    </row>
    <row r="4671" spans="1:25" x14ac:dyDescent="0.2">
      <c r="B4671" s="77"/>
      <c r="C4671" s="39" t="s">
        <v>62</v>
      </c>
      <c r="D4671" s="45">
        <v>443</v>
      </c>
      <c r="E4671" s="46">
        <v>57.6</v>
      </c>
      <c r="F4671" s="46">
        <v>23.5</v>
      </c>
      <c r="G4671" s="47">
        <v>19</v>
      </c>
    </row>
    <row r="4672" spans="1:25" ht="21.6" x14ac:dyDescent="0.2">
      <c r="B4672" s="77"/>
      <c r="C4672" s="39" t="s">
        <v>63</v>
      </c>
      <c r="D4672" s="45">
        <v>63</v>
      </c>
      <c r="E4672" s="46">
        <v>58.7</v>
      </c>
      <c r="F4672" s="46">
        <v>15.9</v>
      </c>
      <c r="G4672" s="47">
        <v>25.4</v>
      </c>
    </row>
    <row r="4673" spans="1:7" x14ac:dyDescent="0.2">
      <c r="B4673" s="77"/>
      <c r="C4673" s="39" t="s">
        <v>64</v>
      </c>
      <c r="D4673" s="45">
        <v>124</v>
      </c>
      <c r="E4673" s="46">
        <v>57.3</v>
      </c>
      <c r="F4673" s="46">
        <v>20.2</v>
      </c>
      <c r="G4673" s="47">
        <v>22.6</v>
      </c>
    </row>
    <row r="4674" spans="1:7" x14ac:dyDescent="0.2">
      <c r="B4674" s="77"/>
      <c r="C4674" s="39" t="s">
        <v>65</v>
      </c>
      <c r="D4674" s="45">
        <v>127</v>
      </c>
      <c r="E4674" s="46">
        <v>56.7</v>
      </c>
      <c r="F4674" s="46">
        <v>24.4</v>
      </c>
      <c r="G4674" s="47">
        <v>18.899999999999999</v>
      </c>
    </row>
    <row r="4675" spans="1:7" x14ac:dyDescent="0.2">
      <c r="B4675" s="77"/>
      <c r="C4675" s="39" t="s">
        <v>66</v>
      </c>
      <c r="D4675" s="45">
        <v>104</v>
      </c>
      <c r="E4675" s="46">
        <v>54.8</v>
      </c>
      <c r="F4675" s="46">
        <v>30.8</v>
      </c>
      <c r="G4675" s="47">
        <v>14.4</v>
      </c>
    </row>
    <row r="4676" spans="1:7" x14ac:dyDescent="0.2">
      <c r="B4676" s="77"/>
      <c r="C4676" s="39" t="s">
        <v>67</v>
      </c>
      <c r="D4676" s="45">
        <v>25</v>
      </c>
      <c r="E4676" s="46">
        <v>72</v>
      </c>
      <c r="F4676" s="46">
        <v>24</v>
      </c>
      <c r="G4676" s="47">
        <v>4</v>
      </c>
    </row>
    <row r="4677" spans="1:7" x14ac:dyDescent="0.2">
      <c r="B4677" s="77"/>
      <c r="C4677" s="39" t="s">
        <v>68</v>
      </c>
      <c r="D4677" s="45">
        <v>404</v>
      </c>
      <c r="E4677" s="46">
        <v>57.4</v>
      </c>
      <c r="F4677" s="46">
        <v>24.3</v>
      </c>
      <c r="G4677" s="47">
        <v>18.3</v>
      </c>
    </row>
    <row r="4678" spans="1:7" x14ac:dyDescent="0.2">
      <c r="B4678" s="77"/>
      <c r="C4678" s="39" t="s">
        <v>69</v>
      </c>
      <c r="D4678" s="45">
        <v>39</v>
      </c>
      <c r="E4678" s="46">
        <v>59</v>
      </c>
      <c r="F4678" s="46">
        <v>15.4</v>
      </c>
      <c r="G4678" s="47">
        <v>25.6</v>
      </c>
    </row>
    <row r="4679" spans="1:7" x14ac:dyDescent="0.2">
      <c r="B4679" s="77"/>
      <c r="C4679" s="39" t="s">
        <v>70</v>
      </c>
      <c r="D4679" s="45">
        <v>193</v>
      </c>
      <c r="E4679" s="46">
        <v>63.7</v>
      </c>
      <c r="F4679" s="46">
        <v>10.9</v>
      </c>
      <c r="G4679" s="47">
        <v>25.4</v>
      </c>
    </row>
    <row r="4680" spans="1:7" ht="21.6" x14ac:dyDescent="0.2">
      <c r="B4680" s="77"/>
      <c r="C4680" s="39" t="s">
        <v>63</v>
      </c>
      <c r="D4680" s="45">
        <v>55</v>
      </c>
      <c r="E4680" s="46">
        <v>69.099999999999994</v>
      </c>
      <c r="F4680" s="46">
        <v>1.8</v>
      </c>
      <c r="G4680" s="47">
        <v>29.1</v>
      </c>
    </row>
    <row r="4681" spans="1:7" x14ac:dyDescent="0.2">
      <c r="B4681" s="77"/>
      <c r="C4681" s="39" t="s">
        <v>64</v>
      </c>
      <c r="D4681" s="45">
        <v>50</v>
      </c>
      <c r="E4681" s="46">
        <v>66</v>
      </c>
      <c r="F4681" s="46">
        <v>12</v>
      </c>
      <c r="G4681" s="47">
        <v>22</v>
      </c>
    </row>
    <row r="4682" spans="1:7" x14ac:dyDescent="0.2">
      <c r="B4682" s="77"/>
      <c r="C4682" s="39" t="s">
        <v>65</v>
      </c>
      <c r="D4682" s="45">
        <v>38</v>
      </c>
      <c r="E4682" s="46">
        <v>60.5</v>
      </c>
      <c r="F4682" s="46">
        <v>18.399999999999999</v>
      </c>
      <c r="G4682" s="47">
        <v>21.1</v>
      </c>
    </row>
    <row r="4683" spans="1:7" x14ac:dyDescent="0.2">
      <c r="B4683" s="77"/>
      <c r="C4683" s="39" t="s">
        <v>66</v>
      </c>
      <c r="D4683" s="45">
        <v>41</v>
      </c>
      <c r="E4683" s="46">
        <v>58.5</v>
      </c>
      <c r="F4683" s="46">
        <v>12.2</v>
      </c>
      <c r="G4683" s="47">
        <v>29.3</v>
      </c>
    </row>
    <row r="4684" spans="1:7" x14ac:dyDescent="0.2">
      <c r="B4684" s="77"/>
      <c r="C4684" s="39" t="s">
        <v>67</v>
      </c>
      <c r="D4684" s="45">
        <v>9</v>
      </c>
      <c r="E4684" s="46">
        <v>55.6</v>
      </c>
      <c r="F4684" s="46">
        <v>22.2</v>
      </c>
      <c r="G4684" s="47">
        <v>22.2</v>
      </c>
    </row>
    <row r="4685" spans="1:7" x14ac:dyDescent="0.2">
      <c r="B4685" s="77"/>
      <c r="C4685" s="39" t="s">
        <v>68</v>
      </c>
      <c r="D4685" s="45">
        <v>127</v>
      </c>
      <c r="E4685" s="46">
        <v>66.900000000000006</v>
      </c>
      <c r="F4685" s="46">
        <v>13.4</v>
      </c>
      <c r="G4685" s="47">
        <v>19.7</v>
      </c>
    </row>
    <row r="4686" spans="1:7" x14ac:dyDescent="0.2">
      <c r="B4686" s="77"/>
      <c r="C4686" s="40" t="s">
        <v>69</v>
      </c>
      <c r="D4686" s="48">
        <v>66</v>
      </c>
      <c r="E4686" s="49">
        <v>57.6</v>
      </c>
      <c r="F4686" s="49">
        <v>6.1</v>
      </c>
      <c r="G4686" s="50">
        <v>36.4</v>
      </c>
    </row>
    <row r="4688" spans="1:7" x14ac:dyDescent="0.2">
      <c r="A4688" s="26" t="s">
        <v>25</v>
      </c>
      <c r="B4688" t="s">
        <v>35</v>
      </c>
      <c r="C4688" t="s">
        <v>35</v>
      </c>
    </row>
    <row r="4689" spans="1:25" x14ac:dyDescent="0.2">
      <c r="B4689" s="75" t="s">
        <v>205</v>
      </c>
      <c r="C4689" s="76"/>
      <c r="D4689" s="76"/>
      <c r="E4689" s="76"/>
      <c r="F4689" s="76"/>
      <c r="G4689" s="76"/>
      <c r="H4689" s="76"/>
      <c r="I4689" s="76"/>
      <c r="J4689" s="76"/>
      <c r="K4689" s="76"/>
      <c r="L4689" s="76"/>
      <c r="M4689" s="76"/>
      <c r="N4689" s="76"/>
      <c r="O4689" s="76"/>
      <c r="P4689" s="76"/>
      <c r="Q4689" s="76"/>
      <c r="R4689" s="76"/>
      <c r="S4689" s="76"/>
      <c r="T4689" s="76"/>
      <c r="U4689" s="76"/>
      <c r="V4689" s="76"/>
      <c r="W4689" s="76"/>
      <c r="X4689" s="76"/>
      <c r="Y4689" s="76"/>
    </row>
    <row r="4690" spans="1:25" s="32" customFormat="1" ht="36.450000000000003" customHeight="1" x14ac:dyDescent="0.15">
      <c r="A4690" s="31"/>
      <c r="D4690" s="33" t="s">
        <v>378</v>
      </c>
      <c r="E4690" s="36" t="s">
        <v>612</v>
      </c>
      <c r="F4690" s="55" t="s">
        <v>613</v>
      </c>
      <c r="G4690" s="37" t="s">
        <v>480</v>
      </c>
      <c r="H4690" s="35" t="s">
        <v>381</v>
      </c>
    </row>
    <row r="4691" spans="1:25" x14ac:dyDescent="0.2">
      <c r="B4691" s="5"/>
      <c r="C4691" s="41" t="s">
        <v>38</v>
      </c>
      <c r="D4691" s="42">
        <v>636</v>
      </c>
      <c r="E4691" s="43">
        <v>67.3</v>
      </c>
      <c r="F4691" s="43">
        <v>11.8</v>
      </c>
      <c r="G4691" s="44">
        <v>20.9</v>
      </c>
    </row>
    <row r="4692" spans="1:25" x14ac:dyDescent="0.2">
      <c r="B4692" s="77" t="s">
        <v>37</v>
      </c>
      <c r="C4692" s="39" t="s">
        <v>39</v>
      </c>
      <c r="D4692" s="45">
        <v>39</v>
      </c>
      <c r="E4692" s="46">
        <v>64.099999999999994</v>
      </c>
      <c r="F4692" s="46">
        <v>12.8</v>
      </c>
      <c r="G4692" s="47">
        <v>23.1</v>
      </c>
    </row>
    <row r="4693" spans="1:25" x14ac:dyDescent="0.2">
      <c r="B4693" s="77"/>
      <c r="C4693" s="39" t="s">
        <v>40</v>
      </c>
      <c r="D4693" s="45">
        <v>170</v>
      </c>
      <c r="E4693" s="46">
        <v>72.400000000000006</v>
      </c>
      <c r="F4693" s="46">
        <v>12.4</v>
      </c>
      <c r="G4693" s="47">
        <v>15.3</v>
      </c>
    </row>
    <row r="4694" spans="1:25" ht="21.6" x14ac:dyDescent="0.2">
      <c r="B4694" s="77"/>
      <c r="C4694" s="39" t="s">
        <v>41</v>
      </c>
      <c r="D4694" s="45">
        <v>6</v>
      </c>
      <c r="E4694" s="46">
        <v>83.3</v>
      </c>
      <c r="F4694" s="46">
        <v>16.7</v>
      </c>
      <c r="G4694" s="47">
        <v>0</v>
      </c>
    </row>
    <row r="4695" spans="1:25" ht="21.6" x14ac:dyDescent="0.2">
      <c r="B4695" s="77"/>
      <c r="C4695" s="39" t="s">
        <v>42</v>
      </c>
      <c r="D4695" s="45">
        <v>136</v>
      </c>
      <c r="E4695" s="46">
        <v>66.2</v>
      </c>
      <c r="F4695" s="46">
        <v>12.5</v>
      </c>
      <c r="G4695" s="47">
        <v>21.3</v>
      </c>
    </row>
    <row r="4696" spans="1:25" ht="21.6" x14ac:dyDescent="0.2">
      <c r="B4696" s="77"/>
      <c r="C4696" s="39" t="s">
        <v>43</v>
      </c>
      <c r="D4696" s="45">
        <v>73</v>
      </c>
      <c r="E4696" s="46">
        <v>60.3</v>
      </c>
      <c r="F4696" s="46">
        <v>9.6</v>
      </c>
      <c r="G4696" s="47">
        <v>30.1</v>
      </c>
    </row>
    <row r="4697" spans="1:25" ht="21.6" x14ac:dyDescent="0.2">
      <c r="B4697" s="77"/>
      <c r="C4697" s="39" t="s">
        <v>44</v>
      </c>
      <c r="D4697" s="45">
        <v>53</v>
      </c>
      <c r="E4697" s="46">
        <v>64.2</v>
      </c>
      <c r="F4697" s="46">
        <v>17</v>
      </c>
      <c r="G4697" s="47">
        <v>18.899999999999999</v>
      </c>
    </row>
    <row r="4698" spans="1:25" ht="21.6" x14ac:dyDescent="0.2">
      <c r="B4698" s="77"/>
      <c r="C4698" s="39" t="s">
        <v>45</v>
      </c>
      <c r="D4698" s="45">
        <v>159</v>
      </c>
      <c r="E4698" s="46">
        <v>67.3</v>
      </c>
      <c r="F4698" s="46">
        <v>9.4</v>
      </c>
      <c r="G4698" s="47">
        <v>23.3</v>
      </c>
    </row>
    <row r="4699" spans="1:25" ht="21.6" x14ac:dyDescent="0.2">
      <c r="B4699" s="77"/>
      <c r="C4699" s="39" t="s">
        <v>46</v>
      </c>
      <c r="D4699" s="45">
        <v>115</v>
      </c>
      <c r="E4699" s="46">
        <v>66.099999999999994</v>
      </c>
      <c r="F4699" s="46">
        <v>7</v>
      </c>
      <c r="G4699" s="47">
        <v>27</v>
      </c>
    </row>
    <row r="4700" spans="1:25" ht="21.6" x14ac:dyDescent="0.2">
      <c r="B4700" s="77"/>
      <c r="C4700" s="39" t="s">
        <v>47</v>
      </c>
      <c r="D4700" s="45">
        <v>155</v>
      </c>
      <c r="E4700" s="46">
        <v>67.7</v>
      </c>
      <c r="F4700" s="46">
        <v>14.2</v>
      </c>
      <c r="G4700" s="47">
        <v>18.100000000000001</v>
      </c>
    </row>
    <row r="4701" spans="1:25" ht="21.6" x14ac:dyDescent="0.2">
      <c r="B4701" s="77"/>
      <c r="C4701" s="39" t="s">
        <v>48</v>
      </c>
      <c r="D4701" s="45">
        <v>108</v>
      </c>
      <c r="E4701" s="46">
        <v>75</v>
      </c>
      <c r="F4701" s="46">
        <v>11.1</v>
      </c>
      <c r="G4701" s="47">
        <v>13.9</v>
      </c>
    </row>
    <row r="4702" spans="1:25" ht="21.6" x14ac:dyDescent="0.2">
      <c r="B4702" s="77"/>
      <c r="C4702" s="39" t="s">
        <v>49</v>
      </c>
      <c r="D4702" s="45">
        <v>87</v>
      </c>
      <c r="E4702" s="46">
        <v>74.7</v>
      </c>
      <c r="F4702" s="46">
        <v>10.3</v>
      </c>
      <c r="G4702" s="47">
        <v>14.9</v>
      </c>
    </row>
    <row r="4703" spans="1:25" ht="21.6" x14ac:dyDescent="0.2">
      <c r="B4703" s="77"/>
      <c r="C4703" s="39" t="s">
        <v>50</v>
      </c>
      <c r="D4703" s="45">
        <v>55</v>
      </c>
      <c r="E4703" s="46">
        <v>63.6</v>
      </c>
      <c r="F4703" s="46">
        <v>21.8</v>
      </c>
      <c r="G4703" s="47">
        <v>14.5</v>
      </c>
    </row>
    <row r="4704" spans="1:25" ht="21.6" x14ac:dyDescent="0.2">
      <c r="B4704" s="77"/>
      <c r="C4704" s="39" t="s">
        <v>51</v>
      </c>
      <c r="D4704" s="45">
        <v>42</v>
      </c>
      <c r="E4704" s="46">
        <v>59.5</v>
      </c>
      <c r="F4704" s="46">
        <v>19</v>
      </c>
      <c r="G4704" s="47">
        <v>21.4</v>
      </c>
    </row>
    <row r="4705" spans="1:25" ht="21.6" x14ac:dyDescent="0.2">
      <c r="B4705" s="77"/>
      <c r="C4705" s="39" t="s">
        <v>52</v>
      </c>
      <c r="D4705" s="45">
        <v>72</v>
      </c>
      <c r="E4705" s="46">
        <v>51.4</v>
      </c>
      <c r="F4705" s="46">
        <v>15.3</v>
      </c>
      <c r="G4705" s="47">
        <v>33.299999999999997</v>
      </c>
    </row>
    <row r="4706" spans="1:25" x14ac:dyDescent="0.2">
      <c r="B4706" s="77"/>
      <c r="C4706" s="39" t="s">
        <v>53</v>
      </c>
      <c r="D4706" s="45">
        <v>83</v>
      </c>
      <c r="E4706" s="46">
        <v>62.7</v>
      </c>
      <c r="F4706" s="46">
        <v>12</v>
      </c>
      <c r="G4706" s="47">
        <v>25.3</v>
      </c>
    </row>
    <row r="4707" spans="1:25" ht="21.6" x14ac:dyDescent="0.2">
      <c r="B4707" s="77"/>
      <c r="C4707" s="39" t="s">
        <v>54</v>
      </c>
      <c r="D4707" s="45">
        <v>188</v>
      </c>
      <c r="E4707" s="46">
        <v>71.8</v>
      </c>
      <c r="F4707" s="46">
        <v>9</v>
      </c>
      <c r="G4707" s="47">
        <v>19.100000000000001</v>
      </c>
    </row>
    <row r="4708" spans="1:25" ht="21.6" x14ac:dyDescent="0.2">
      <c r="B4708" s="77"/>
      <c r="C4708" s="39" t="s">
        <v>55</v>
      </c>
      <c r="D4708" s="45">
        <v>250</v>
      </c>
      <c r="E4708" s="46">
        <v>73.2</v>
      </c>
      <c r="F4708" s="46">
        <v>12.8</v>
      </c>
      <c r="G4708" s="47">
        <v>14</v>
      </c>
    </row>
    <row r="4709" spans="1:25" ht="21.6" x14ac:dyDescent="0.2">
      <c r="B4709" s="77"/>
      <c r="C4709" s="39" t="s">
        <v>56</v>
      </c>
      <c r="D4709" s="45">
        <v>309</v>
      </c>
      <c r="E4709" s="46">
        <v>71.5</v>
      </c>
      <c r="F4709" s="46">
        <v>10.7</v>
      </c>
      <c r="G4709" s="47">
        <v>17.8</v>
      </c>
    </row>
    <row r="4710" spans="1:25" x14ac:dyDescent="0.2">
      <c r="B4710" s="77"/>
      <c r="C4710" s="40" t="s">
        <v>57</v>
      </c>
      <c r="D4710" s="48">
        <v>255</v>
      </c>
      <c r="E4710" s="49">
        <v>62.4</v>
      </c>
      <c r="F4710" s="49">
        <v>14.9</v>
      </c>
      <c r="G4710" s="50">
        <v>22.7</v>
      </c>
    </row>
    <row r="4712" spans="1:25" x14ac:dyDescent="0.2">
      <c r="C4712" t="s">
        <v>35</v>
      </c>
    </row>
    <row r="4713" spans="1:25" x14ac:dyDescent="0.2">
      <c r="B4713" s="75" t="s">
        <v>349</v>
      </c>
      <c r="C4713" s="76"/>
      <c r="D4713" s="76"/>
      <c r="E4713" s="76"/>
      <c r="F4713" s="76"/>
      <c r="G4713" s="76"/>
      <c r="H4713" s="76"/>
      <c r="I4713" s="76"/>
      <c r="J4713" s="76"/>
      <c r="K4713" s="76"/>
      <c r="L4713" s="76"/>
      <c r="M4713" s="76"/>
      <c r="N4713" s="76"/>
      <c r="O4713" s="76"/>
      <c r="P4713" s="76"/>
      <c r="Q4713" s="76"/>
      <c r="R4713" s="76"/>
      <c r="S4713" s="76"/>
      <c r="T4713" s="76"/>
      <c r="U4713" s="76"/>
      <c r="V4713" s="76"/>
      <c r="W4713" s="76"/>
      <c r="X4713" s="76"/>
      <c r="Y4713" s="76"/>
    </row>
    <row r="4714" spans="1:25" s="32" customFormat="1" ht="36.450000000000003" customHeight="1" x14ac:dyDescent="0.15">
      <c r="A4714" s="31"/>
      <c r="D4714" s="33" t="s">
        <v>378</v>
      </c>
      <c r="E4714" s="36" t="s">
        <v>612</v>
      </c>
      <c r="F4714" s="55" t="s">
        <v>613</v>
      </c>
      <c r="G4714" s="37" t="s">
        <v>480</v>
      </c>
      <c r="H4714" s="35" t="s">
        <v>381</v>
      </c>
    </row>
    <row r="4715" spans="1:25" ht="21.6" x14ac:dyDescent="0.2">
      <c r="B4715" s="77" t="s">
        <v>37</v>
      </c>
      <c r="C4715" s="38" t="s">
        <v>58</v>
      </c>
      <c r="D4715" s="51">
        <v>222</v>
      </c>
      <c r="E4715" s="52">
        <v>69.8</v>
      </c>
      <c r="F4715" s="52">
        <v>9.5</v>
      </c>
      <c r="G4715" s="53">
        <v>20.7</v>
      </c>
    </row>
    <row r="4716" spans="1:25" ht="21.6" x14ac:dyDescent="0.2">
      <c r="B4716" s="77"/>
      <c r="C4716" s="39" t="s">
        <v>59</v>
      </c>
      <c r="D4716" s="45">
        <v>414</v>
      </c>
      <c r="E4716" s="46">
        <v>65.900000000000006</v>
      </c>
      <c r="F4716" s="46">
        <v>13</v>
      </c>
      <c r="G4716" s="47">
        <v>21</v>
      </c>
    </row>
    <row r="4717" spans="1:25" x14ac:dyDescent="0.2">
      <c r="B4717" s="77"/>
      <c r="C4717" s="39" t="s">
        <v>60</v>
      </c>
      <c r="D4717" s="45">
        <v>432</v>
      </c>
      <c r="E4717" s="46">
        <v>67.8</v>
      </c>
      <c r="F4717" s="46">
        <v>13.4</v>
      </c>
      <c r="G4717" s="47">
        <v>18.8</v>
      </c>
    </row>
    <row r="4718" spans="1:25" x14ac:dyDescent="0.2">
      <c r="B4718" s="77"/>
      <c r="C4718" s="39" t="s">
        <v>61</v>
      </c>
      <c r="D4718" s="45">
        <v>204</v>
      </c>
      <c r="E4718" s="46">
        <v>66.2</v>
      </c>
      <c r="F4718" s="46">
        <v>8.3000000000000007</v>
      </c>
      <c r="G4718" s="47">
        <v>25.5</v>
      </c>
    </row>
    <row r="4719" spans="1:25" x14ac:dyDescent="0.2">
      <c r="B4719" s="77"/>
      <c r="C4719" s="39" t="s">
        <v>62</v>
      </c>
      <c r="D4719" s="45">
        <v>443</v>
      </c>
      <c r="E4719" s="46">
        <v>66.400000000000006</v>
      </c>
      <c r="F4719" s="46">
        <v>14.7</v>
      </c>
      <c r="G4719" s="47">
        <v>19</v>
      </c>
    </row>
    <row r="4720" spans="1:25" ht="21.6" x14ac:dyDescent="0.2">
      <c r="B4720" s="77"/>
      <c r="C4720" s="39" t="s">
        <v>63</v>
      </c>
      <c r="D4720" s="45">
        <v>63</v>
      </c>
      <c r="E4720" s="46">
        <v>66.7</v>
      </c>
      <c r="F4720" s="46">
        <v>7.9</v>
      </c>
      <c r="G4720" s="47">
        <v>25.4</v>
      </c>
    </row>
    <row r="4721" spans="1:7" x14ac:dyDescent="0.2">
      <c r="B4721" s="77"/>
      <c r="C4721" s="39" t="s">
        <v>64</v>
      </c>
      <c r="D4721" s="45">
        <v>124</v>
      </c>
      <c r="E4721" s="46">
        <v>65.3</v>
      </c>
      <c r="F4721" s="46">
        <v>12.1</v>
      </c>
      <c r="G4721" s="47">
        <v>22.6</v>
      </c>
    </row>
    <row r="4722" spans="1:7" x14ac:dyDescent="0.2">
      <c r="B4722" s="77"/>
      <c r="C4722" s="39" t="s">
        <v>65</v>
      </c>
      <c r="D4722" s="45">
        <v>127</v>
      </c>
      <c r="E4722" s="46">
        <v>65.400000000000006</v>
      </c>
      <c r="F4722" s="46">
        <v>15.7</v>
      </c>
      <c r="G4722" s="47">
        <v>18.899999999999999</v>
      </c>
    </row>
    <row r="4723" spans="1:7" x14ac:dyDescent="0.2">
      <c r="B4723" s="77"/>
      <c r="C4723" s="39" t="s">
        <v>66</v>
      </c>
      <c r="D4723" s="45">
        <v>104</v>
      </c>
      <c r="E4723" s="46">
        <v>66.3</v>
      </c>
      <c r="F4723" s="46">
        <v>19.2</v>
      </c>
      <c r="G4723" s="47">
        <v>14.4</v>
      </c>
    </row>
    <row r="4724" spans="1:7" x14ac:dyDescent="0.2">
      <c r="B4724" s="77"/>
      <c r="C4724" s="39" t="s">
        <v>67</v>
      </c>
      <c r="D4724" s="45">
        <v>25</v>
      </c>
      <c r="E4724" s="46">
        <v>76</v>
      </c>
      <c r="F4724" s="46">
        <v>20</v>
      </c>
      <c r="G4724" s="47">
        <v>4</v>
      </c>
    </row>
    <row r="4725" spans="1:7" x14ac:dyDescent="0.2">
      <c r="B4725" s="77"/>
      <c r="C4725" s="39" t="s">
        <v>68</v>
      </c>
      <c r="D4725" s="45">
        <v>404</v>
      </c>
      <c r="E4725" s="46">
        <v>66.8</v>
      </c>
      <c r="F4725" s="46">
        <v>14.9</v>
      </c>
      <c r="G4725" s="47">
        <v>18.3</v>
      </c>
    </row>
    <row r="4726" spans="1:7" x14ac:dyDescent="0.2">
      <c r="B4726" s="77"/>
      <c r="C4726" s="39" t="s">
        <v>69</v>
      </c>
      <c r="D4726" s="45">
        <v>39</v>
      </c>
      <c r="E4726" s="46">
        <v>61.5</v>
      </c>
      <c r="F4726" s="46">
        <v>12.8</v>
      </c>
      <c r="G4726" s="47">
        <v>25.6</v>
      </c>
    </row>
    <row r="4727" spans="1:7" x14ac:dyDescent="0.2">
      <c r="B4727" s="77"/>
      <c r="C4727" s="39" t="s">
        <v>70</v>
      </c>
      <c r="D4727" s="45">
        <v>193</v>
      </c>
      <c r="E4727" s="46">
        <v>69.400000000000006</v>
      </c>
      <c r="F4727" s="46">
        <v>5.2</v>
      </c>
      <c r="G4727" s="47">
        <v>25.4</v>
      </c>
    </row>
    <row r="4728" spans="1:7" ht="21.6" x14ac:dyDescent="0.2">
      <c r="B4728" s="77"/>
      <c r="C4728" s="39" t="s">
        <v>63</v>
      </c>
      <c r="D4728" s="45">
        <v>55</v>
      </c>
      <c r="E4728" s="46">
        <v>70.900000000000006</v>
      </c>
      <c r="F4728" s="46">
        <v>0</v>
      </c>
      <c r="G4728" s="47">
        <v>29.1</v>
      </c>
    </row>
    <row r="4729" spans="1:7" x14ac:dyDescent="0.2">
      <c r="B4729" s="77"/>
      <c r="C4729" s="39" t="s">
        <v>64</v>
      </c>
      <c r="D4729" s="45">
        <v>50</v>
      </c>
      <c r="E4729" s="46">
        <v>70</v>
      </c>
      <c r="F4729" s="46">
        <v>8</v>
      </c>
      <c r="G4729" s="47">
        <v>22</v>
      </c>
    </row>
    <row r="4730" spans="1:7" x14ac:dyDescent="0.2">
      <c r="B4730" s="77"/>
      <c r="C4730" s="39" t="s">
        <v>65</v>
      </c>
      <c r="D4730" s="45">
        <v>38</v>
      </c>
      <c r="E4730" s="46">
        <v>76.3</v>
      </c>
      <c r="F4730" s="46">
        <v>2.6</v>
      </c>
      <c r="G4730" s="47">
        <v>21.1</v>
      </c>
    </row>
    <row r="4731" spans="1:7" x14ac:dyDescent="0.2">
      <c r="B4731" s="77"/>
      <c r="C4731" s="39" t="s">
        <v>66</v>
      </c>
      <c r="D4731" s="45">
        <v>41</v>
      </c>
      <c r="E4731" s="46">
        <v>61</v>
      </c>
      <c r="F4731" s="46">
        <v>9.8000000000000007</v>
      </c>
      <c r="G4731" s="47">
        <v>29.3</v>
      </c>
    </row>
    <row r="4732" spans="1:7" x14ac:dyDescent="0.2">
      <c r="B4732" s="77"/>
      <c r="C4732" s="39" t="s">
        <v>67</v>
      </c>
      <c r="D4732" s="45">
        <v>9</v>
      </c>
      <c r="E4732" s="46">
        <v>66.7</v>
      </c>
      <c r="F4732" s="46">
        <v>11.1</v>
      </c>
      <c r="G4732" s="47">
        <v>22.2</v>
      </c>
    </row>
    <row r="4733" spans="1:7" x14ac:dyDescent="0.2">
      <c r="B4733" s="77"/>
      <c r="C4733" s="39" t="s">
        <v>68</v>
      </c>
      <c r="D4733" s="45">
        <v>127</v>
      </c>
      <c r="E4733" s="46">
        <v>74</v>
      </c>
      <c r="F4733" s="46">
        <v>6.3</v>
      </c>
      <c r="G4733" s="47">
        <v>19.7</v>
      </c>
    </row>
    <row r="4734" spans="1:7" x14ac:dyDescent="0.2">
      <c r="B4734" s="77"/>
      <c r="C4734" s="40" t="s">
        <v>69</v>
      </c>
      <c r="D4734" s="48">
        <v>66</v>
      </c>
      <c r="E4734" s="49">
        <v>60.6</v>
      </c>
      <c r="F4734" s="49">
        <v>3</v>
      </c>
      <c r="G4734" s="50">
        <v>36.4</v>
      </c>
    </row>
    <row r="4736" spans="1:7" x14ac:dyDescent="0.2">
      <c r="A4736" s="26" t="s">
        <v>25</v>
      </c>
      <c r="B4736" t="s">
        <v>35</v>
      </c>
      <c r="C4736" t="s">
        <v>35</v>
      </c>
    </row>
    <row r="4737" spans="1:25" x14ac:dyDescent="0.2">
      <c r="B4737" s="75" t="s">
        <v>206</v>
      </c>
      <c r="C4737" s="76"/>
      <c r="D4737" s="76"/>
      <c r="E4737" s="76"/>
      <c r="F4737" s="76"/>
      <c r="G4737" s="76"/>
      <c r="H4737" s="76"/>
      <c r="I4737" s="76"/>
      <c r="J4737" s="76"/>
      <c r="K4737" s="76"/>
      <c r="L4737" s="76"/>
      <c r="M4737" s="76"/>
      <c r="N4737" s="76"/>
      <c r="O4737" s="76"/>
      <c r="P4737" s="76"/>
      <c r="Q4737" s="76"/>
      <c r="R4737" s="76"/>
      <c r="S4737" s="76"/>
      <c r="T4737" s="76"/>
      <c r="U4737" s="76"/>
      <c r="V4737" s="76"/>
      <c r="W4737" s="76"/>
      <c r="X4737" s="76"/>
      <c r="Y4737" s="76"/>
    </row>
    <row r="4738" spans="1:25" s="32" customFormat="1" ht="36.450000000000003" customHeight="1" x14ac:dyDescent="0.15">
      <c r="A4738" s="31"/>
      <c r="D4738" s="33" t="s">
        <v>378</v>
      </c>
      <c r="E4738" s="36" t="s">
        <v>614</v>
      </c>
      <c r="F4738" s="55" t="s">
        <v>615</v>
      </c>
      <c r="G4738" s="37" t="s">
        <v>480</v>
      </c>
      <c r="H4738" s="35" t="s">
        <v>381</v>
      </c>
    </row>
    <row r="4739" spans="1:25" x14ac:dyDescent="0.2">
      <c r="B4739" s="5"/>
      <c r="C4739" s="41" t="s">
        <v>38</v>
      </c>
      <c r="D4739" s="42">
        <v>636</v>
      </c>
      <c r="E4739" s="43">
        <v>73</v>
      </c>
      <c r="F4739" s="43">
        <v>6.1</v>
      </c>
      <c r="G4739" s="44">
        <v>20.9</v>
      </c>
    </row>
    <row r="4740" spans="1:25" x14ac:dyDescent="0.2">
      <c r="B4740" s="77" t="s">
        <v>37</v>
      </c>
      <c r="C4740" s="39" t="s">
        <v>39</v>
      </c>
      <c r="D4740" s="45">
        <v>39</v>
      </c>
      <c r="E4740" s="46">
        <v>66.7</v>
      </c>
      <c r="F4740" s="46">
        <v>10.3</v>
      </c>
      <c r="G4740" s="47">
        <v>23.1</v>
      </c>
    </row>
    <row r="4741" spans="1:25" x14ac:dyDescent="0.2">
      <c r="B4741" s="77"/>
      <c r="C4741" s="39" t="s">
        <v>40</v>
      </c>
      <c r="D4741" s="45">
        <v>170</v>
      </c>
      <c r="E4741" s="46">
        <v>80</v>
      </c>
      <c r="F4741" s="46">
        <v>4.7</v>
      </c>
      <c r="G4741" s="47">
        <v>15.3</v>
      </c>
    </row>
    <row r="4742" spans="1:25" ht="21.6" x14ac:dyDescent="0.2">
      <c r="B4742" s="77"/>
      <c r="C4742" s="39" t="s">
        <v>41</v>
      </c>
      <c r="D4742" s="45">
        <v>6</v>
      </c>
      <c r="E4742" s="46">
        <v>100</v>
      </c>
      <c r="F4742" s="46">
        <v>0</v>
      </c>
      <c r="G4742" s="47">
        <v>0</v>
      </c>
    </row>
    <row r="4743" spans="1:25" ht="21.6" x14ac:dyDescent="0.2">
      <c r="B4743" s="77"/>
      <c r="C4743" s="39" t="s">
        <v>42</v>
      </c>
      <c r="D4743" s="45">
        <v>136</v>
      </c>
      <c r="E4743" s="46">
        <v>72.099999999999994</v>
      </c>
      <c r="F4743" s="46">
        <v>6.6</v>
      </c>
      <c r="G4743" s="47">
        <v>21.3</v>
      </c>
    </row>
    <row r="4744" spans="1:25" ht="21.6" x14ac:dyDescent="0.2">
      <c r="B4744" s="77"/>
      <c r="C4744" s="39" t="s">
        <v>43</v>
      </c>
      <c r="D4744" s="45">
        <v>73</v>
      </c>
      <c r="E4744" s="46">
        <v>64.400000000000006</v>
      </c>
      <c r="F4744" s="46">
        <v>5.5</v>
      </c>
      <c r="G4744" s="47">
        <v>30.1</v>
      </c>
    </row>
    <row r="4745" spans="1:25" ht="21.6" x14ac:dyDescent="0.2">
      <c r="B4745" s="77"/>
      <c r="C4745" s="39" t="s">
        <v>44</v>
      </c>
      <c r="D4745" s="45">
        <v>53</v>
      </c>
      <c r="E4745" s="46">
        <v>69.8</v>
      </c>
      <c r="F4745" s="46">
        <v>11.3</v>
      </c>
      <c r="G4745" s="47">
        <v>18.899999999999999</v>
      </c>
    </row>
    <row r="4746" spans="1:25" ht="21.6" x14ac:dyDescent="0.2">
      <c r="B4746" s="77"/>
      <c r="C4746" s="39" t="s">
        <v>45</v>
      </c>
      <c r="D4746" s="45">
        <v>159</v>
      </c>
      <c r="E4746" s="46">
        <v>71.7</v>
      </c>
      <c r="F4746" s="46">
        <v>5</v>
      </c>
      <c r="G4746" s="47">
        <v>23.3</v>
      </c>
    </row>
    <row r="4747" spans="1:25" ht="21.6" x14ac:dyDescent="0.2">
      <c r="B4747" s="77"/>
      <c r="C4747" s="39" t="s">
        <v>46</v>
      </c>
      <c r="D4747" s="45">
        <v>115</v>
      </c>
      <c r="E4747" s="46">
        <v>67.8</v>
      </c>
      <c r="F4747" s="46">
        <v>5.2</v>
      </c>
      <c r="G4747" s="47">
        <v>27</v>
      </c>
    </row>
    <row r="4748" spans="1:25" ht="21.6" x14ac:dyDescent="0.2">
      <c r="B4748" s="77"/>
      <c r="C4748" s="39" t="s">
        <v>47</v>
      </c>
      <c r="D4748" s="45">
        <v>155</v>
      </c>
      <c r="E4748" s="46">
        <v>74.8</v>
      </c>
      <c r="F4748" s="46">
        <v>7.1</v>
      </c>
      <c r="G4748" s="47">
        <v>18.100000000000001</v>
      </c>
    </row>
    <row r="4749" spans="1:25" ht="21.6" x14ac:dyDescent="0.2">
      <c r="B4749" s="77"/>
      <c r="C4749" s="39" t="s">
        <v>48</v>
      </c>
      <c r="D4749" s="45">
        <v>108</v>
      </c>
      <c r="E4749" s="46">
        <v>81.5</v>
      </c>
      <c r="F4749" s="46">
        <v>4.5999999999999996</v>
      </c>
      <c r="G4749" s="47">
        <v>13.9</v>
      </c>
    </row>
    <row r="4750" spans="1:25" ht="21.6" x14ac:dyDescent="0.2">
      <c r="B4750" s="77"/>
      <c r="C4750" s="39" t="s">
        <v>49</v>
      </c>
      <c r="D4750" s="45">
        <v>87</v>
      </c>
      <c r="E4750" s="46">
        <v>80.5</v>
      </c>
      <c r="F4750" s="46">
        <v>4.5999999999999996</v>
      </c>
      <c r="G4750" s="47">
        <v>14.9</v>
      </c>
    </row>
    <row r="4751" spans="1:25" ht="21.6" x14ac:dyDescent="0.2">
      <c r="B4751" s="77"/>
      <c r="C4751" s="39" t="s">
        <v>50</v>
      </c>
      <c r="D4751" s="45">
        <v>55</v>
      </c>
      <c r="E4751" s="46">
        <v>78.2</v>
      </c>
      <c r="F4751" s="46">
        <v>7.3</v>
      </c>
      <c r="G4751" s="47">
        <v>14.5</v>
      </c>
    </row>
    <row r="4752" spans="1:25" ht="21.6" x14ac:dyDescent="0.2">
      <c r="B4752" s="77"/>
      <c r="C4752" s="39" t="s">
        <v>51</v>
      </c>
      <c r="D4752" s="45">
        <v>42</v>
      </c>
      <c r="E4752" s="46">
        <v>66.7</v>
      </c>
      <c r="F4752" s="46">
        <v>11.9</v>
      </c>
      <c r="G4752" s="47">
        <v>21.4</v>
      </c>
    </row>
    <row r="4753" spans="1:25" ht="21.6" x14ac:dyDescent="0.2">
      <c r="B4753" s="77"/>
      <c r="C4753" s="39" t="s">
        <v>52</v>
      </c>
      <c r="D4753" s="45">
        <v>72</v>
      </c>
      <c r="E4753" s="46">
        <v>59.7</v>
      </c>
      <c r="F4753" s="46">
        <v>6.9</v>
      </c>
      <c r="G4753" s="47">
        <v>33.299999999999997</v>
      </c>
    </row>
    <row r="4754" spans="1:25" x14ac:dyDescent="0.2">
      <c r="B4754" s="77"/>
      <c r="C4754" s="39" t="s">
        <v>53</v>
      </c>
      <c r="D4754" s="45">
        <v>83</v>
      </c>
      <c r="E4754" s="46">
        <v>65.099999999999994</v>
      </c>
      <c r="F4754" s="46">
        <v>9.6</v>
      </c>
      <c r="G4754" s="47">
        <v>25.3</v>
      </c>
    </row>
    <row r="4755" spans="1:25" ht="21.6" x14ac:dyDescent="0.2">
      <c r="B4755" s="77"/>
      <c r="C4755" s="39" t="s">
        <v>54</v>
      </c>
      <c r="D4755" s="45">
        <v>188</v>
      </c>
      <c r="E4755" s="46">
        <v>75.5</v>
      </c>
      <c r="F4755" s="46">
        <v>5.3</v>
      </c>
      <c r="G4755" s="47">
        <v>19.100000000000001</v>
      </c>
    </row>
    <row r="4756" spans="1:25" ht="21.6" x14ac:dyDescent="0.2">
      <c r="B4756" s="77"/>
      <c r="C4756" s="39" t="s">
        <v>55</v>
      </c>
      <c r="D4756" s="45">
        <v>250</v>
      </c>
      <c r="E4756" s="46">
        <v>81.2</v>
      </c>
      <c r="F4756" s="46">
        <v>4.8</v>
      </c>
      <c r="G4756" s="47">
        <v>14</v>
      </c>
    </row>
    <row r="4757" spans="1:25" ht="21.6" x14ac:dyDescent="0.2">
      <c r="B4757" s="77"/>
      <c r="C4757" s="39" t="s">
        <v>56</v>
      </c>
      <c r="D4757" s="45">
        <v>309</v>
      </c>
      <c r="E4757" s="46">
        <v>77.7</v>
      </c>
      <c r="F4757" s="46">
        <v>4.5</v>
      </c>
      <c r="G4757" s="47">
        <v>17.8</v>
      </c>
    </row>
    <row r="4758" spans="1:25" x14ac:dyDescent="0.2">
      <c r="B4758" s="77"/>
      <c r="C4758" s="40" t="s">
        <v>57</v>
      </c>
      <c r="D4758" s="48">
        <v>255</v>
      </c>
      <c r="E4758" s="49">
        <v>68.599999999999994</v>
      </c>
      <c r="F4758" s="49">
        <v>8.6</v>
      </c>
      <c r="G4758" s="50">
        <v>22.7</v>
      </c>
    </row>
    <row r="4760" spans="1:25" x14ac:dyDescent="0.2">
      <c r="C4760" t="s">
        <v>35</v>
      </c>
    </row>
    <row r="4761" spans="1:25" x14ac:dyDescent="0.2">
      <c r="B4761" s="75" t="s">
        <v>350</v>
      </c>
      <c r="C4761" s="76"/>
      <c r="D4761" s="76"/>
      <c r="E4761" s="76"/>
      <c r="F4761" s="76"/>
      <c r="G4761" s="76"/>
      <c r="H4761" s="76"/>
      <c r="I4761" s="76"/>
      <c r="J4761" s="76"/>
      <c r="K4761" s="76"/>
      <c r="L4761" s="76"/>
      <c r="M4761" s="76"/>
      <c r="N4761" s="76"/>
      <c r="O4761" s="76"/>
      <c r="P4761" s="76"/>
      <c r="Q4761" s="76"/>
      <c r="R4761" s="76"/>
      <c r="S4761" s="76"/>
      <c r="T4761" s="76"/>
      <c r="U4761" s="76"/>
      <c r="V4761" s="76"/>
      <c r="W4761" s="76"/>
      <c r="X4761" s="76"/>
      <c r="Y4761" s="76"/>
    </row>
    <row r="4762" spans="1:25" s="32" customFormat="1" ht="36.450000000000003" customHeight="1" x14ac:dyDescent="0.15">
      <c r="A4762" s="31"/>
      <c r="D4762" s="33" t="s">
        <v>378</v>
      </c>
      <c r="E4762" s="36" t="s">
        <v>614</v>
      </c>
      <c r="F4762" s="55" t="s">
        <v>615</v>
      </c>
      <c r="G4762" s="37" t="s">
        <v>480</v>
      </c>
      <c r="H4762" s="35" t="s">
        <v>381</v>
      </c>
    </row>
    <row r="4763" spans="1:25" ht="21.6" x14ac:dyDescent="0.2">
      <c r="B4763" s="77" t="s">
        <v>37</v>
      </c>
      <c r="C4763" s="38" t="s">
        <v>58</v>
      </c>
      <c r="D4763" s="51">
        <v>222</v>
      </c>
      <c r="E4763" s="52">
        <v>76.599999999999994</v>
      </c>
      <c r="F4763" s="52">
        <v>2.7</v>
      </c>
      <c r="G4763" s="53">
        <v>20.7</v>
      </c>
    </row>
    <row r="4764" spans="1:25" ht="21.6" x14ac:dyDescent="0.2">
      <c r="B4764" s="77"/>
      <c r="C4764" s="39" t="s">
        <v>59</v>
      </c>
      <c r="D4764" s="45">
        <v>414</v>
      </c>
      <c r="E4764" s="46">
        <v>71</v>
      </c>
      <c r="F4764" s="46">
        <v>8</v>
      </c>
      <c r="G4764" s="47">
        <v>21</v>
      </c>
    </row>
    <row r="4765" spans="1:25" x14ac:dyDescent="0.2">
      <c r="B4765" s="77"/>
      <c r="C4765" s="39" t="s">
        <v>60</v>
      </c>
      <c r="D4765" s="45">
        <v>432</v>
      </c>
      <c r="E4765" s="46">
        <v>74.099999999999994</v>
      </c>
      <c r="F4765" s="46">
        <v>7.2</v>
      </c>
      <c r="G4765" s="47">
        <v>18.8</v>
      </c>
    </row>
    <row r="4766" spans="1:25" x14ac:dyDescent="0.2">
      <c r="B4766" s="77"/>
      <c r="C4766" s="39" t="s">
        <v>61</v>
      </c>
      <c r="D4766" s="45">
        <v>204</v>
      </c>
      <c r="E4766" s="46">
        <v>70.599999999999994</v>
      </c>
      <c r="F4766" s="46">
        <v>3.9</v>
      </c>
      <c r="G4766" s="47">
        <v>25.5</v>
      </c>
    </row>
    <row r="4767" spans="1:25" x14ac:dyDescent="0.2">
      <c r="B4767" s="77"/>
      <c r="C4767" s="39" t="s">
        <v>62</v>
      </c>
      <c r="D4767" s="45">
        <v>443</v>
      </c>
      <c r="E4767" s="46">
        <v>73.8</v>
      </c>
      <c r="F4767" s="46">
        <v>7.2</v>
      </c>
      <c r="G4767" s="47">
        <v>19</v>
      </c>
    </row>
    <row r="4768" spans="1:25" ht="21.6" x14ac:dyDescent="0.2">
      <c r="B4768" s="77"/>
      <c r="C4768" s="39" t="s">
        <v>63</v>
      </c>
      <c r="D4768" s="45">
        <v>63</v>
      </c>
      <c r="E4768" s="46">
        <v>66.7</v>
      </c>
      <c r="F4768" s="46">
        <v>7.9</v>
      </c>
      <c r="G4768" s="47">
        <v>25.4</v>
      </c>
    </row>
    <row r="4769" spans="1:7" x14ac:dyDescent="0.2">
      <c r="B4769" s="77"/>
      <c r="C4769" s="39" t="s">
        <v>64</v>
      </c>
      <c r="D4769" s="45">
        <v>124</v>
      </c>
      <c r="E4769" s="46">
        <v>73.400000000000006</v>
      </c>
      <c r="F4769" s="46">
        <v>4</v>
      </c>
      <c r="G4769" s="47">
        <v>22.6</v>
      </c>
    </row>
    <row r="4770" spans="1:7" x14ac:dyDescent="0.2">
      <c r="B4770" s="77"/>
      <c r="C4770" s="39" t="s">
        <v>65</v>
      </c>
      <c r="D4770" s="45">
        <v>127</v>
      </c>
      <c r="E4770" s="46">
        <v>71.7</v>
      </c>
      <c r="F4770" s="46">
        <v>9.4</v>
      </c>
      <c r="G4770" s="47">
        <v>18.899999999999999</v>
      </c>
    </row>
    <row r="4771" spans="1:7" x14ac:dyDescent="0.2">
      <c r="B4771" s="77"/>
      <c r="C4771" s="39" t="s">
        <v>66</v>
      </c>
      <c r="D4771" s="45">
        <v>104</v>
      </c>
      <c r="E4771" s="46">
        <v>79.8</v>
      </c>
      <c r="F4771" s="46">
        <v>5.8</v>
      </c>
      <c r="G4771" s="47">
        <v>14.4</v>
      </c>
    </row>
    <row r="4772" spans="1:7" x14ac:dyDescent="0.2">
      <c r="B4772" s="77"/>
      <c r="C4772" s="39" t="s">
        <v>67</v>
      </c>
      <c r="D4772" s="45">
        <v>25</v>
      </c>
      <c r="E4772" s="46">
        <v>80</v>
      </c>
      <c r="F4772" s="46">
        <v>16</v>
      </c>
      <c r="G4772" s="47">
        <v>4</v>
      </c>
    </row>
    <row r="4773" spans="1:7" x14ac:dyDescent="0.2">
      <c r="B4773" s="77"/>
      <c r="C4773" s="39" t="s">
        <v>68</v>
      </c>
      <c r="D4773" s="45">
        <v>404</v>
      </c>
      <c r="E4773" s="46">
        <v>74.5</v>
      </c>
      <c r="F4773" s="46">
        <v>7.2</v>
      </c>
      <c r="G4773" s="47">
        <v>18.3</v>
      </c>
    </row>
    <row r="4774" spans="1:7" x14ac:dyDescent="0.2">
      <c r="B4774" s="77"/>
      <c r="C4774" s="39" t="s">
        <v>69</v>
      </c>
      <c r="D4774" s="45">
        <v>39</v>
      </c>
      <c r="E4774" s="46">
        <v>66.7</v>
      </c>
      <c r="F4774" s="46">
        <v>7.7</v>
      </c>
      <c r="G4774" s="47">
        <v>25.6</v>
      </c>
    </row>
    <row r="4775" spans="1:7" x14ac:dyDescent="0.2">
      <c r="B4775" s="77"/>
      <c r="C4775" s="39" t="s">
        <v>70</v>
      </c>
      <c r="D4775" s="45">
        <v>193</v>
      </c>
      <c r="E4775" s="46">
        <v>71</v>
      </c>
      <c r="F4775" s="46">
        <v>3.6</v>
      </c>
      <c r="G4775" s="47">
        <v>25.4</v>
      </c>
    </row>
    <row r="4776" spans="1:7" ht="21.6" x14ac:dyDescent="0.2">
      <c r="B4776" s="77"/>
      <c r="C4776" s="39" t="s">
        <v>63</v>
      </c>
      <c r="D4776" s="45">
        <v>55</v>
      </c>
      <c r="E4776" s="46">
        <v>70.900000000000006</v>
      </c>
      <c r="F4776" s="46">
        <v>0</v>
      </c>
      <c r="G4776" s="47">
        <v>29.1</v>
      </c>
    </row>
    <row r="4777" spans="1:7" x14ac:dyDescent="0.2">
      <c r="B4777" s="77"/>
      <c r="C4777" s="39" t="s">
        <v>64</v>
      </c>
      <c r="D4777" s="45">
        <v>50</v>
      </c>
      <c r="E4777" s="46">
        <v>70</v>
      </c>
      <c r="F4777" s="46">
        <v>8</v>
      </c>
      <c r="G4777" s="47">
        <v>22</v>
      </c>
    </row>
    <row r="4778" spans="1:7" x14ac:dyDescent="0.2">
      <c r="B4778" s="77"/>
      <c r="C4778" s="39" t="s">
        <v>65</v>
      </c>
      <c r="D4778" s="45">
        <v>38</v>
      </c>
      <c r="E4778" s="46">
        <v>78.900000000000006</v>
      </c>
      <c r="F4778" s="46">
        <v>0</v>
      </c>
      <c r="G4778" s="47">
        <v>21.1</v>
      </c>
    </row>
    <row r="4779" spans="1:7" x14ac:dyDescent="0.2">
      <c r="B4779" s="77"/>
      <c r="C4779" s="39" t="s">
        <v>66</v>
      </c>
      <c r="D4779" s="45">
        <v>41</v>
      </c>
      <c r="E4779" s="46">
        <v>65.900000000000006</v>
      </c>
      <c r="F4779" s="46">
        <v>4.9000000000000004</v>
      </c>
      <c r="G4779" s="47">
        <v>29.3</v>
      </c>
    </row>
    <row r="4780" spans="1:7" x14ac:dyDescent="0.2">
      <c r="B4780" s="77"/>
      <c r="C4780" s="39" t="s">
        <v>67</v>
      </c>
      <c r="D4780" s="45">
        <v>9</v>
      </c>
      <c r="E4780" s="46">
        <v>66.7</v>
      </c>
      <c r="F4780" s="46">
        <v>11.1</v>
      </c>
      <c r="G4780" s="47">
        <v>22.2</v>
      </c>
    </row>
    <row r="4781" spans="1:7" x14ac:dyDescent="0.2">
      <c r="B4781" s="77"/>
      <c r="C4781" s="39" t="s">
        <v>68</v>
      </c>
      <c r="D4781" s="45">
        <v>127</v>
      </c>
      <c r="E4781" s="46">
        <v>75.599999999999994</v>
      </c>
      <c r="F4781" s="46">
        <v>4.7</v>
      </c>
      <c r="G4781" s="47">
        <v>19.7</v>
      </c>
    </row>
    <row r="4782" spans="1:7" x14ac:dyDescent="0.2">
      <c r="B4782" s="77"/>
      <c r="C4782" s="40" t="s">
        <v>69</v>
      </c>
      <c r="D4782" s="48">
        <v>66</v>
      </c>
      <c r="E4782" s="49">
        <v>62.1</v>
      </c>
      <c r="F4782" s="49">
        <v>1.5</v>
      </c>
      <c r="G4782" s="50">
        <v>36.4</v>
      </c>
    </row>
    <row r="4784" spans="1:7" x14ac:dyDescent="0.2">
      <c r="A4784" s="26" t="s">
        <v>25</v>
      </c>
      <c r="B4784" t="s">
        <v>35</v>
      </c>
      <c r="C4784" t="s">
        <v>35</v>
      </c>
    </row>
    <row r="4785" spans="1:25" x14ac:dyDescent="0.2">
      <c r="B4785" s="75" t="s">
        <v>207</v>
      </c>
      <c r="C4785" s="76"/>
      <c r="D4785" s="76"/>
      <c r="E4785" s="76"/>
      <c r="F4785" s="76"/>
      <c r="G4785" s="76"/>
      <c r="H4785" s="76"/>
      <c r="I4785" s="76"/>
      <c r="J4785" s="76"/>
      <c r="K4785" s="76"/>
      <c r="L4785" s="76"/>
      <c r="M4785" s="76"/>
      <c r="N4785" s="76"/>
      <c r="O4785" s="76"/>
      <c r="P4785" s="76"/>
      <c r="Q4785" s="76"/>
      <c r="R4785" s="76"/>
      <c r="S4785" s="76"/>
      <c r="T4785" s="76"/>
      <c r="U4785" s="76"/>
      <c r="V4785" s="76"/>
      <c r="W4785" s="76"/>
      <c r="X4785" s="76"/>
      <c r="Y4785" s="76"/>
    </row>
    <row r="4786" spans="1:25" s="32" customFormat="1" ht="79.650000000000006" customHeight="1" x14ac:dyDescent="0.15">
      <c r="A4786" s="31"/>
      <c r="D4786" s="33" t="s">
        <v>378</v>
      </c>
      <c r="E4786" s="36" t="s">
        <v>616</v>
      </c>
      <c r="F4786" s="55" t="s">
        <v>617</v>
      </c>
      <c r="G4786" s="55" t="s">
        <v>575</v>
      </c>
      <c r="H4786" s="37" t="s">
        <v>480</v>
      </c>
      <c r="I4786" s="35" t="s">
        <v>381</v>
      </c>
    </row>
    <row r="4787" spans="1:25" x14ac:dyDescent="0.2">
      <c r="B4787" s="5"/>
      <c r="C4787" s="41" t="s">
        <v>38</v>
      </c>
      <c r="D4787" s="42">
        <v>636</v>
      </c>
      <c r="E4787" s="43">
        <v>21.5</v>
      </c>
      <c r="F4787" s="43">
        <v>38.799999999999997</v>
      </c>
      <c r="G4787" s="43">
        <v>36.799999999999997</v>
      </c>
      <c r="H4787" s="44">
        <v>2.8</v>
      </c>
    </row>
    <row r="4788" spans="1:25" x14ac:dyDescent="0.2">
      <c r="B4788" s="77" t="s">
        <v>37</v>
      </c>
      <c r="C4788" s="39" t="s">
        <v>39</v>
      </c>
      <c r="D4788" s="45">
        <v>39</v>
      </c>
      <c r="E4788" s="46">
        <v>28.2</v>
      </c>
      <c r="F4788" s="46">
        <v>30.8</v>
      </c>
      <c r="G4788" s="46">
        <v>35.9</v>
      </c>
      <c r="H4788" s="47">
        <v>5.0999999999999996</v>
      </c>
    </row>
    <row r="4789" spans="1:25" x14ac:dyDescent="0.2">
      <c r="B4789" s="77"/>
      <c r="C4789" s="39" t="s">
        <v>40</v>
      </c>
      <c r="D4789" s="45">
        <v>170</v>
      </c>
      <c r="E4789" s="46">
        <v>19.399999999999999</v>
      </c>
      <c r="F4789" s="46">
        <v>41.2</v>
      </c>
      <c r="G4789" s="46">
        <v>38.200000000000003</v>
      </c>
      <c r="H4789" s="47">
        <v>1.2</v>
      </c>
    </row>
    <row r="4790" spans="1:25" ht="21.6" x14ac:dyDescent="0.2">
      <c r="B4790" s="77"/>
      <c r="C4790" s="39" t="s">
        <v>41</v>
      </c>
      <c r="D4790" s="45">
        <v>6</v>
      </c>
      <c r="E4790" s="46">
        <v>33.299999999999997</v>
      </c>
      <c r="F4790" s="46">
        <v>16.7</v>
      </c>
      <c r="G4790" s="46">
        <v>50</v>
      </c>
      <c r="H4790" s="47">
        <v>0</v>
      </c>
    </row>
    <row r="4791" spans="1:25" ht="21.6" x14ac:dyDescent="0.2">
      <c r="B4791" s="77"/>
      <c r="C4791" s="39" t="s">
        <v>42</v>
      </c>
      <c r="D4791" s="45">
        <v>136</v>
      </c>
      <c r="E4791" s="46">
        <v>22.1</v>
      </c>
      <c r="F4791" s="46">
        <v>43.4</v>
      </c>
      <c r="G4791" s="46">
        <v>32.4</v>
      </c>
      <c r="H4791" s="47">
        <v>2.2000000000000002</v>
      </c>
    </row>
    <row r="4792" spans="1:25" ht="21.6" x14ac:dyDescent="0.2">
      <c r="B4792" s="77"/>
      <c r="C4792" s="39" t="s">
        <v>43</v>
      </c>
      <c r="D4792" s="45">
        <v>73</v>
      </c>
      <c r="E4792" s="46">
        <v>23.3</v>
      </c>
      <c r="F4792" s="46">
        <v>35.6</v>
      </c>
      <c r="G4792" s="46">
        <v>37</v>
      </c>
      <c r="H4792" s="47">
        <v>4.0999999999999996</v>
      </c>
    </row>
    <row r="4793" spans="1:25" ht="21.6" x14ac:dyDescent="0.2">
      <c r="B4793" s="77"/>
      <c r="C4793" s="39" t="s">
        <v>44</v>
      </c>
      <c r="D4793" s="45">
        <v>53</v>
      </c>
      <c r="E4793" s="46">
        <v>26.4</v>
      </c>
      <c r="F4793" s="46">
        <v>37.700000000000003</v>
      </c>
      <c r="G4793" s="46">
        <v>34</v>
      </c>
      <c r="H4793" s="47">
        <v>1.9</v>
      </c>
    </row>
    <row r="4794" spans="1:25" ht="21.6" x14ac:dyDescent="0.2">
      <c r="B4794" s="77"/>
      <c r="C4794" s="39" t="s">
        <v>45</v>
      </c>
      <c r="D4794" s="45">
        <v>159</v>
      </c>
      <c r="E4794" s="46">
        <v>18.899999999999999</v>
      </c>
      <c r="F4794" s="46">
        <v>37.1</v>
      </c>
      <c r="G4794" s="46">
        <v>39.6</v>
      </c>
      <c r="H4794" s="47">
        <v>4.4000000000000004</v>
      </c>
    </row>
    <row r="4795" spans="1:25" ht="21.6" x14ac:dyDescent="0.2">
      <c r="B4795" s="77"/>
      <c r="C4795" s="39" t="s">
        <v>46</v>
      </c>
      <c r="D4795" s="45">
        <v>115</v>
      </c>
      <c r="E4795" s="46">
        <v>19.100000000000001</v>
      </c>
      <c r="F4795" s="46">
        <v>41.7</v>
      </c>
      <c r="G4795" s="46">
        <v>35.700000000000003</v>
      </c>
      <c r="H4795" s="47">
        <v>3.5</v>
      </c>
    </row>
    <row r="4796" spans="1:25" ht="21.6" x14ac:dyDescent="0.2">
      <c r="B4796" s="77"/>
      <c r="C4796" s="39" t="s">
        <v>47</v>
      </c>
      <c r="D4796" s="45">
        <v>155</v>
      </c>
      <c r="E4796" s="46">
        <v>21.3</v>
      </c>
      <c r="F4796" s="46">
        <v>39.4</v>
      </c>
      <c r="G4796" s="46">
        <v>36.799999999999997</v>
      </c>
      <c r="H4796" s="47">
        <v>2.6</v>
      </c>
    </row>
    <row r="4797" spans="1:25" ht="21.6" x14ac:dyDescent="0.2">
      <c r="B4797" s="77"/>
      <c r="C4797" s="39" t="s">
        <v>48</v>
      </c>
      <c r="D4797" s="45">
        <v>108</v>
      </c>
      <c r="E4797" s="46">
        <v>25.9</v>
      </c>
      <c r="F4797" s="46">
        <v>40.700000000000003</v>
      </c>
      <c r="G4797" s="46">
        <v>32.4</v>
      </c>
      <c r="H4797" s="47">
        <v>0.9</v>
      </c>
    </row>
    <row r="4798" spans="1:25" ht="21.6" x14ac:dyDescent="0.2">
      <c r="B4798" s="77"/>
      <c r="C4798" s="39" t="s">
        <v>49</v>
      </c>
      <c r="D4798" s="45">
        <v>87</v>
      </c>
      <c r="E4798" s="46">
        <v>28.7</v>
      </c>
      <c r="F4798" s="46">
        <v>32.200000000000003</v>
      </c>
      <c r="G4798" s="46">
        <v>37.9</v>
      </c>
      <c r="H4798" s="47">
        <v>1.1000000000000001</v>
      </c>
    </row>
    <row r="4799" spans="1:25" ht="21.6" x14ac:dyDescent="0.2">
      <c r="B4799" s="77"/>
      <c r="C4799" s="39" t="s">
        <v>50</v>
      </c>
      <c r="D4799" s="45">
        <v>55</v>
      </c>
      <c r="E4799" s="46">
        <v>14.5</v>
      </c>
      <c r="F4799" s="46">
        <v>50.9</v>
      </c>
      <c r="G4799" s="46">
        <v>34.5</v>
      </c>
      <c r="H4799" s="47">
        <v>0</v>
      </c>
    </row>
    <row r="4800" spans="1:25" ht="21.6" x14ac:dyDescent="0.2">
      <c r="B4800" s="77"/>
      <c r="C4800" s="39" t="s">
        <v>51</v>
      </c>
      <c r="D4800" s="45">
        <v>42</v>
      </c>
      <c r="E4800" s="46">
        <v>23.8</v>
      </c>
      <c r="F4800" s="46">
        <v>35.700000000000003</v>
      </c>
      <c r="G4800" s="46">
        <v>38.1</v>
      </c>
      <c r="H4800" s="47">
        <v>2.4</v>
      </c>
    </row>
    <row r="4801" spans="1:25" ht="21.6" x14ac:dyDescent="0.2">
      <c r="B4801" s="77"/>
      <c r="C4801" s="39" t="s">
        <v>52</v>
      </c>
      <c r="D4801" s="45">
        <v>72</v>
      </c>
      <c r="E4801" s="46">
        <v>18.100000000000001</v>
      </c>
      <c r="F4801" s="46">
        <v>44.4</v>
      </c>
      <c r="G4801" s="46">
        <v>34.700000000000003</v>
      </c>
      <c r="H4801" s="47">
        <v>2.8</v>
      </c>
    </row>
    <row r="4802" spans="1:25" x14ac:dyDescent="0.2">
      <c r="B4802" s="77"/>
      <c r="C4802" s="39" t="s">
        <v>53</v>
      </c>
      <c r="D4802" s="45">
        <v>83</v>
      </c>
      <c r="E4802" s="46">
        <v>18.100000000000001</v>
      </c>
      <c r="F4802" s="46">
        <v>42.2</v>
      </c>
      <c r="G4802" s="46">
        <v>36.1</v>
      </c>
      <c r="H4802" s="47">
        <v>3.6</v>
      </c>
    </row>
    <row r="4803" spans="1:25" ht="21.6" x14ac:dyDescent="0.2">
      <c r="B4803" s="77"/>
      <c r="C4803" s="39" t="s">
        <v>54</v>
      </c>
      <c r="D4803" s="45">
        <v>188</v>
      </c>
      <c r="E4803" s="46">
        <v>21.3</v>
      </c>
      <c r="F4803" s="46">
        <v>37.799999999999997</v>
      </c>
      <c r="G4803" s="46">
        <v>38.299999999999997</v>
      </c>
      <c r="H4803" s="47">
        <v>2.7</v>
      </c>
    </row>
    <row r="4804" spans="1:25" ht="21.6" x14ac:dyDescent="0.2">
      <c r="B4804" s="77"/>
      <c r="C4804" s="39" t="s">
        <v>55</v>
      </c>
      <c r="D4804" s="45">
        <v>250</v>
      </c>
      <c r="E4804" s="46">
        <v>25.2</v>
      </c>
      <c r="F4804" s="46">
        <v>38.799999999999997</v>
      </c>
      <c r="G4804" s="46">
        <v>34.799999999999997</v>
      </c>
      <c r="H4804" s="47">
        <v>1.2</v>
      </c>
    </row>
    <row r="4805" spans="1:25" ht="21.6" x14ac:dyDescent="0.2">
      <c r="B4805" s="77"/>
      <c r="C4805" s="39" t="s">
        <v>56</v>
      </c>
      <c r="D4805" s="45">
        <v>309</v>
      </c>
      <c r="E4805" s="46">
        <v>23.9</v>
      </c>
      <c r="F4805" s="46">
        <v>38.5</v>
      </c>
      <c r="G4805" s="46">
        <v>35.6</v>
      </c>
      <c r="H4805" s="47">
        <v>1.9</v>
      </c>
    </row>
    <row r="4806" spans="1:25" x14ac:dyDescent="0.2">
      <c r="B4806" s="77"/>
      <c r="C4806" s="40" t="s">
        <v>57</v>
      </c>
      <c r="D4806" s="48">
        <v>255</v>
      </c>
      <c r="E4806" s="49">
        <v>18.8</v>
      </c>
      <c r="F4806" s="49">
        <v>42</v>
      </c>
      <c r="G4806" s="49">
        <v>37.299999999999997</v>
      </c>
      <c r="H4806" s="50">
        <v>2</v>
      </c>
    </row>
    <row r="4807" spans="1:25" x14ac:dyDescent="0.2">
      <c r="B4807" s="7" t="s">
        <v>71</v>
      </c>
      <c r="C4807" s="4" t="s">
        <v>208</v>
      </c>
    </row>
    <row r="4808" spans="1:25" x14ac:dyDescent="0.2">
      <c r="B4808" s="4"/>
      <c r="C4808" s="4" t="s">
        <v>73</v>
      </c>
    </row>
    <row r="4810" spans="1:25" x14ac:dyDescent="0.2">
      <c r="C4810" t="s">
        <v>35</v>
      </c>
    </row>
    <row r="4811" spans="1:25" x14ac:dyDescent="0.2">
      <c r="B4811" s="75" t="s">
        <v>351</v>
      </c>
      <c r="C4811" s="76"/>
      <c r="D4811" s="76"/>
      <c r="E4811" s="76"/>
      <c r="F4811" s="76"/>
      <c r="G4811" s="76"/>
      <c r="H4811" s="76"/>
      <c r="I4811" s="76"/>
      <c r="J4811" s="76"/>
      <c r="K4811" s="76"/>
      <c r="L4811" s="76"/>
      <c r="M4811" s="76"/>
      <c r="N4811" s="76"/>
      <c r="O4811" s="76"/>
      <c r="P4811" s="76"/>
      <c r="Q4811" s="76"/>
      <c r="R4811" s="76"/>
      <c r="S4811" s="76"/>
      <c r="T4811" s="76"/>
      <c r="U4811" s="76"/>
      <c r="V4811" s="76"/>
      <c r="W4811" s="76"/>
      <c r="X4811" s="76"/>
      <c r="Y4811" s="76"/>
    </row>
    <row r="4812" spans="1:25" s="32" customFormat="1" ht="79.650000000000006" customHeight="1" x14ac:dyDescent="0.15">
      <c r="A4812" s="31"/>
      <c r="D4812" s="33" t="s">
        <v>378</v>
      </c>
      <c r="E4812" s="36" t="s">
        <v>616</v>
      </c>
      <c r="F4812" s="55" t="s">
        <v>617</v>
      </c>
      <c r="G4812" s="55" t="s">
        <v>575</v>
      </c>
      <c r="H4812" s="37" t="s">
        <v>480</v>
      </c>
      <c r="I4812" s="35" t="s">
        <v>381</v>
      </c>
    </row>
    <row r="4813" spans="1:25" ht="21.6" x14ac:dyDescent="0.2">
      <c r="B4813" s="77" t="s">
        <v>37</v>
      </c>
      <c r="C4813" s="38" t="s">
        <v>58</v>
      </c>
      <c r="D4813" s="51">
        <v>222</v>
      </c>
      <c r="E4813" s="52">
        <v>25.7</v>
      </c>
      <c r="F4813" s="52">
        <v>37.799999999999997</v>
      </c>
      <c r="G4813" s="52">
        <v>33.799999999999997</v>
      </c>
      <c r="H4813" s="53">
        <v>2.7</v>
      </c>
    </row>
    <row r="4814" spans="1:25" ht="21.6" x14ac:dyDescent="0.2">
      <c r="B4814" s="77"/>
      <c r="C4814" s="39" t="s">
        <v>59</v>
      </c>
      <c r="D4814" s="45">
        <v>414</v>
      </c>
      <c r="E4814" s="46">
        <v>19.3</v>
      </c>
      <c r="F4814" s="46">
        <v>39.4</v>
      </c>
      <c r="G4814" s="46">
        <v>38.4</v>
      </c>
      <c r="H4814" s="47">
        <v>2.9</v>
      </c>
    </row>
    <row r="4815" spans="1:25" x14ac:dyDescent="0.2">
      <c r="B4815" s="77"/>
      <c r="C4815" s="39" t="s">
        <v>60</v>
      </c>
      <c r="D4815" s="45">
        <v>432</v>
      </c>
      <c r="E4815" s="46">
        <v>23.1</v>
      </c>
      <c r="F4815" s="46">
        <v>38.4</v>
      </c>
      <c r="G4815" s="46">
        <v>35.9</v>
      </c>
      <c r="H4815" s="47">
        <v>2.5</v>
      </c>
    </row>
    <row r="4816" spans="1:25" x14ac:dyDescent="0.2">
      <c r="B4816" s="77"/>
      <c r="C4816" s="39" t="s">
        <v>61</v>
      </c>
      <c r="D4816" s="45">
        <v>204</v>
      </c>
      <c r="E4816" s="46">
        <v>18.100000000000001</v>
      </c>
      <c r="F4816" s="46">
        <v>39.700000000000003</v>
      </c>
      <c r="G4816" s="46">
        <v>38.700000000000003</v>
      </c>
      <c r="H4816" s="47">
        <v>3.4</v>
      </c>
    </row>
    <row r="4817" spans="2:8" x14ac:dyDescent="0.2">
      <c r="B4817" s="77"/>
      <c r="C4817" s="39" t="s">
        <v>62</v>
      </c>
      <c r="D4817" s="45">
        <v>443</v>
      </c>
      <c r="E4817" s="46">
        <v>20.100000000000001</v>
      </c>
      <c r="F4817" s="46">
        <v>40.9</v>
      </c>
      <c r="G4817" s="46">
        <v>35.9</v>
      </c>
      <c r="H4817" s="47">
        <v>3.2</v>
      </c>
    </row>
    <row r="4818" spans="2:8" ht="21.6" x14ac:dyDescent="0.2">
      <c r="B4818" s="77"/>
      <c r="C4818" s="39" t="s">
        <v>63</v>
      </c>
      <c r="D4818" s="45">
        <v>63</v>
      </c>
      <c r="E4818" s="46">
        <v>23.8</v>
      </c>
      <c r="F4818" s="46">
        <v>46</v>
      </c>
      <c r="G4818" s="46">
        <v>22.2</v>
      </c>
      <c r="H4818" s="47">
        <v>7.9</v>
      </c>
    </row>
    <row r="4819" spans="2:8" x14ac:dyDescent="0.2">
      <c r="B4819" s="77"/>
      <c r="C4819" s="39" t="s">
        <v>64</v>
      </c>
      <c r="D4819" s="45">
        <v>124</v>
      </c>
      <c r="E4819" s="46">
        <v>21</v>
      </c>
      <c r="F4819" s="46">
        <v>38.700000000000003</v>
      </c>
      <c r="G4819" s="46">
        <v>38.700000000000003</v>
      </c>
      <c r="H4819" s="47">
        <v>1.6</v>
      </c>
    </row>
    <row r="4820" spans="2:8" x14ac:dyDescent="0.2">
      <c r="B4820" s="77"/>
      <c r="C4820" s="39" t="s">
        <v>65</v>
      </c>
      <c r="D4820" s="45">
        <v>127</v>
      </c>
      <c r="E4820" s="46">
        <v>23.6</v>
      </c>
      <c r="F4820" s="46">
        <v>39.4</v>
      </c>
      <c r="G4820" s="46">
        <v>32.299999999999997</v>
      </c>
      <c r="H4820" s="47">
        <v>4.7</v>
      </c>
    </row>
    <row r="4821" spans="2:8" x14ac:dyDescent="0.2">
      <c r="B4821" s="77"/>
      <c r="C4821" s="39" t="s">
        <v>66</v>
      </c>
      <c r="D4821" s="45">
        <v>104</v>
      </c>
      <c r="E4821" s="46">
        <v>14.4</v>
      </c>
      <c r="F4821" s="46">
        <v>45.2</v>
      </c>
      <c r="G4821" s="46">
        <v>39.4</v>
      </c>
      <c r="H4821" s="47">
        <v>1</v>
      </c>
    </row>
    <row r="4822" spans="2:8" x14ac:dyDescent="0.2">
      <c r="B4822" s="77"/>
      <c r="C4822" s="39" t="s">
        <v>67</v>
      </c>
      <c r="D4822" s="45">
        <v>25</v>
      </c>
      <c r="E4822" s="46">
        <v>12</v>
      </c>
      <c r="F4822" s="46">
        <v>28</v>
      </c>
      <c r="G4822" s="46">
        <v>60</v>
      </c>
      <c r="H4822" s="47">
        <v>0</v>
      </c>
    </row>
    <row r="4823" spans="2:8" x14ac:dyDescent="0.2">
      <c r="B4823" s="77"/>
      <c r="C4823" s="39" t="s">
        <v>68</v>
      </c>
      <c r="D4823" s="45">
        <v>404</v>
      </c>
      <c r="E4823" s="46">
        <v>20.8</v>
      </c>
      <c r="F4823" s="46">
        <v>42.1</v>
      </c>
      <c r="G4823" s="46">
        <v>34.4</v>
      </c>
      <c r="H4823" s="47">
        <v>2.7</v>
      </c>
    </row>
    <row r="4824" spans="2:8" x14ac:dyDescent="0.2">
      <c r="B4824" s="77"/>
      <c r="C4824" s="39" t="s">
        <v>69</v>
      </c>
      <c r="D4824" s="45">
        <v>39</v>
      </c>
      <c r="E4824" s="46">
        <v>12.8</v>
      </c>
      <c r="F4824" s="46">
        <v>28.2</v>
      </c>
      <c r="G4824" s="46">
        <v>51.3</v>
      </c>
      <c r="H4824" s="47">
        <v>7.7</v>
      </c>
    </row>
    <row r="4825" spans="2:8" x14ac:dyDescent="0.2">
      <c r="B4825" s="77"/>
      <c r="C4825" s="39" t="s">
        <v>70</v>
      </c>
      <c r="D4825" s="45">
        <v>193</v>
      </c>
      <c r="E4825" s="46">
        <v>24.9</v>
      </c>
      <c r="F4825" s="46">
        <v>34.200000000000003</v>
      </c>
      <c r="G4825" s="46">
        <v>38.9</v>
      </c>
      <c r="H4825" s="47">
        <v>2.1</v>
      </c>
    </row>
    <row r="4826" spans="2:8" ht="21.6" x14ac:dyDescent="0.2">
      <c r="B4826" s="77"/>
      <c r="C4826" s="39" t="s">
        <v>63</v>
      </c>
      <c r="D4826" s="45">
        <v>55</v>
      </c>
      <c r="E4826" s="46">
        <v>21.8</v>
      </c>
      <c r="F4826" s="46">
        <v>29.1</v>
      </c>
      <c r="G4826" s="46">
        <v>45.5</v>
      </c>
      <c r="H4826" s="47">
        <v>3.6</v>
      </c>
    </row>
    <row r="4827" spans="2:8" x14ac:dyDescent="0.2">
      <c r="B4827" s="77"/>
      <c r="C4827" s="39" t="s">
        <v>64</v>
      </c>
      <c r="D4827" s="45">
        <v>50</v>
      </c>
      <c r="E4827" s="46">
        <v>36</v>
      </c>
      <c r="F4827" s="46">
        <v>34</v>
      </c>
      <c r="G4827" s="46">
        <v>30</v>
      </c>
      <c r="H4827" s="47">
        <v>0</v>
      </c>
    </row>
    <row r="4828" spans="2:8" x14ac:dyDescent="0.2">
      <c r="B4828" s="77"/>
      <c r="C4828" s="39" t="s">
        <v>65</v>
      </c>
      <c r="D4828" s="45">
        <v>38</v>
      </c>
      <c r="E4828" s="46">
        <v>21.1</v>
      </c>
      <c r="F4828" s="46">
        <v>39.5</v>
      </c>
      <c r="G4828" s="46">
        <v>36.799999999999997</v>
      </c>
      <c r="H4828" s="47">
        <v>2.6</v>
      </c>
    </row>
    <row r="4829" spans="2:8" x14ac:dyDescent="0.2">
      <c r="B4829" s="77"/>
      <c r="C4829" s="39" t="s">
        <v>66</v>
      </c>
      <c r="D4829" s="45">
        <v>41</v>
      </c>
      <c r="E4829" s="46">
        <v>17.100000000000001</v>
      </c>
      <c r="F4829" s="46">
        <v>41.5</v>
      </c>
      <c r="G4829" s="46">
        <v>39</v>
      </c>
      <c r="H4829" s="47">
        <v>2.4</v>
      </c>
    </row>
    <row r="4830" spans="2:8" x14ac:dyDescent="0.2">
      <c r="B4830" s="77"/>
      <c r="C4830" s="39" t="s">
        <v>67</v>
      </c>
      <c r="D4830" s="45">
        <v>9</v>
      </c>
      <c r="E4830" s="46">
        <v>33.299999999999997</v>
      </c>
      <c r="F4830" s="46">
        <v>11.1</v>
      </c>
      <c r="G4830" s="46">
        <v>55.6</v>
      </c>
      <c r="H4830" s="47">
        <v>0</v>
      </c>
    </row>
    <row r="4831" spans="2:8" x14ac:dyDescent="0.2">
      <c r="B4831" s="77"/>
      <c r="C4831" s="39" t="s">
        <v>68</v>
      </c>
      <c r="D4831" s="45">
        <v>127</v>
      </c>
      <c r="E4831" s="46">
        <v>24.4</v>
      </c>
      <c r="F4831" s="46">
        <v>37.799999999999997</v>
      </c>
      <c r="G4831" s="46">
        <v>35.4</v>
      </c>
      <c r="H4831" s="47">
        <v>2.4</v>
      </c>
    </row>
    <row r="4832" spans="2:8" x14ac:dyDescent="0.2">
      <c r="B4832" s="77"/>
      <c r="C4832" s="40" t="s">
        <v>69</v>
      </c>
      <c r="D4832" s="48">
        <v>66</v>
      </c>
      <c r="E4832" s="49">
        <v>25.8</v>
      </c>
      <c r="F4832" s="49">
        <v>27.3</v>
      </c>
      <c r="G4832" s="49">
        <v>45.5</v>
      </c>
      <c r="H4832" s="50">
        <v>1.5</v>
      </c>
    </row>
    <row r="4833" spans="1:25" x14ac:dyDescent="0.2">
      <c r="B4833" s="7" t="s">
        <v>71</v>
      </c>
      <c r="C4833" s="4" t="s">
        <v>208</v>
      </c>
    </row>
    <row r="4834" spans="1:25" x14ac:dyDescent="0.2">
      <c r="B4834" s="4"/>
      <c r="C4834" s="4" t="s">
        <v>73</v>
      </c>
    </row>
    <row r="4836" spans="1:25" x14ac:dyDescent="0.2">
      <c r="A4836" s="26" t="s">
        <v>25</v>
      </c>
      <c r="B4836" t="s">
        <v>35</v>
      </c>
      <c r="C4836" t="s">
        <v>35</v>
      </c>
    </row>
    <row r="4837" spans="1:25" x14ac:dyDescent="0.2">
      <c r="B4837" s="75" t="s">
        <v>209</v>
      </c>
      <c r="C4837" s="76"/>
      <c r="D4837" s="76"/>
      <c r="E4837" s="76"/>
      <c r="F4837" s="76"/>
      <c r="G4837" s="76"/>
      <c r="H4837" s="76"/>
      <c r="I4837" s="76"/>
      <c r="J4837" s="76"/>
      <c r="K4837" s="76"/>
      <c r="L4837" s="76"/>
      <c r="M4837" s="76"/>
      <c r="N4837" s="76"/>
      <c r="O4837" s="76"/>
      <c r="P4837" s="76"/>
      <c r="Q4837" s="76"/>
      <c r="R4837" s="76"/>
      <c r="S4837" s="76"/>
      <c r="T4837" s="76"/>
      <c r="U4837" s="76"/>
      <c r="V4837" s="76"/>
      <c r="W4837" s="76"/>
      <c r="X4837" s="76"/>
      <c r="Y4837" s="76"/>
    </row>
    <row r="4838" spans="1:25" s="32" customFormat="1" ht="79.650000000000006" customHeight="1" x14ac:dyDescent="0.15">
      <c r="A4838" s="31"/>
      <c r="D4838" s="33" t="s">
        <v>378</v>
      </c>
      <c r="E4838" s="36" t="s">
        <v>618</v>
      </c>
      <c r="F4838" s="55" t="s">
        <v>619</v>
      </c>
      <c r="G4838" s="55" t="s">
        <v>620</v>
      </c>
      <c r="H4838" s="55" t="s">
        <v>621</v>
      </c>
      <c r="I4838" s="55" t="s">
        <v>622</v>
      </c>
      <c r="J4838" s="55" t="s">
        <v>623</v>
      </c>
      <c r="K4838" s="55" t="s">
        <v>624</v>
      </c>
      <c r="L4838" s="55" t="s">
        <v>625</v>
      </c>
      <c r="M4838" s="55" t="s">
        <v>626</v>
      </c>
      <c r="N4838" s="55" t="s">
        <v>627</v>
      </c>
      <c r="O4838" s="55" t="s">
        <v>628</v>
      </c>
      <c r="P4838" s="37" t="s">
        <v>467</v>
      </c>
      <c r="Q4838" s="35" t="s">
        <v>381</v>
      </c>
    </row>
    <row r="4839" spans="1:25" x14ac:dyDescent="0.2">
      <c r="B4839" s="5"/>
      <c r="C4839" s="41" t="s">
        <v>38</v>
      </c>
      <c r="D4839" s="42">
        <v>636</v>
      </c>
      <c r="E4839" s="43">
        <v>41.5</v>
      </c>
      <c r="F4839" s="43">
        <v>28</v>
      </c>
      <c r="G4839" s="43">
        <v>43.9</v>
      </c>
      <c r="H4839" s="43">
        <v>12.7</v>
      </c>
      <c r="I4839" s="43">
        <v>9.1</v>
      </c>
      <c r="J4839" s="43">
        <v>9.4</v>
      </c>
      <c r="K4839" s="43">
        <v>3.5</v>
      </c>
      <c r="L4839" s="43">
        <v>2.8</v>
      </c>
      <c r="M4839" s="43">
        <v>11.5</v>
      </c>
      <c r="N4839" s="43">
        <v>23.1</v>
      </c>
      <c r="O4839" s="43">
        <v>3</v>
      </c>
      <c r="P4839" s="44">
        <v>3</v>
      </c>
    </row>
    <row r="4840" spans="1:25" x14ac:dyDescent="0.2">
      <c r="B4840" s="77" t="s">
        <v>37</v>
      </c>
      <c r="C4840" s="39" t="s">
        <v>39</v>
      </c>
      <c r="D4840" s="45">
        <v>39</v>
      </c>
      <c r="E4840" s="46">
        <v>35.9</v>
      </c>
      <c r="F4840" s="46">
        <v>28.2</v>
      </c>
      <c r="G4840" s="46">
        <v>46.2</v>
      </c>
      <c r="H4840" s="46">
        <v>12.8</v>
      </c>
      <c r="I4840" s="46">
        <v>12.8</v>
      </c>
      <c r="J4840" s="46">
        <v>7.7</v>
      </c>
      <c r="K4840" s="46">
        <v>2.6</v>
      </c>
      <c r="L4840" s="46">
        <v>2.6</v>
      </c>
      <c r="M4840" s="46">
        <v>2.6</v>
      </c>
      <c r="N4840" s="46">
        <v>17.899999999999999</v>
      </c>
      <c r="O4840" s="46">
        <v>0</v>
      </c>
      <c r="P4840" s="47">
        <v>2.6</v>
      </c>
    </row>
    <row r="4841" spans="1:25" x14ac:dyDescent="0.2">
      <c r="B4841" s="77"/>
      <c r="C4841" s="39" t="s">
        <v>40</v>
      </c>
      <c r="D4841" s="45">
        <v>170</v>
      </c>
      <c r="E4841" s="46">
        <v>42.4</v>
      </c>
      <c r="F4841" s="46">
        <v>27.6</v>
      </c>
      <c r="G4841" s="46">
        <v>47.6</v>
      </c>
      <c r="H4841" s="46">
        <v>11.8</v>
      </c>
      <c r="I4841" s="46">
        <v>12.9</v>
      </c>
      <c r="J4841" s="46">
        <v>9.4</v>
      </c>
      <c r="K4841" s="46">
        <v>2.9</v>
      </c>
      <c r="L4841" s="46">
        <v>2.9</v>
      </c>
      <c r="M4841" s="46">
        <v>14.1</v>
      </c>
      <c r="N4841" s="46">
        <v>20.6</v>
      </c>
      <c r="O4841" s="46">
        <v>3.5</v>
      </c>
      <c r="P4841" s="47">
        <v>1.2</v>
      </c>
    </row>
    <row r="4842" spans="1:25" ht="21.6" x14ac:dyDescent="0.2">
      <c r="B4842" s="77"/>
      <c r="C4842" s="39" t="s">
        <v>41</v>
      </c>
      <c r="D4842" s="45">
        <v>6</v>
      </c>
      <c r="E4842" s="46">
        <v>0</v>
      </c>
      <c r="F4842" s="46">
        <v>50</v>
      </c>
      <c r="G4842" s="46">
        <v>16.7</v>
      </c>
      <c r="H4842" s="46">
        <v>16.7</v>
      </c>
      <c r="I4842" s="46">
        <v>0</v>
      </c>
      <c r="J4842" s="46">
        <v>16.7</v>
      </c>
      <c r="K4842" s="46">
        <v>16.7</v>
      </c>
      <c r="L4842" s="46">
        <v>0</v>
      </c>
      <c r="M4842" s="46">
        <v>16.7</v>
      </c>
      <c r="N4842" s="46">
        <v>16.7</v>
      </c>
      <c r="O4842" s="46">
        <v>0</v>
      </c>
      <c r="P4842" s="47">
        <v>0</v>
      </c>
    </row>
    <row r="4843" spans="1:25" ht="21.6" x14ac:dyDescent="0.2">
      <c r="B4843" s="77"/>
      <c r="C4843" s="39" t="s">
        <v>42</v>
      </c>
      <c r="D4843" s="45">
        <v>136</v>
      </c>
      <c r="E4843" s="46">
        <v>40.4</v>
      </c>
      <c r="F4843" s="46">
        <v>33.799999999999997</v>
      </c>
      <c r="G4843" s="46">
        <v>43.4</v>
      </c>
      <c r="H4843" s="46">
        <v>13.2</v>
      </c>
      <c r="I4843" s="46">
        <v>8.1</v>
      </c>
      <c r="J4843" s="46">
        <v>8.1</v>
      </c>
      <c r="K4843" s="46">
        <v>3.7</v>
      </c>
      <c r="L4843" s="46">
        <v>3.7</v>
      </c>
      <c r="M4843" s="46">
        <v>17.600000000000001</v>
      </c>
      <c r="N4843" s="46">
        <v>24.3</v>
      </c>
      <c r="O4843" s="46">
        <v>2.9</v>
      </c>
      <c r="P4843" s="47">
        <v>5.0999999999999996</v>
      </c>
    </row>
    <row r="4844" spans="1:25" ht="21.6" x14ac:dyDescent="0.2">
      <c r="B4844" s="77"/>
      <c r="C4844" s="39" t="s">
        <v>43</v>
      </c>
      <c r="D4844" s="45">
        <v>73</v>
      </c>
      <c r="E4844" s="46">
        <v>50.7</v>
      </c>
      <c r="F4844" s="46">
        <v>28.8</v>
      </c>
      <c r="G4844" s="46">
        <v>41.1</v>
      </c>
      <c r="H4844" s="46">
        <v>15.1</v>
      </c>
      <c r="I4844" s="46">
        <v>5.5</v>
      </c>
      <c r="J4844" s="46">
        <v>9.6</v>
      </c>
      <c r="K4844" s="46">
        <v>4.0999999999999996</v>
      </c>
      <c r="L4844" s="46">
        <v>1.4</v>
      </c>
      <c r="M4844" s="46">
        <v>6.8</v>
      </c>
      <c r="N4844" s="46">
        <v>28.8</v>
      </c>
      <c r="O4844" s="46">
        <v>2.7</v>
      </c>
      <c r="P4844" s="47">
        <v>4.0999999999999996</v>
      </c>
    </row>
    <row r="4845" spans="1:25" ht="21.6" x14ac:dyDescent="0.2">
      <c r="B4845" s="77"/>
      <c r="C4845" s="39" t="s">
        <v>44</v>
      </c>
      <c r="D4845" s="45">
        <v>53</v>
      </c>
      <c r="E4845" s="46">
        <v>32.1</v>
      </c>
      <c r="F4845" s="46">
        <v>24.5</v>
      </c>
      <c r="G4845" s="46">
        <v>35.799999999999997</v>
      </c>
      <c r="H4845" s="46">
        <v>15.1</v>
      </c>
      <c r="I4845" s="46">
        <v>5.7</v>
      </c>
      <c r="J4845" s="46">
        <v>15.1</v>
      </c>
      <c r="K4845" s="46">
        <v>7.5</v>
      </c>
      <c r="L4845" s="46">
        <v>3.8</v>
      </c>
      <c r="M4845" s="46">
        <v>13.2</v>
      </c>
      <c r="N4845" s="46">
        <v>18.899999999999999</v>
      </c>
      <c r="O4845" s="46">
        <v>1.9</v>
      </c>
      <c r="P4845" s="47">
        <v>5.7</v>
      </c>
    </row>
    <row r="4846" spans="1:25" ht="21.6" x14ac:dyDescent="0.2">
      <c r="B4846" s="77"/>
      <c r="C4846" s="39" t="s">
        <v>45</v>
      </c>
      <c r="D4846" s="45">
        <v>159</v>
      </c>
      <c r="E4846" s="46">
        <v>43.4</v>
      </c>
      <c r="F4846" s="46">
        <v>23.3</v>
      </c>
      <c r="G4846" s="46">
        <v>44.7</v>
      </c>
      <c r="H4846" s="46">
        <v>11.3</v>
      </c>
      <c r="I4846" s="46">
        <v>8.1999999999999993</v>
      </c>
      <c r="J4846" s="46">
        <v>8.8000000000000007</v>
      </c>
      <c r="K4846" s="46">
        <v>1.9</v>
      </c>
      <c r="L4846" s="46">
        <v>2.5</v>
      </c>
      <c r="M4846" s="46">
        <v>6.9</v>
      </c>
      <c r="N4846" s="46">
        <v>25.2</v>
      </c>
      <c r="O4846" s="46">
        <v>3.8</v>
      </c>
      <c r="P4846" s="47">
        <v>1.9</v>
      </c>
    </row>
    <row r="4847" spans="1:25" ht="21.6" x14ac:dyDescent="0.2">
      <c r="B4847" s="77"/>
      <c r="C4847" s="39" t="s">
        <v>46</v>
      </c>
      <c r="D4847" s="45">
        <v>115</v>
      </c>
      <c r="E4847" s="46">
        <v>44.3</v>
      </c>
      <c r="F4847" s="46">
        <v>24.3</v>
      </c>
      <c r="G4847" s="46">
        <v>43.5</v>
      </c>
      <c r="H4847" s="46">
        <v>16.5</v>
      </c>
      <c r="I4847" s="46">
        <v>11.3</v>
      </c>
      <c r="J4847" s="46">
        <v>13</v>
      </c>
      <c r="K4847" s="46">
        <v>4.3</v>
      </c>
      <c r="L4847" s="46">
        <v>3.5</v>
      </c>
      <c r="M4847" s="46">
        <v>11.3</v>
      </c>
      <c r="N4847" s="46">
        <v>18.3</v>
      </c>
      <c r="O4847" s="46">
        <v>2.6</v>
      </c>
      <c r="P4847" s="47">
        <v>1.7</v>
      </c>
    </row>
    <row r="4848" spans="1:25" ht="21.6" x14ac:dyDescent="0.2">
      <c r="B4848" s="77"/>
      <c r="C4848" s="39" t="s">
        <v>47</v>
      </c>
      <c r="D4848" s="45">
        <v>155</v>
      </c>
      <c r="E4848" s="46">
        <v>38.1</v>
      </c>
      <c r="F4848" s="46">
        <v>33.5</v>
      </c>
      <c r="G4848" s="46">
        <v>40</v>
      </c>
      <c r="H4848" s="46">
        <v>14.2</v>
      </c>
      <c r="I4848" s="46">
        <v>6.5</v>
      </c>
      <c r="J4848" s="46">
        <v>5.2</v>
      </c>
      <c r="K4848" s="46">
        <v>1.9</v>
      </c>
      <c r="L4848" s="46">
        <v>1.3</v>
      </c>
      <c r="M4848" s="46">
        <v>16.100000000000001</v>
      </c>
      <c r="N4848" s="46">
        <v>23.9</v>
      </c>
      <c r="O4848" s="46">
        <v>3.2</v>
      </c>
      <c r="P4848" s="47">
        <v>4.5</v>
      </c>
    </row>
    <row r="4849" spans="1:25" ht="21.6" x14ac:dyDescent="0.2">
      <c r="B4849" s="77"/>
      <c r="C4849" s="39" t="s">
        <v>48</v>
      </c>
      <c r="D4849" s="45">
        <v>108</v>
      </c>
      <c r="E4849" s="46">
        <v>39.799999999999997</v>
      </c>
      <c r="F4849" s="46">
        <v>29.6</v>
      </c>
      <c r="G4849" s="46">
        <v>38</v>
      </c>
      <c r="H4849" s="46">
        <v>11.1</v>
      </c>
      <c r="I4849" s="46">
        <v>8.3000000000000007</v>
      </c>
      <c r="J4849" s="46">
        <v>12</v>
      </c>
      <c r="K4849" s="46">
        <v>4.5999999999999996</v>
      </c>
      <c r="L4849" s="46">
        <v>3.7</v>
      </c>
      <c r="M4849" s="46">
        <v>16.7</v>
      </c>
      <c r="N4849" s="46">
        <v>24.1</v>
      </c>
      <c r="O4849" s="46">
        <v>1.9</v>
      </c>
      <c r="P4849" s="47">
        <v>1.9</v>
      </c>
    </row>
    <row r="4850" spans="1:25" ht="21.6" x14ac:dyDescent="0.2">
      <c r="B4850" s="77"/>
      <c r="C4850" s="39" t="s">
        <v>49</v>
      </c>
      <c r="D4850" s="45">
        <v>87</v>
      </c>
      <c r="E4850" s="46">
        <v>37.9</v>
      </c>
      <c r="F4850" s="46">
        <v>29.9</v>
      </c>
      <c r="G4850" s="46">
        <v>50.6</v>
      </c>
      <c r="H4850" s="46">
        <v>10.3</v>
      </c>
      <c r="I4850" s="46">
        <v>12.6</v>
      </c>
      <c r="J4850" s="46">
        <v>11.5</v>
      </c>
      <c r="K4850" s="46">
        <v>4.5999999999999996</v>
      </c>
      <c r="L4850" s="46">
        <v>3.4</v>
      </c>
      <c r="M4850" s="46">
        <v>8</v>
      </c>
      <c r="N4850" s="46">
        <v>24.1</v>
      </c>
      <c r="O4850" s="46">
        <v>2.2999999999999998</v>
      </c>
      <c r="P4850" s="47">
        <v>2.2999999999999998</v>
      </c>
    </row>
    <row r="4851" spans="1:25" ht="21.6" x14ac:dyDescent="0.2">
      <c r="B4851" s="77"/>
      <c r="C4851" s="39" t="s">
        <v>50</v>
      </c>
      <c r="D4851" s="45">
        <v>55</v>
      </c>
      <c r="E4851" s="46">
        <v>41.8</v>
      </c>
      <c r="F4851" s="46">
        <v>25.5</v>
      </c>
      <c r="G4851" s="46">
        <v>65.5</v>
      </c>
      <c r="H4851" s="46">
        <v>12.7</v>
      </c>
      <c r="I4851" s="46">
        <v>9.1</v>
      </c>
      <c r="J4851" s="46">
        <v>7.3</v>
      </c>
      <c r="K4851" s="46">
        <v>0</v>
      </c>
      <c r="L4851" s="46">
        <v>3.6</v>
      </c>
      <c r="M4851" s="46">
        <v>3.6</v>
      </c>
      <c r="N4851" s="46">
        <v>25.5</v>
      </c>
      <c r="O4851" s="46">
        <v>0</v>
      </c>
      <c r="P4851" s="47">
        <v>1.8</v>
      </c>
    </row>
    <row r="4852" spans="1:25" ht="21.6" x14ac:dyDescent="0.2">
      <c r="B4852" s="77"/>
      <c r="C4852" s="39" t="s">
        <v>51</v>
      </c>
      <c r="D4852" s="45">
        <v>42</v>
      </c>
      <c r="E4852" s="46">
        <v>40.5</v>
      </c>
      <c r="F4852" s="46">
        <v>23.8</v>
      </c>
      <c r="G4852" s="46">
        <v>38.1</v>
      </c>
      <c r="H4852" s="46">
        <v>2.4</v>
      </c>
      <c r="I4852" s="46">
        <v>4.8</v>
      </c>
      <c r="J4852" s="46">
        <v>7.1</v>
      </c>
      <c r="K4852" s="46">
        <v>4.8</v>
      </c>
      <c r="L4852" s="46">
        <v>2.4</v>
      </c>
      <c r="M4852" s="46">
        <v>7.1</v>
      </c>
      <c r="N4852" s="46">
        <v>35.700000000000003</v>
      </c>
      <c r="O4852" s="46">
        <v>7.1</v>
      </c>
      <c r="P4852" s="47">
        <v>2.4</v>
      </c>
    </row>
    <row r="4853" spans="1:25" ht="21.6" x14ac:dyDescent="0.2">
      <c r="B4853" s="77"/>
      <c r="C4853" s="39" t="s">
        <v>52</v>
      </c>
      <c r="D4853" s="45">
        <v>72</v>
      </c>
      <c r="E4853" s="46">
        <v>55.6</v>
      </c>
      <c r="F4853" s="46">
        <v>30.6</v>
      </c>
      <c r="G4853" s="46">
        <v>44.4</v>
      </c>
      <c r="H4853" s="46">
        <v>16.7</v>
      </c>
      <c r="I4853" s="46">
        <v>13.9</v>
      </c>
      <c r="J4853" s="46">
        <v>5.6</v>
      </c>
      <c r="K4853" s="46">
        <v>4.2</v>
      </c>
      <c r="L4853" s="46">
        <v>4.2</v>
      </c>
      <c r="M4853" s="46">
        <v>5.6</v>
      </c>
      <c r="N4853" s="46">
        <v>19.399999999999999</v>
      </c>
      <c r="O4853" s="46">
        <v>4.2</v>
      </c>
      <c r="P4853" s="47">
        <v>4.2</v>
      </c>
    </row>
    <row r="4854" spans="1:25" x14ac:dyDescent="0.2">
      <c r="B4854" s="77"/>
      <c r="C4854" s="39" t="s">
        <v>53</v>
      </c>
      <c r="D4854" s="45">
        <v>83</v>
      </c>
      <c r="E4854" s="46">
        <v>48.2</v>
      </c>
      <c r="F4854" s="46">
        <v>21.7</v>
      </c>
      <c r="G4854" s="46">
        <v>34.9</v>
      </c>
      <c r="H4854" s="46">
        <v>10.8</v>
      </c>
      <c r="I4854" s="46">
        <v>6</v>
      </c>
      <c r="J4854" s="46">
        <v>9.6</v>
      </c>
      <c r="K4854" s="46">
        <v>2.4</v>
      </c>
      <c r="L4854" s="46">
        <v>2.4</v>
      </c>
      <c r="M4854" s="46">
        <v>16.899999999999999</v>
      </c>
      <c r="N4854" s="46">
        <v>24.1</v>
      </c>
      <c r="O4854" s="46">
        <v>6</v>
      </c>
      <c r="P4854" s="47">
        <v>2.4</v>
      </c>
    </row>
    <row r="4855" spans="1:25" ht="21.6" x14ac:dyDescent="0.2">
      <c r="B4855" s="77"/>
      <c r="C4855" s="39" t="s">
        <v>54</v>
      </c>
      <c r="D4855" s="45">
        <v>188</v>
      </c>
      <c r="E4855" s="46">
        <v>39.4</v>
      </c>
      <c r="F4855" s="46">
        <v>27.7</v>
      </c>
      <c r="G4855" s="46">
        <v>49.5</v>
      </c>
      <c r="H4855" s="46">
        <v>12.2</v>
      </c>
      <c r="I4855" s="46">
        <v>9.6</v>
      </c>
      <c r="J4855" s="46">
        <v>9.6</v>
      </c>
      <c r="K4855" s="46">
        <v>4.3</v>
      </c>
      <c r="L4855" s="46">
        <v>3.7</v>
      </c>
      <c r="M4855" s="46">
        <v>10.1</v>
      </c>
      <c r="N4855" s="46">
        <v>21.8</v>
      </c>
      <c r="O4855" s="46">
        <v>2.7</v>
      </c>
      <c r="P4855" s="47">
        <v>3.7</v>
      </c>
    </row>
    <row r="4856" spans="1:25" ht="21.6" x14ac:dyDescent="0.2">
      <c r="B4856" s="77"/>
      <c r="C4856" s="39" t="s">
        <v>55</v>
      </c>
      <c r="D4856" s="45">
        <v>250</v>
      </c>
      <c r="E4856" s="46">
        <v>35.6</v>
      </c>
      <c r="F4856" s="46">
        <v>31.2</v>
      </c>
      <c r="G4856" s="46">
        <v>42.4</v>
      </c>
      <c r="H4856" s="46">
        <v>12.4</v>
      </c>
      <c r="I4856" s="46">
        <v>8.4</v>
      </c>
      <c r="J4856" s="46">
        <v>10</v>
      </c>
      <c r="K4856" s="46">
        <v>2.4</v>
      </c>
      <c r="L4856" s="46">
        <v>2</v>
      </c>
      <c r="M4856" s="46">
        <v>12.8</v>
      </c>
      <c r="N4856" s="46">
        <v>24.4</v>
      </c>
      <c r="O4856" s="46">
        <v>0.8</v>
      </c>
      <c r="P4856" s="47">
        <v>2.4</v>
      </c>
    </row>
    <row r="4857" spans="1:25" ht="21.6" x14ac:dyDescent="0.2">
      <c r="B4857" s="77"/>
      <c r="C4857" s="39" t="s">
        <v>56</v>
      </c>
      <c r="D4857" s="45">
        <v>309</v>
      </c>
      <c r="E4857" s="46">
        <v>37.9</v>
      </c>
      <c r="F4857" s="46">
        <v>28.2</v>
      </c>
      <c r="G4857" s="46">
        <v>43.4</v>
      </c>
      <c r="H4857" s="46">
        <v>12.9</v>
      </c>
      <c r="I4857" s="46">
        <v>8.4</v>
      </c>
      <c r="J4857" s="46">
        <v>10</v>
      </c>
      <c r="K4857" s="46">
        <v>3.9</v>
      </c>
      <c r="L4857" s="46">
        <v>2.6</v>
      </c>
      <c r="M4857" s="46">
        <v>13.9</v>
      </c>
      <c r="N4857" s="46">
        <v>23.6</v>
      </c>
      <c r="O4857" s="46">
        <v>2.2999999999999998</v>
      </c>
      <c r="P4857" s="47">
        <v>2.2999999999999998</v>
      </c>
    </row>
    <row r="4858" spans="1:25" x14ac:dyDescent="0.2">
      <c r="B4858" s="77"/>
      <c r="C4858" s="40" t="s">
        <v>57</v>
      </c>
      <c r="D4858" s="48">
        <v>255</v>
      </c>
      <c r="E4858" s="49">
        <v>45.5</v>
      </c>
      <c r="F4858" s="49">
        <v>31.8</v>
      </c>
      <c r="G4858" s="49">
        <v>44.3</v>
      </c>
      <c r="H4858" s="49">
        <v>11</v>
      </c>
      <c r="I4858" s="49">
        <v>9</v>
      </c>
      <c r="J4858" s="49">
        <v>8.6</v>
      </c>
      <c r="K4858" s="49">
        <v>3.5</v>
      </c>
      <c r="L4858" s="49">
        <v>3.5</v>
      </c>
      <c r="M4858" s="49">
        <v>9</v>
      </c>
      <c r="N4858" s="49">
        <v>22.4</v>
      </c>
      <c r="O4858" s="49">
        <v>2.4</v>
      </c>
      <c r="P4858" s="50">
        <v>3.1</v>
      </c>
    </row>
    <row r="4859" spans="1:25" x14ac:dyDescent="0.2">
      <c r="B4859" s="7" t="s">
        <v>71</v>
      </c>
      <c r="C4859" s="4" t="s">
        <v>210</v>
      </c>
    </row>
    <row r="4860" spans="1:25" x14ac:dyDescent="0.2">
      <c r="B4860" s="4"/>
      <c r="C4860" s="4" t="s">
        <v>73</v>
      </c>
    </row>
    <row r="4862" spans="1:25" x14ac:dyDescent="0.2">
      <c r="C4862" t="s">
        <v>35</v>
      </c>
    </row>
    <row r="4863" spans="1:25" x14ac:dyDescent="0.2">
      <c r="B4863" s="75" t="s">
        <v>352</v>
      </c>
      <c r="C4863" s="76"/>
      <c r="D4863" s="76"/>
      <c r="E4863" s="76"/>
      <c r="F4863" s="76"/>
      <c r="G4863" s="76"/>
      <c r="H4863" s="76"/>
      <c r="I4863" s="76"/>
      <c r="J4863" s="76"/>
      <c r="K4863" s="76"/>
      <c r="L4863" s="76"/>
      <c r="M4863" s="76"/>
      <c r="N4863" s="76"/>
      <c r="O4863" s="76"/>
      <c r="P4863" s="76"/>
      <c r="Q4863" s="76"/>
      <c r="R4863" s="76"/>
      <c r="S4863" s="76"/>
      <c r="T4863" s="76"/>
      <c r="U4863" s="76"/>
      <c r="V4863" s="76"/>
      <c r="W4863" s="76"/>
      <c r="X4863" s="76"/>
      <c r="Y4863" s="76"/>
    </row>
    <row r="4864" spans="1:25" s="32" customFormat="1" ht="79.650000000000006" customHeight="1" x14ac:dyDescent="0.15">
      <c r="A4864" s="31"/>
      <c r="D4864" s="33" t="s">
        <v>378</v>
      </c>
      <c r="E4864" s="36" t="s">
        <v>618</v>
      </c>
      <c r="F4864" s="55" t="s">
        <v>619</v>
      </c>
      <c r="G4864" s="55" t="s">
        <v>620</v>
      </c>
      <c r="H4864" s="55" t="s">
        <v>621</v>
      </c>
      <c r="I4864" s="55" t="s">
        <v>622</v>
      </c>
      <c r="J4864" s="55" t="s">
        <v>623</v>
      </c>
      <c r="K4864" s="55" t="s">
        <v>624</v>
      </c>
      <c r="L4864" s="55" t="s">
        <v>625</v>
      </c>
      <c r="M4864" s="55" t="s">
        <v>626</v>
      </c>
      <c r="N4864" s="55" t="s">
        <v>627</v>
      </c>
      <c r="O4864" s="55" t="s">
        <v>628</v>
      </c>
      <c r="P4864" s="37" t="s">
        <v>467</v>
      </c>
      <c r="Q4864" s="35" t="s">
        <v>381</v>
      </c>
    </row>
    <row r="4865" spans="2:16" ht="21.6" x14ac:dyDescent="0.2">
      <c r="B4865" s="77" t="s">
        <v>37</v>
      </c>
      <c r="C4865" s="38" t="s">
        <v>58</v>
      </c>
      <c r="D4865" s="51">
        <v>222</v>
      </c>
      <c r="E4865" s="52">
        <v>39.6</v>
      </c>
      <c r="F4865" s="52">
        <v>27</v>
      </c>
      <c r="G4865" s="52">
        <v>41.4</v>
      </c>
      <c r="H4865" s="52">
        <v>13.1</v>
      </c>
      <c r="I4865" s="52">
        <v>8.6</v>
      </c>
      <c r="J4865" s="52">
        <v>9.9</v>
      </c>
      <c r="K4865" s="52">
        <v>5</v>
      </c>
      <c r="L4865" s="52">
        <v>3.6</v>
      </c>
      <c r="M4865" s="52">
        <v>15.3</v>
      </c>
      <c r="N4865" s="52">
        <v>20.7</v>
      </c>
      <c r="O4865" s="52">
        <v>3.2</v>
      </c>
      <c r="P4865" s="53">
        <v>2.2999999999999998</v>
      </c>
    </row>
    <row r="4866" spans="2:16" ht="21.6" x14ac:dyDescent="0.2">
      <c r="B4866" s="77"/>
      <c r="C4866" s="39" t="s">
        <v>59</v>
      </c>
      <c r="D4866" s="45">
        <v>414</v>
      </c>
      <c r="E4866" s="46">
        <v>42.5</v>
      </c>
      <c r="F4866" s="46">
        <v>28.5</v>
      </c>
      <c r="G4866" s="46">
        <v>45.2</v>
      </c>
      <c r="H4866" s="46">
        <v>12.6</v>
      </c>
      <c r="I4866" s="46">
        <v>9.4</v>
      </c>
      <c r="J4866" s="46">
        <v>9.1999999999999993</v>
      </c>
      <c r="K4866" s="46">
        <v>2.7</v>
      </c>
      <c r="L4866" s="46">
        <v>2.4</v>
      </c>
      <c r="M4866" s="46">
        <v>9.4</v>
      </c>
      <c r="N4866" s="46">
        <v>24.4</v>
      </c>
      <c r="O4866" s="46">
        <v>2.9</v>
      </c>
      <c r="P4866" s="47">
        <v>3.4</v>
      </c>
    </row>
    <row r="4867" spans="2:16" x14ac:dyDescent="0.2">
      <c r="B4867" s="77"/>
      <c r="C4867" s="39" t="s">
        <v>60</v>
      </c>
      <c r="D4867" s="45">
        <v>432</v>
      </c>
      <c r="E4867" s="46">
        <v>40.700000000000003</v>
      </c>
      <c r="F4867" s="46">
        <v>25.9</v>
      </c>
      <c r="G4867" s="46">
        <v>43.5</v>
      </c>
      <c r="H4867" s="46">
        <v>13</v>
      </c>
      <c r="I4867" s="46">
        <v>10</v>
      </c>
      <c r="J4867" s="46">
        <v>7.2</v>
      </c>
      <c r="K4867" s="46">
        <v>3.5</v>
      </c>
      <c r="L4867" s="46">
        <v>3</v>
      </c>
      <c r="M4867" s="46">
        <v>11.1</v>
      </c>
      <c r="N4867" s="46">
        <v>25</v>
      </c>
      <c r="O4867" s="46">
        <v>3</v>
      </c>
      <c r="P4867" s="47">
        <v>3.2</v>
      </c>
    </row>
    <row r="4868" spans="2:16" x14ac:dyDescent="0.2">
      <c r="B4868" s="77"/>
      <c r="C4868" s="39" t="s">
        <v>61</v>
      </c>
      <c r="D4868" s="45">
        <v>204</v>
      </c>
      <c r="E4868" s="46">
        <v>43.1</v>
      </c>
      <c r="F4868" s="46">
        <v>32.4</v>
      </c>
      <c r="G4868" s="46">
        <v>44.6</v>
      </c>
      <c r="H4868" s="46">
        <v>12.3</v>
      </c>
      <c r="I4868" s="46">
        <v>7.4</v>
      </c>
      <c r="J4868" s="46">
        <v>14.2</v>
      </c>
      <c r="K4868" s="46">
        <v>3.4</v>
      </c>
      <c r="L4868" s="46">
        <v>2.5</v>
      </c>
      <c r="M4868" s="46">
        <v>12.3</v>
      </c>
      <c r="N4868" s="46">
        <v>19.100000000000001</v>
      </c>
      <c r="O4868" s="46">
        <v>2.9</v>
      </c>
      <c r="P4868" s="47">
        <v>2.5</v>
      </c>
    </row>
    <row r="4869" spans="2:16" x14ac:dyDescent="0.2">
      <c r="B4869" s="77"/>
      <c r="C4869" s="39" t="s">
        <v>62</v>
      </c>
      <c r="D4869" s="45">
        <v>443</v>
      </c>
      <c r="E4869" s="46">
        <v>40.9</v>
      </c>
      <c r="F4869" s="46">
        <v>32.299999999999997</v>
      </c>
      <c r="G4869" s="46">
        <v>43.1</v>
      </c>
      <c r="H4869" s="46">
        <v>11.5</v>
      </c>
      <c r="I4869" s="46">
        <v>8.8000000000000007</v>
      </c>
      <c r="J4869" s="46">
        <v>8.4</v>
      </c>
      <c r="K4869" s="46">
        <v>3.8</v>
      </c>
      <c r="L4869" s="46">
        <v>3.2</v>
      </c>
      <c r="M4869" s="46">
        <v>12.6</v>
      </c>
      <c r="N4869" s="46">
        <v>22.1</v>
      </c>
      <c r="O4869" s="46">
        <v>2.5</v>
      </c>
      <c r="P4869" s="47">
        <v>3.2</v>
      </c>
    </row>
    <row r="4870" spans="2:16" ht="21.6" x14ac:dyDescent="0.2">
      <c r="B4870" s="77"/>
      <c r="C4870" s="39" t="s">
        <v>63</v>
      </c>
      <c r="D4870" s="45">
        <v>63</v>
      </c>
      <c r="E4870" s="46">
        <v>34.9</v>
      </c>
      <c r="F4870" s="46">
        <v>33.299999999999997</v>
      </c>
      <c r="G4870" s="46">
        <v>23.8</v>
      </c>
      <c r="H4870" s="46">
        <v>9.5</v>
      </c>
      <c r="I4870" s="46">
        <v>7.9</v>
      </c>
      <c r="J4870" s="46">
        <v>15.9</v>
      </c>
      <c r="K4870" s="46">
        <v>3.2</v>
      </c>
      <c r="L4870" s="46">
        <v>3.2</v>
      </c>
      <c r="M4870" s="46">
        <v>14.3</v>
      </c>
      <c r="N4870" s="46">
        <v>19</v>
      </c>
      <c r="O4870" s="46">
        <v>3.2</v>
      </c>
      <c r="P4870" s="47">
        <v>4.8</v>
      </c>
    </row>
    <row r="4871" spans="2:16" x14ac:dyDescent="0.2">
      <c r="B4871" s="77"/>
      <c r="C4871" s="39" t="s">
        <v>64</v>
      </c>
      <c r="D4871" s="45">
        <v>124</v>
      </c>
      <c r="E4871" s="46">
        <v>37.9</v>
      </c>
      <c r="F4871" s="46">
        <v>33.1</v>
      </c>
      <c r="G4871" s="46">
        <v>40.299999999999997</v>
      </c>
      <c r="H4871" s="46">
        <v>17.7</v>
      </c>
      <c r="I4871" s="46">
        <v>8.1</v>
      </c>
      <c r="J4871" s="46">
        <v>7.3</v>
      </c>
      <c r="K4871" s="46">
        <v>5.6</v>
      </c>
      <c r="L4871" s="46">
        <v>4.8</v>
      </c>
      <c r="M4871" s="46">
        <v>12.9</v>
      </c>
      <c r="N4871" s="46">
        <v>20.2</v>
      </c>
      <c r="O4871" s="46">
        <v>2.4</v>
      </c>
      <c r="P4871" s="47">
        <v>2.4</v>
      </c>
    </row>
    <row r="4872" spans="2:16" x14ac:dyDescent="0.2">
      <c r="B4872" s="77"/>
      <c r="C4872" s="39" t="s">
        <v>65</v>
      </c>
      <c r="D4872" s="45">
        <v>127</v>
      </c>
      <c r="E4872" s="46">
        <v>48.8</v>
      </c>
      <c r="F4872" s="46">
        <v>31.5</v>
      </c>
      <c r="G4872" s="46">
        <v>48.8</v>
      </c>
      <c r="H4872" s="46">
        <v>10.199999999999999</v>
      </c>
      <c r="I4872" s="46">
        <v>12.6</v>
      </c>
      <c r="J4872" s="46">
        <v>7.9</v>
      </c>
      <c r="K4872" s="46">
        <v>5.5</v>
      </c>
      <c r="L4872" s="46">
        <v>3.9</v>
      </c>
      <c r="M4872" s="46">
        <v>13.4</v>
      </c>
      <c r="N4872" s="46">
        <v>17.3</v>
      </c>
      <c r="O4872" s="46">
        <v>2.4</v>
      </c>
      <c r="P4872" s="47">
        <v>4.7</v>
      </c>
    </row>
    <row r="4873" spans="2:16" x14ac:dyDescent="0.2">
      <c r="B4873" s="77"/>
      <c r="C4873" s="39" t="s">
        <v>66</v>
      </c>
      <c r="D4873" s="45">
        <v>104</v>
      </c>
      <c r="E4873" s="46">
        <v>41.3</v>
      </c>
      <c r="F4873" s="46">
        <v>29.8</v>
      </c>
      <c r="G4873" s="46">
        <v>51</v>
      </c>
      <c r="H4873" s="46">
        <v>6.7</v>
      </c>
      <c r="I4873" s="46">
        <v>5.8</v>
      </c>
      <c r="J4873" s="46">
        <v>7.7</v>
      </c>
      <c r="K4873" s="46">
        <v>1</v>
      </c>
      <c r="L4873" s="46">
        <v>1</v>
      </c>
      <c r="M4873" s="46">
        <v>12.5</v>
      </c>
      <c r="N4873" s="46">
        <v>31.7</v>
      </c>
      <c r="O4873" s="46">
        <v>2.9</v>
      </c>
      <c r="P4873" s="47">
        <v>1</v>
      </c>
    </row>
    <row r="4874" spans="2:16" x14ac:dyDescent="0.2">
      <c r="B4874" s="77"/>
      <c r="C4874" s="39" t="s">
        <v>67</v>
      </c>
      <c r="D4874" s="45">
        <v>25</v>
      </c>
      <c r="E4874" s="46">
        <v>28</v>
      </c>
      <c r="F4874" s="46">
        <v>40</v>
      </c>
      <c r="G4874" s="46">
        <v>44</v>
      </c>
      <c r="H4874" s="46">
        <v>12</v>
      </c>
      <c r="I4874" s="46">
        <v>8</v>
      </c>
      <c r="J4874" s="46">
        <v>0</v>
      </c>
      <c r="K4874" s="46">
        <v>0</v>
      </c>
      <c r="L4874" s="46">
        <v>0</v>
      </c>
      <c r="M4874" s="46">
        <v>4</v>
      </c>
      <c r="N4874" s="46">
        <v>24</v>
      </c>
      <c r="O4874" s="46">
        <v>0</v>
      </c>
      <c r="P4874" s="47">
        <v>4</v>
      </c>
    </row>
    <row r="4875" spans="2:16" x14ac:dyDescent="0.2">
      <c r="B4875" s="77"/>
      <c r="C4875" s="39" t="s">
        <v>68</v>
      </c>
      <c r="D4875" s="45">
        <v>404</v>
      </c>
      <c r="E4875" s="46">
        <v>41.8</v>
      </c>
      <c r="F4875" s="46">
        <v>31.4</v>
      </c>
      <c r="G4875" s="46">
        <v>44.1</v>
      </c>
      <c r="H4875" s="46">
        <v>11.9</v>
      </c>
      <c r="I4875" s="46">
        <v>9.1999999999999993</v>
      </c>
      <c r="J4875" s="46">
        <v>8.9</v>
      </c>
      <c r="K4875" s="46">
        <v>4</v>
      </c>
      <c r="L4875" s="46">
        <v>3.5</v>
      </c>
      <c r="M4875" s="46">
        <v>12.9</v>
      </c>
      <c r="N4875" s="46">
        <v>22.3</v>
      </c>
      <c r="O4875" s="46">
        <v>2</v>
      </c>
      <c r="P4875" s="47">
        <v>3</v>
      </c>
    </row>
    <row r="4876" spans="2:16" x14ac:dyDescent="0.2">
      <c r="B4876" s="77"/>
      <c r="C4876" s="39" t="s">
        <v>69</v>
      </c>
      <c r="D4876" s="45">
        <v>39</v>
      </c>
      <c r="E4876" s="46">
        <v>30.8</v>
      </c>
      <c r="F4876" s="46">
        <v>41</v>
      </c>
      <c r="G4876" s="46">
        <v>33.299999999999997</v>
      </c>
      <c r="H4876" s="46">
        <v>7.7</v>
      </c>
      <c r="I4876" s="46">
        <v>5.0999999999999996</v>
      </c>
      <c r="J4876" s="46">
        <v>2.6</v>
      </c>
      <c r="K4876" s="46">
        <v>2.6</v>
      </c>
      <c r="L4876" s="46">
        <v>0</v>
      </c>
      <c r="M4876" s="46">
        <v>10.3</v>
      </c>
      <c r="N4876" s="46">
        <v>20.5</v>
      </c>
      <c r="O4876" s="46">
        <v>7.7</v>
      </c>
      <c r="P4876" s="47">
        <v>5.0999999999999996</v>
      </c>
    </row>
    <row r="4877" spans="2:16" x14ac:dyDescent="0.2">
      <c r="B4877" s="77"/>
      <c r="C4877" s="39" t="s">
        <v>70</v>
      </c>
      <c r="D4877" s="45">
        <v>193</v>
      </c>
      <c r="E4877" s="46">
        <v>43</v>
      </c>
      <c r="F4877" s="46">
        <v>18.100000000000001</v>
      </c>
      <c r="G4877" s="46">
        <v>45.6</v>
      </c>
      <c r="H4877" s="46">
        <v>15.5</v>
      </c>
      <c r="I4877" s="46">
        <v>9.8000000000000007</v>
      </c>
      <c r="J4877" s="46">
        <v>11.9</v>
      </c>
      <c r="K4877" s="46">
        <v>2.6</v>
      </c>
      <c r="L4877" s="46">
        <v>2.1</v>
      </c>
      <c r="M4877" s="46">
        <v>8.8000000000000007</v>
      </c>
      <c r="N4877" s="46">
        <v>25.4</v>
      </c>
      <c r="O4877" s="46">
        <v>4.0999999999999996</v>
      </c>
      <c r="P4877" s="47">
        <v>2.6</v>
      </c>
    </row>
    <row r="4878" spans="2:16" ht="21.6" x14ac:dyDescent="0.2">
      <c r="B4878" s="77"/>
      <c r="C4878" s="39" t="s">
        <v>63</v>
      </c>
      <c r="D4878" s="45">
        <v>55</v>
      </c>
      <c r="E4878" s="46">
        <v>32.700000000000003</v>
      </c>
      <c r="F4878" s="46">
        <v>14.5</v>
      </c>
      <c r="G4878" s="46">
        <v>38.200000000000003</v>
      </c>
      <c r="H4878" s="46">
        <v>18.2</v>
      </c>
      <c r="I4878" s="46">
        <v>7.3</v>
      </c>
      <c r="J4878" s="46">
        <v>16.399999999999999</v>
      </c>
      <c r="K4878" s="46">
        <v>7.3</v>
      </c>
      <c r="L4878" s="46">
        <v>3.6</v>
      </c>
      <c r="M4878" s="46">
        <v>10.9</v>
      </c>
      <c r="N4878" s="46">
        <v>25.5</v>
      </c>
      <c r="O4878" s="46">
        <v>5.5</v>
      </c>
      <c r="P4878" s="47">
        <v>0</v>
      </c>
    </row>
    <row r="4879" spans="2:16" x14ac:dyDescent="0.2">
      <c r="B4879" s="77"/>
      <c r="C4879" s="39" t="s">
        <v>64</v>
      </c>
      <c r="D4879" s="45">
        <v>50</v>
      </c>
      <c r="E4879" s="46">
        <v>60</v>
      </c>
      <c r="F4879" s="46">
        <v>18</v>
      </c>
      <c r="G4879" s="46">
        <v>54</v>
      </c>
      <c r="H4879" s="46">
        <v>20</v>
      </c>
      <c r="I4879" s="46">
        <v>14</v>
      </c>
      <c r="J4879" s="46">
        <v>6</v>
      </c>
      <c r="K4879" s="46">
        <v>2</v>
      </c>
      <c r="L4879" s="46">
        <v>4</v>
      </c>
      <c r="M4879" s="46">
        <v>16</v>
      </c>
      <c r="N4879" s="46">
        <v>26</v>
      </c>
      <c r="O4879" s="46">
        <v>4</v>
      </c>
      <c r="P4879" s="47">
        <v>4</v>
      </c>
    </row>
    <row r="4880" spans="2:16" x14ac:dyDescent="0.2">
      <c r="B4880" s="77"/>
      <c r="C4880" s="39" t="s">
        <v>65</v>
      </c>
      <c r="D4880" s="45">
        <v>38</v>
      </c>
      <c r="E4880" s="46">
        <v>39.5</v>
      </c>
      <c r="F4880" s="46">
        <v>26.3</v>
      </c>
      <c r="G4880" s="46">
        <v>52.6</v>
      </c>
      <c r="H4880" s="46">
        <v>10.5</v>
      </c>
      <c r="I4880" s="46">
        <v>7.9</v>
      </c>
      <c r="J4880" s="46">
        <v>15.8</v>
      </c>
      <c r="K4880" s="46">
        <v>0</v>
      </c>
      <c r="L4880" s="46">
        <v>0</v>
      </c>
      <c r="M4880" s="46">
        <v>2.6</v>
      </c>
      <c r="N4880" s="46">
        <v>21.1</v>
      </c>
      <c r="O4880" s="46">
        <v>0</v>
      </c>
      <c r="P4880" s="47">
        <v>2.6</v>
      </c>
    </row>
    <row r="4881" spans="1:25" x14ac:dyDescent="0.2">
      <c r="B4881" s="77"/>
      <c r="C4881" s="39" t="s">
        <v>66</v>
      </c>
      <c r="D4881" s="45">
        <v>41</v>
      </c>
      <c r="E4881" s="46">
        <v>43.9</v>
      </c>
      <c r="F4881" s="46">
        <v>12.2</v>
      </c>
      <c r="G4881" s="46">
        <v>36.6</v>
      </c>
      <c r="H4881" s="46">
        <v>14.6</v>
      </c>
      <c r="I4881" s="46">
        <v>12.2</v>
      </c>
      <c r="J4881" s="46">
        <v>12.2</v>
      </c>
      <c r="K4881" s="46">
        <v>0</v>
      </c>
      <c r="L4881" s="46">
        <v>0</v>
      </c>
      <c r="M4881" s="46">
        <v>4.9000000000000004</v>
      </c>
      <c r="N4881" s="46">
        <v>24.4</v>
      </c>
      <c r="O4881" s="46">
        <v>7.3</v>
      </c>
      <c r="P4881" s="47">
        <v>4.9000000000000004</v>
      </c>
    </row>
    <row r="4882" spans="1:25" x14ac:dyDescent="0.2">
      <c r="B4882" s="77"/>
      <c r="C4882" s="39" t="s">
        <v>67</v>
      </c>
      <c r="D4882" s="45">
        <v>9</v>
      </c>
      <c r="E4882" s="46">
        <v>22.2</v>
      </c>
      <c r="F4882" s="46">
        <v>33.299999999999997</v>
      </c>
      <c r="G4882" s="46">
        <v>55.6</v>
      </c>
      <c r="H4882" s="46">
        <v>0</v>
      </c>
      <c r="I4882" s="46">
        <v>0</v>
      </c>
      <c r="J4882" s="46">
        <v>0</v>
      </c>
      <c r="K4882" s="46">
        <v>0</v>
      </c>
      <c r="L4882" s="46">
        <v>0</v>
      </c>
      <c r="M4882" s="46">
        <v>0</v>
      </c>
      <c r="N4882" s="46">
        <v>44.4</v>
      </c>
      <c r="O4882" s="46">
        <v>0</v>
      </c>
      <c r="P4882" s="47">
        <v>0</v>
      </c>
    </row>
    <row r="4883" spans="1:25" x14ac:dyDescent="0.2">
      <c r="B4883" s="77"/>
      <c r="C4883" s="39" t="s">
        <v>68</v>
      </c>
      <c r="D4883" s="45">
        <v>127</v>
      </c>
      <c r="E4883" s="46">
        <v>40.200000000000003</v>
      </c>
      <c r="F4883" s="46">
        <v>19.7</v>
      </c>
      <c r="G4883" s="46">
        <v>44.9</v>
      </c>
      <c r="H4883" s="46">
        <v>17.3</v>
      </c>
      <c r="I4883" s="46">
        <v>10.199999999999999</v>
      </c>
      <c r="J4883" s="46">
        <v>12.6</v>
      </c>
      <c r="K4883" s="46">
        <v>2.4</v>
      </c>
      <c r="L4883" s="46">
        <v>2.4</v>
      </c>
      <c r="M4883" s="46">
        <v>7.9</v>
      </c>
      <c r="N4883" s="46">
        <v>22</v>
      </c>
      <c r="O4883" s="46">
        <v>3.1</v>
      </c>
      <c r="P4883" s="47">
        <v>3.1</v>
      </c>
    </row>
    <row r="4884" spans="1:25" x14ac:dyDescent="0.2">
      <c r="B4884" s="77"/>
      <c r="C4884" s="40" t="s">
        <v>69</v>
      </c>
      <c r="D4884" s="48">
        <v>66</v>
      </c>
      <c r="E4884" s="49">
        <v>48.5</v>
      </c>
      <c r="F4884" s="49">
        <v>15.2</v>
      </c>
      <c r="G4884" s="49">
        <v>47</v>
      </c>
      <c r="H4884" s="49">
        <v>12.1</v>
      </c>
      <c r="I4884" s="49">
        <v>9.1</v>
      </c>
      <c r="J4884" s="49">
        <v>10.6</v>
      </c>
      <c r="K4884" s="49">
        <v>3</v>
      </c>
      <c r="L4884" s="49">
        <v>1.5</v>
      </c>
      <c r="M4884" s="49">
        <v>10.6</v>
      </c>
      <c r="N4884" s="49">
        <v>31.8</v>
      </c>
      <c r="O4884" s="49">
        <v>6.1</v>
      </c>
      <c r="P4884" s="50">
        <v>1.5</v>
      </c>
    </row>
    <row r="4885" spans="1:25" x14ac:dyDescent="0.2">
      <c r="B4885" s="7" t="s">
        <v>71</v>
      </c>
      <c r="C4885" s="4" t="s">
        <v>210</v>
      </c>
    </row>
    <row r="4886" spans="1:25" x14ac:dyDescent="0.2">
      <c r="B4886" s="4"/>
      <c r="C4886" s="4" t="s">
        <v>73</v>
      </c>
    </row>
    <row r="4888" spans="1:25" x14ac:dyDescent="0.2">
      <c r="A4888" s="26" t="s">
        <v>25</v>
      </c>
      <c r="B4888" t="s">
        <v>35</v>
      </c>
      <c r="C4888" t="s">
        <v>35</v>
      </c>
    </row>
    <row r="4889" spans="1:25" x14ac:dyDescent="0.2">
      <c r="B4889" s="75" t="s">
        <v>211</v>
      </c>
      <c r="C4889" s="76"/>
      <c r="D4889" s="76"/>
      <c r="E4889" s="76"/>
      <c r="F4889" s="76"/>
      <c r="G4889" s="76"/>
      <c r="H4889" s="76"/>
      <c r="I4889" s="76"/>
      <c r="J4889" s="76"/>
      <c r="K4889" s="76"/>
      <c r="L4889" s="76"/>
      <c r="M4889" s="76"/>
      <c r="N4889" s="76"/>
      <c r="O4889" s="76"/>
      <c r="P4889" s="76"/>
      <c r="Q4889" s="76"/>
      <c r="R4889" s="76"/>
      <c r="S4889" s="76"/>
      <c r="T4889" s="76"/>
      <c r="U4889" s="76"/>
      <c r="V4889" s="76"/>
      <c r="W4889" s="76"/>
      <c r="X4889" s="76"/>
      <c r="Y4889" s="76"/>
    </row>
    <row r="4890" spans="1:25" s="32" customFormat="1" ht="36.450000000000003" customHeight="1" x14ac:dyDescent="0.15">
      <c r="A4890" s="31"/>
      <c r="D4890" s="33" t="s">
        <v>378</v>
      </c>
      <c r="E4890" s="36" t="s">
        <v>629</v>
      </c>
      <c r="F4890" s="55" t="s">
        <v>630</v>
      </c>
      <c r="G4890" s="37" t="s">
        <v>467</v>
      </c>
      <c r="H4890" s="35" t="s">
        <v>381</v>
      </c>
    </row>
    <row r="4891" spans="1:25" x14ac:dyDescent="0.2">
      <c r="B4891" s="5"/>
      <c r="C4891" s="41" t="s">
        <v>38</v>
      </c>
      <c r="D4891" s="42">
        <v>636</v>
      </c>
      <c r="E4891" s="43">
        <v>84</v>
      </c>
      <c r="F4891" s="43">
        <v>44.3</v>
      </c>
      <c r="G4891" s="44">
        <v>3</v>
      </c>
    </row>
    <row r="4892" spans="1:25" x14ac:dyDescent="0.2">
      <c r="B4892" s="77" t="s">
        <v>37</v>
      </c>
      <c r="C4892" s="39" t="s">
        <v>39</v>
      </c>
      <c r="D4892" s="45">
        <v>39</v>
      </c>
      <c r="E4892" s="46">
        <v>92.3</v>
      </c>
      <c r="F4892" s="46">
        <v>33.299999999999997</v>
      </c>
      <c r="G4892" s="47">
        <v>2.6</v>
      </c>
    </row>
    <row r="4893" spans="1:25" x14ac:dyDescent="0.2">
      <c r="B4893" s="77"/>
      <c r="C4893" s="39" t="s">
        <v>40</v>
      </c>
      <c r="D4893" s="45">
        <v>170</v>
      </c>
      <c r="E4893" s="46">
        <v>83.5</v>
      </c>
      <c r="F4893" s="46">
        <v>44.7</v>
      </c>
      <c r="G4893" s="47">
        <v>1.2</v>
      </c>
    </row>
    <row r="4894" spans="1:25" ht="21.6" x14ac:dyDescent="0.2">
      <c r="B4894" s="77"/>
      <c r="C4894" s="39" t="s">
        <v>41</v>
      </c>
      <c r="D4894" s="45">
        <v>6</v>
      </c>
      <c r="E4894" s="46">
        <v>66.7</v>
      </c>
      <c r="F4894" s="46">
        <v>66.7</v>
      </c>
      <c r="G4894" s="47">
        <v>0</v>
      </c>
    </row>
    <row r="4895" spans="1:25" ht="21.6" x14ac:dyDescent="0.2">
      <c r="B4895" s="77"/>
      <c r="C4895" s="39" t="s">
        <v>42</v>
      </c>
      <c r="D4895" s="45">
        <v>136</v>
      </c>
      <c r="E4895" s="46">
        <v>82.4</v>
      </c>
      <c r="F4895" s="46">
        <v>51.5</v>
      </c>
      <c r="G4895" s="47">
        <v>5.0999999999999996</v>
      </c>
    </row>
    <row r="4896" spans="1:25" ht="21.6" x14ac:dyDescent="0.2">
      <c r="B4896" s="77"/>
      <c r="C4896" s="39" t="s">
        <v>43</v>
      </c>
      <c r="D4896" s="45">
        <v>73</v>
      </c>
      <c r="E4896" s="46">
        <v>87.7</v>
      </c>
      <c r="F4896" s="46">
        <v>42.5</v>
      </c>
      <c r="G4896" s="47">
        <v>4.0999999999999996</v>
      </c>
    </row>
    <row r="4897" spans="2:7" ht="21.6" x14ac:dyDescent="0.2">
      <c r="B4897" s="77"/>
      <c r="C4897" s="39" t="s">
        <v>44</v>
      </c>
      <c r="D4897" s="45">
        <v>53</v>
      </c>
      <c r="E4897" s="46">
        <v>77.400000000000006</v>
      </c>
      <c r="F4897" s="46">
        <v>43.4</v>
      </c>
      <c r="G4897" s="47">
        <v>5.7</v>
      </c>
    </row>
    <row r="4898" spans="2:7" ht="21.6" x14ac:dyDescent="0.2">
      <c r="B4898" s="77"/>
      <c r="C4898" s="39" t="s">
        <v>45</v>
      </c>
      <c r="D4898" s="45">
        <v>159</v>
      </c>
      <c r="E4898" s="46">
        <v>84.9</v>
      </c>
      <c r="F4898" s="46">
        <v>40.9</v>
      </c>
      <c r="G4898" s="47">
        <v>1.9</v>
      </c>
    </row>
    <row r="4899" spans="2:7" ht="21.6" x14ac:dyDescent="0.2">
      <c r="B4899" s="77"/>
      <c r="C4899" s="39" t="s">
        <v>46</v>
      </c>
      <c r="D4899" s="45">
        <v>115</v>
      </c>
      <c r="E4899" s="46">
        <v>86.1</v>
      </c>
      <c r="F4899" s="46">
        <v>42.6</v>
      </c>
      <c r="G4899" s="47">
        <v>1.7</v>
      </c>
    </row>
    <row r="4900" spans="2:7" ht="21.6" x14ac:dyDescent="0.2">
      <c r="B4900" s="77"/>
      <c r="C4900" s="39" t="s">
        <v>47</v>
      </c>
      <c r="D4900" s="45">
        <v>155</v>
      </c>
      <c r="E4900" s="46">
        <v>83.2</v>
      </c>
      <c r="F4900" s="46">
        <v>47.1</v>
      </c>
      <c r="G4900" s="47">
        <v>4.5</v>
      </c>
    </row>
    <row r="4901" spans="2:7" ht="21.6" x14ac:dyDescent="0.2">
      <c r="B4901" s="77"/>
      <c r="C4901" s="39" t="s">
        <v>48</v>
      </c>
      <c r="D4901" s="45">
        <v>108</v>
      </c>
      <c r="E4901" s="46">
        <v>78.7</v>
      </c>
      <c r="F4901" s="46">
        <v>50</v>
      </c>
      <c r="G4901" s="47">
        <v>1.9</v>
      </c>
    </row>
    <row r="4902" spans="2:7" ht="21.6" x14ac:dyDescent="0.2">
      <c r="B4902" s="77"/>
      <c r="C4902" s="39" t="s">
        <v>49</v>
      </c>
      <c r="D4902" s="45">
        <v>87</v>
      </c>
      <c r="E4902" s="46">
        <v>87.4</v>
      </c>
      <c r="F4902" s="46">
        <v>41.4</v>
      </c>
      <c r="G4902" s="47">
        <v>2.2999999999999998</v>
      </c>
    </row>
    <row r="4903" spans="2:7" ht="21.6" x14ac:dyDescent="0.2">
      <c r="B4903" s="77"/>
      <c r="C4903" s="39" t="s">
        <v>50</v>
      </c>
      <c r="D4903" s="45">
        <v>55</v>
      </c>
      <c r="E4903" s="46">
        <v>90.9</v>
      </c>
      <c r="F4903" s="46">
        <v>38.200000000000003</v>
      </c>
      <c r="G4903" s="47">
        <v>1.8</v>
      </c>
    </row>
    <row r="4904" spans="2:7" ht="21.6" x14ac:dyDescent="0.2">
      <c r="B4904" s="77"/>
      <c r="C4904" s="39" t="s">
        <v>51</v>
      </c>
      <c r="D4904" s="45">
        <v>42</v>
      </c>
      <c r="E4904" s="46">
        <v>76.2</v>
      </c>
      <c r="F4904" s="46">
        <v>52.4</v>
      </c>
      <c r="G4904" s="47">
        <v>2.4</v>
      </c>
    </row>
    <row r="4905" spans="2:7" ht="21.6" x14ac:dyDescent="0.2">
      <c r="B4905" s="77"/>
      <c r="C4905" s="39" t="s">
        <v>52</v>
      </c>
      <c r="D4905" s="45">
        <v>72</v>
      </c>
      <c r="E4905" s="46">
        <v>88.9</v>
      </c>
      <c r="F4905" s="46">
        <v>40.299999999999997</v>
      </c>
      <c r="G4905" s="47">
        <v>4.2</v>
      </c>
    </row>
    <row r="4906" spans="2:7" x14ac:dyDescent="0.2">
      <c r="B4906" s="77"/>
      <c r="C4906" s="39" t="s">
        <v>53</v>
      </c>
      <c r="D4906" s="45">
        <v>83</v>
      </c>
      <c r="E4906" s="46">
        <v>80.7</v>
      </c>
      <c r="F4906" s="46">
        <v>48.2</v>
      </c>
      <c r="G4906" s="47">
        <v>2.4</v>
      </c>
    </row>
    <row r="4907" spans="2:7" ht="21.6" x14ac:dyDescent="0.2">
      <c r="B4907" s="77"/>
      <c r="C4907" s="39" t="s">
        <v>54</v>
      </c>
      <c r="D4907" s="45">
        <v>188</v>
      </c>
      <c r="E4907" s="46">
        <v>85.6</v>
      </c>
      <c r="F4907" s="46">
        <v>43.6</v>
      </c>
      <c r="G4907" s="47">
        <v>3.7</v>
      </c>
    </row>
    <row r="4908" spans="2:7" ht="21.6" x14ac:dyDescent="0.2">
      <c r="B4908" s="77"/>
      <c r="C4908" s="39" t="s">
        <v>55</v>
      </c>
      <c r="D4908" s="45">
        <v>250</v>
      </c>
      <c r="E4908" s="46">
        <v>83.6</v>
      </c>
      <c r="F4908" s="46">
        <v>45.2</v>
      </c>
      <c r="G4908" s="47">
        <v>2.4</v>
      </c>
    </row>
    <row r="4909" spans="2:7" ht="21.6" x14ac:dyDescent="0.2">
      <c r="B4909" s="77"/>
      <c r="C4909" s="39" t="s">
        <v>56</v>
      </c>
      <c r="D4909" s="45">
        <v>309</v>
      </c>
      <c r="E4909" s="46">
        <v>81.599999999999994</v>
      </c>
      <c r="F4909" s="46">
        <v>46.9</v>
      </c>
      <c r="G4909" s="47">
        <v>2.2999999999999998</v>
      </c>
    </row>
    <row r="4910" spans="2:7" x14ac:dyDescent="0.2">
      <c r="B4910" s="77"/>
      <c r="C4910" s="40" t="s">
        <v>57</v>
      </c>
      <c r="D4910" s="48">
        <v>255</v>
      </c>
      <c r="E4910" s="49">
        <v>89.4</v>
      </c>
      <c r="F4910" s="49">
        <v>39.200000000000003</v>
      </c>
      <c r="G4910" s="50">
        <v>3.1</v>
      </c>
    </row>
    <row r="4912" spans="2:7" x14ac:dyDescent="0.2">
      <c r="C4912" t="s">
        <v>35</v>
      </c>
    </row>
    <row r="4913" spans="1:25" x14ac:dyDescent="0.2">
      <c r="B4913" s="75" t="s">
        <v>353</v>
      </c>
      <c r="C4913" s="76"/>
      <c r="D4913" s="76"/>
      <c r="E4913" s="76"/>
      <c r="F4913" s="76"/>
      <c r="G4913" s="76"/>
      <c r="H4913" s="76"/>
      <c r="I4913" s="76"/>
      <c r="J4913" s="76"/>
      <c r="K4913" s="76"/>
      <c r="L4913" s="76"/>
      <c r="M4913" s="76"/>
      <c r="N4913" s="76"/>
      <c r="O4913" s="76"/>
      <c r="P4913" s="76"/>
      <c r="Q4913" s="76"/>
      <c r="R4913" s="76"/>
      <c r="S4913" s="76"/>
      <c r="T4913" s="76"/>
      <c r="U4913" s="76"/>
      <c r="V4913" s="76"/>
      <c r="W4913" s="76"/>
      <c r="X4913" s="76"/>
      <c r="Y4913" s="76"/>
    </row>
    <row r="4914" spans="1:25" s="32" customFormat="1" ht="36.450000000000003" customHeight="1" x14ac:dyDescent="0.15">
      <c r="A4914" s="31"/>
      <c r="D4914" s="33" t="s">
        <v>378</v>
      </c>
      <c r="E4914" s="36" t="s">
        <v>629</v>
      </c>
      <c r="F4914" s="55" t="s">
        <v>630</v>
      </c>
      <c r="G4914" s="37" t="s">
        <v>467</v>
      </c>
      <c r="H4914" s="35" t="s">
        <v>381</v>
      </c>
    </row>
    <row r="4915" spans="1:25" ht="21.6" x14ac:dyDescent="0.2">
      <c r="B4915" s="77" t="s">
        <v>37</v>
      </c>
      <c r="C4915" s="38" t="s">
        <v>58</v>
      </c>
      <c r="D4915" s="51">
        <v>222</v>
      </c>
      <c r="E4915" s="52">
        <v>81.5</v>
      </c>
      <c r="F4915" s="52">
        <v>46.4</v>
      </c>
      <c r="G4915" s="53">
        <v>2.2999999999999998</v>
      </c>
    </row>
    <row r="4916" spans="1:25" ht="21.6" x14ac:dyDescent="0.2">
      <c r="B4916" s="77"/>
      <c r="C4916" s="39" t="s">
        <v>59</v>
      </c>
      <c r="D4916" s="45">
        <v>414</v>
      </c>
      <c r="E4916" s="46">
        <v>85.3</v>
      </c>
      <c r="F4916" s="46">
        <v>43.2</v>
      </c>
      <c r="G4916" s="47">
        <v>3.4</v>
      </c>
    </row>
    <row r="4917" spans="1:25" x14ac:dyDescent="0.2">
      <c r="B4917" s="77"/>
      <c r="C4917" s="39" t="s">
        <v>60</v>
      </c>
      <c r="D4917" s="45">
        <v>432</v>
      </c>
      <c r="E4917" s="46">
        <v>82.2</v>
      </c>
      <c r="F4917" s="46">
        <v>46.8</v>
      </c>
      <c r="G4917" s="47">
        <v>3.2</v>
      </c>
    </row>
    <row r="4918" spans="1:25" x14ac:dyDescent="0.2">
      <c r="B4918" s="77"/>
      <c r="C4918" s="39" t="s">
        <v>61</v>
      </c>
      <c r="D4918" s="45">
        <v>204</v>
      </c>
      <c r="E4918" s="46">
        <v>87.7</v>
      </c>
      <c r="F4918" s="46">
        <v>39.200000000000003</v>
      </c>
      <c r="G4918" s="47">
        <v>2.5</v>
      </c>
    </row>
    <row r="4919" spans="1:25" x14ac:dyDescent="0.2">
      <c r="B4919" s="77"/>
      <c r="C4919" s="39" t="s">
        <v>62</v>
      </c>
      <c r="D4919" s="45">
        <v>443</v>
      </c>
      <c r="E4919" s="46">
        <v>84.7</v>
      </c>
      <c r="F4919" s="46">
        <v>44.2</v>
      </c>
      <c r="G4919" s="47">
        <v>3.2</v>
      </c>
    </row>
    <row r="4920" spans="1:25" ht="21.6" x14ac:dyDescent="0.2">
      <c r="B4920" s="77"/>
      <c r="C4920" s="39" t="s">
        <v>63</v>
      </c>
      <c r="D4920" s="45">
        <v>63</v>
      </c>
      <c r="E4920" s="46">
        <v>77.8</v>
      </c>
      <c r="F4920" s="46">
        <v>41.3</v>
      </c>
      <c r="G4920" s="47">
        <v>4.8</v>
      </c>
    </row>
    <row r="4921" spans="1:25" x14ac:dyDescent="0.2">
      <c r="B4921" s="77"/>
      <c r="C4921" s="39" t="s">
        <v>64</v>
      </c>
      <c r="D4921" s="45">
        <v>124</v>
      </c>
      <c r="E4921" s="46">
        <v>83.1</v>
      </c>
      <c r="F4921" s="46">
        <v>50.8</v>
      </c>
      <c r="G4921" s="47">
        <v>2.4</v>
      </c>
    </row>
    <row r="4922" spans="1:25" x14ac:dyDescent="0.2">
      <c r="B4922" s="77"/>
      <c r="C4922" s="39" t="s">
        <v>65</v>
      </c>
      <c r="D4922" s="45">
        <v>127</v>
      </c>
      <c r="E4922" s="46">
        <v>89</v>
      </c>
      <c r="F4922" s="46">
        <v>38.6</v>
      </c>
      <c r="G4922" s="47">
        <v>4.7</v>
      </c>
    </row>
    <row r="4923" spans="1:25" x14ac:dyDescent="0.2">
      <c r="B4923" s="77"/>
      <c r="C4923" s="39" t="s">
        <v>66</v>
      </c>
      <c r="D4923" s="45">
        <v>104</v>
      </c>
      <c r="E4923" s="46">
        <v>84.6</v>
      </c>
      <c r="F4923" s="46">
        <v>48.1</v>
      </c>
      <c r="G4923" s="47">
        <v>1</v>
      </c>
    </row>
    <row r="4924" spans="1:25" x14ac:dyDescent="0.2">
      <c r="B4924" s="77"/>
      <c r="C4924" s="39" t="s">
        <v>67</v>
      </c>
      <c r="D4924" s="45">
        <v>25</v>
      </c>
      <c r="E4924" s="46">
        <v>88</v>
      </c>
      <c r="F4924" s="46">
        <v>32</v>
      </c>
      <c r="G4924" s="47">
        <v>4</v>
      </c>
    </row>
    <row r="4925" spans="1:25" x14ac:dyDescent="0.2">
      <c r="B4925" s="77"/>
      <c r="C4925" s="39" t="s">
        <v>68</v>
      </c>
      <c r="D4925" s="45">
        <v>404</v>
      </c>
      <c r="E4925" s="46">
        <v>85.6</v>
      </c>
      <c r="F4925" s="46">
        <v>44.8</v>
      </c>
      <c r="G4925" s="47">
        <v>3</v>
      </c>
    </row>
    <row r="4926" spans="1:25" x14ac:dyDescent="0.2">
      <c r="B4926" s="77"/>
      <c r="C4926" s="39" t="s">
        <v>69</v>
      </c>
      <c r="D4926" s="45">
        <v>39</v>
      </c>
      <c r="E4926" s="46">
        <v>74.400000000000006</v>
      </c>
      <c r="F4926" s="46">
        <v>38.5</v>
      </c>
      <c r="G4926" s="47">
        <v>5.0999999999999996</v>
      </c>
    </row>
    <row r="4927" spans="1:25" x14ac:dyDescent="0.2">
      <c r="B4927" s="77"/>
      <c r="C4927" s="39" t="s">
        <v>70</v>
      </c>
      <c r="D4927" s="45">
        <v>193</v>
      </c>
      <c r="E4927" s="46">
        <v>82.4</v>
      </c>
      <c r="F4927" s="46">
        <v>44.6</v>
      </c>
      <c r="G4927" s="47">
        <v>2.6</v>
      </c>
    </row>
    <row r="4928" spans="1:25" ht="21.6" x14ac:dyDescent="0.2">
      <c r="B4928" s="77"/>
      <c r="C4928" s="39" t="s">
        <v>63</v>
      </c>
      <c r="D4928" s="45">
        <v>55</v>
      </c>
      <c r="E4928" s="46">
        <v>70.900000000000006</v>
      </c>
      <c r="F4928" s="46">
        <v>52.7</v>
      </c>
      <c r="G4928" s="47">
        <v>0</v>
      </c>
    </row>
    <row r="4929" spans="1:25" x14ac:dyDescent="0.2">
      <c r="B4929" s="77"/>
      <c r="C4929" s="39" t="s">
        <v>64</v>
      </c>
      <c r="D4929" s="45">
        <v>50</v>
      </c>
      <c r="E4929" s="46">
        <v>92</v>
      </c>
      <c r="F4929" s="46">
        <v>48</v>
      </c>
      <c r="G4929" s="47">
        <v>4</v>
      </c>
    </row>
    <row r="4930" spans="1:25" x14ac:dyDescent="0.2">
      <c r="B4930" s="77"/>
      <c r="C4930" s="39" t="s">
        <v>65</v>
      </c>
      <c r="D4930" s="45">
        <v>38</v>
      </c>
      <c r="E4930" s="46">
        <v>86.8</v>
      </c>
      <c r="F4930" s="46">
        <v>34.200000000000003</v>
      </c>
      <c r="G4930" s="47">
        <v>2.6</v>
      </c>
    </row>
    <row r="4931" spans="1:25" x14ac:dyDescent="0.2">
      <c r="B4931" s="77"/>
      <c r="C4931" s="39" t="s">
        <v>66</v>
      </c>
      <c r="D4931" s="45">
        <v>41</v>
      </c>
      <c r="E4931" s="46">
        <v>80.5</v>
      </c>
      <c r="F4931" s="46">
        <v>39</v>
      </c>
      <c r="G4931" s="47">
        <v>4.9000000000000004</v>
      </c>
    </row>
    <row r="4932" spans="1:25" x14ac:dyDescent="0.2">
      <c r="B4932" s="77"/>
      <c r="C4932" s="39" t="s">
        <v>67</v>
      </c>
      <c r="D4932" s="45">
        <v>9</v>
      </c>
      <c r="E4932" s="46">
        <v>88.9</v>
      </c>
      <c r="F4932" s="46">
        <v>44.4</v>
      </c>
      <c r="G4932" s="47">
        <v>0</v>
      </c>
    </row>
    <row r="4933" spans="1:25" x14ac:dyDescent="0.2">
      <c r="B4933" s="77"/>
      <c r="C4933" s="39" t="s">
        <v>68</v>
      </c>
      <c r="D4933" s="45">
        <v>127</v>
      </c>
      <c r="E4933" s="46">
        <v>80.3</v>
      </c>
      <c r="F4933" s="46">
        <v>44.1</v>
      </c>
      <c r="G4933" s="47">
        <v>3.1</v>
      </c>
    </row>
    <row r="4934" spans="1:25" x14ac:dyDescent="0.2">
      <c r="B4934" s="77"/>
      <c r="C4934" s="40" t="s">
        <v>69</v>
      </c>
      <c r="D4934" s="48">
        <v>66</v>
      </c>
      <c r="E4934" s="49">
        <v>86.4</v>
      </c>
      <c r="F4934" s="49">
        <v>45.5</v>
      </c>
      <c r="G4934" s="50">
        <v>1.5</v>
      </c>
    </row>
    <row r="4936" spans="1:25" x14ac:dyDescent="0.2">
      <c r="A4936" s="26" t="s">
        <v>25</v>
      </c>
      <c r="B4936" t="s">
        <v>35</v>
      </c>
      <c r="C4936" t="s">
        <v>35</v>
      </c>
    </row>
    <row r="4937" spans="1:25" x14ac:dyDescent="0.2">
      <c r="B4937" s="75" t="s">
        <v>212</v>
      </c>
      <c r="C4937" s="76"/>
      <c r="D4937" s="76"/>
      <c r="E4937" s="76"/>
      <c r="F4937" s="76"/>
      <c r="G4937" s="76"/>
      <c r="H4937" s="76"/>
      <c r="I4937" s="76"/>
      <c r="J4937" s="76"/>
      <c r="K4937" s="76"/>
      <c r="L4937" s="76"/>
      <c r="M4937" s="76"/>
      <c r="N4937" s="76"/>
      <c r="O4937" s="76"/>
      <c r="P4937" s="76"/>
      <c r="Q4937" s="76"/>
      <c r="R4937" s="76"/>
      <c r="S4937" s="76"/>
      <c r="T4937" s="76"/>
      <c r="U4937" s="76"/>
      <c r="V4937" s="76"/>
      <c r="W4937" s="76"/>
      <c r="X4937" s="76"/>
      <c r="Y4937" s="76"/>
    </row>
    <row r="4938" spans="1:25" s="32" customFormat="1" ht="58.05" customHeight="1" x14ac:dyDescent="0.15">
      <c r="A4938" s="31"/>
      <c r="D4938" s="33" t="s">
        <v>378</v>
      </c>
      <c r="E4938" s="36" t="s">
        <v>631</v>
      </c>
      <c r="F4938" s="55" t="s">
        <v>632</v>
      </c>
      <c r="G4938" s="37" t="s">
        <v>480</v>
      </c>
      <c r="H4938" s="35" t="s">
        <v>381</v>
      </c>
    </row>
    <row r="4939" spans="1:25" x14ac:dyDescent="0.2">
      <c r="B4939" s="5"/>
      <c r="C4939" s="41" t="s">
        <v>38</v>
      </c>
      <c r="D4939" s="42">
        <v>2000</v>
      </c>
      <c r="E4939" s="43">
        <v>68.8</v>
      </c>
      <c r="F4939" s="43">
        <v>26</v>
      </c>
      <c r="G4939" s="44">
        <v>5.3</v>
      </c>
    </row>
    <row r="4940" spans="1:25" x14ac:dyDescent="0.2">
      <c r="B4940" s="77" t="s">
        <v>37</v>
      </c>
      <c r="C4940" s="39" t="s">
        <v>39</v>
      </c>
      <c r="D4940" s="45">
        <v>111</v>
      </c>
      <c r="E4940" s="46">
        <v>63.1</v>
      </c>
      <c r="F4940" s="46">
        <v>33.299999999999997</v>
      </c>
      <c r="G4940" s="47">
        <v>3.6</v>
      </c>
    </row>
    <row r="4941" spans="1:25" x14ac:dyDescent="0.2">
      <c r="B4941" s="77"/>
      <c r="C4941" s="39" t="s">
        <v>40</v>
      </c>
      <c r="D4941" s="45">
        <v>450</v>
      </c>
      <c r="E4941" s="46">
        <v>73.3</v>
      </c>
      <c r="F4941" s="46">
        <v>23.6</v>
      </c>
      <c r="G4941" s="47">
        <v>3.1</v>
      </c>
    </row>
    <row r="4942" spans="1:25" ht="21.6" x14ac:dyDescent="0.2">
      <c r="B4942" s="77"/>
      <c r="C4942" s="39" t="s">
        <v>41</v>
      </c>
      <c r="D4942" s="45">
        <v>30</v>
      </c>
      <c r="E4942" s="46">
        <v>73.3</v>
      </c>
      <c r="F4942" s="46">
        <v>23.3</v>
      </c>
      <c r="G4942" s="47">
        <v>3.3</v>
      </c>
    </row>
    <row r="4943" spans="1:25" ht="21.6" x14ac:dyDescent="0.2">
      <c r="B4943" s="77"/>
      <c r="C4943" s="39" t="s">
        <v>42</v>
      </c>
      <c r="D4943" s="45">
        <v>336</v>
      </c>
      <c r="E4943" s="46">
        <v>72.599999999999994</v>
      </c>
      <c r="F4943" s="46">
        <v>24.4</v>
      </c>
      <c r="G4943" s="47">
        <v>3</v>
      </c>
    </row>
    <row r="4944" spans="1:25" ht="21.6" x14ac:dyDescent="0.2">
      <c r="B4944" s="77"/>
      <c r="C4944" s="39" t="s">
        <v>43</v>
      </c>
      <c r="D4944" s="45">
        <v>327</v>
      </c>
      <c r="E4944" s="46">
        <v>63.9</v>
      </c>
      <c r="F4944" s="46">
        <v>26.3</v>
      </c>
      <c r="G4944" s="47">
        <v>9.8000000000000007</v>
      </c>
    </row>
    <row r="4945" spans="2:7" ht="21.6" x14ac:dyDescent="0.2">
      <c r="B4945" s="77"/>
      <c r="C4945" s="39" t="s">
        <v>44</v>
      </c>
      <c r="D4945" s="45">
        <v>181</v>
      </c>
      <c r="E4945" s="46">
        <v>69.599999999999994</v>
      </c>
      <c r="F4945" s="46">
        <v>26.5</v>
      </c>
      <c r="G4945" s="47">
        <v>3.9</v>
      </c>
    </row>
    <row r="4946" spans="2:7" ht="21.6" x14ac:dyDescent="0.2">
      <c r="B4946" s="77"/>
      <c r="C4946" s="39" t="s">
        <v>45</v>
      </c>
      <c r="D4946" s="45">
        <v>565</v>
      </c>
      <c r="E4946" s="46">
        <v>66.400000000000006</v>
      </c>
      <c r="F4946" s="46">
        <v>27.1</v>
      </c>
      <c r="G4946" s="47">
        <v>6.5</v>
      </c>
    </row>
    <row r="4947" spans="2:7" ht="21.6" x14ac:dyDescent="0.2">
      <c r="B4947" s="77"/>
      <c r="C4947" s="39" t="s">
        <v>46</v>
      </c>
      <c r="D4947" s="45">
        <v>473</v>
      </c>
      <c r="E4947" s="46">
        <v>72.900000000000006</v>
      </c>
      <c r="F4947" s="46">
        <v>20.5</v>
      </c>
      <c r="G4947" s="47">
        <v>6.6</v>
      </c>
    </row>
    <row r="4948" spans="2:7" ht="21.6" x14ac:dyDescent="0.2">
      <c r="B4948" s="77"/>
      <c r="C4948" s="39" t="s">
        <v>47</v>
      </c>
      <c r="D4948" s="45">
        <v>441</v>
      </c>
      <c r="E4948" s="46">
        <v>75.5</v>
      </c>
      <c r="F4948" s="46">
        <v>20.399999999999999</v>
      </c>
      <c r="G4948" s="47">
        <v>4.0999999999999996</v>
      </c>
    </row>
    <row r="4949" spans="2:7" ht="21.6" x14ac:dyDescent="0.2">
      <c r="B4949" s="77"/>
      <c r="C4949" s="39" t="s">
        <v>48</v>
      </c>
      <c r="D4949" s="45">
        <v>305</v>
      </c>
      <c r="E4949" s="46">
        <v>69.2</v>
      </c>
      <c r="F4949" s="46">
        <v>27.5</v>
      </c>
      <c r="G4949" s="47">
        <v>3.3</v>
      </c>
    </row>
    <row r="4950" spans="2:7" ht="21.6" x14ac:dyDescent="0.2">
      <c r="B4950" s="77"/>
      <c r="C4950" s="39" t="s">
        <v>49</v>
      </c>
      <c r="D4950" s="45">
        <v>223</v>
      </c>
      <c r="E4950" s="46">
        <v>63.7</v>
      </c>
      <c r="F4950" s="46">
        <v>35.4</v>
      </c>
      <c r="G4950" s="47">
        <v>0.9</v>
      </c>
    </row>
    <row r="4951" spans="2:7" ht="21.6" x14ac:dyDescent="0.2">
      <c r="B4951" s="77"/>
      <c r="C4951" s="39" t="s">
        <v>50</v>
      </c>
      <c r="D4951" s="45">
        <v>123</v>
      </c>
      <c r="E4951" s="46">
        <v>62.6</v>
      </c>
      <c r="F4951" s="46">
        <v>35.799999999999997</v>
      </c>
      <c r="G4951" s="47">
        <v>1.6</v>
      </c>
    </row>
    <row r="4952" spans="2:7" ht="21.6" x14ac:dyDescent="0.2">
      <c r="B4952" s="77"/>
      <c r="C4952" s="39" t="s">
        <v>51</v>
      </c>
      <c r="D4952" s="45">
        <v>124</v>
      </c>
      <c r="E4952" s="46">
        <v>54.8</v>
      </c>
      <c r="F4952" s="46">
        <v>42.7</v>
      </c>
      <c r="G4952" s="47">
        <v>2.4</v>
      </c>
    </row>
    <row r="4953" spans="2:7" ht="21.6" x14ac:dyDescent="0.2">
      <c r="B4953" s="77"/>
      <c r="C4953" s="39" t="s">
        <v>52</v>
      </c>
      <c r="D4953" s="45">
        <v>312</v>
      </c>
      <c r="E4953" s="46">
        <v>53.5</v>
      </c>
      <c r="F4953" s="46">
        <v>38.1</v>
      </c>
      <c r="G4953" s="47">
        <v>8.3000000000000007</v>
      </c>
    </row>
    <row r="4954" spans="2:7" x14ac:dyDescent="0.2">
      <c r="B4954" s="77"/>
      <c r="C4954" s="39" t="s">
        <v>53</v>
      </c>
      <c r="D4954" s="45">
        <v>269</v>
      </c>
      <c r="E4954" s="46">
        <v>70.3</v>
      </c>
      <c r="F4954" s="46">
        <v>24.9</v>
      </c>
      <c r="G4954" s="47">
        <v>4.8</v>
      </c>
    </row>
    <row r="4955" spans="2:7" ht="21.6" x14ac:dyDescent="0.2">
      <c r="B4955" s="77"/>
      <c r="C4955" s="39" t="s">
        <v>54</v>
      </c>
      <c r="D4955" s="45">
        <v>511</v>
      </c>
      <c r="E4955" s="46">
        <v>73.8</v>
      </c>
      <c r="F4955" s="46">
        <v>23.9</v>
      </c>
      <c r="G4955" s="47">
        <v>2.2999999999999998</v>
      </c>
    </row>
    <row r="4956" spans="2:7" ht="21.6" x14ac:dyDescent="0.2">
      <c r="B4956" s="77"/>
      <c r="C4956" s="39" t="s">
        <v>55</v>
      </c>
      <c r="D4956" s="45">
        <v>615</v>
      </c>
      <c r="E4956" s="46">
        <v>75.400000000000006</v>
      </c>
      <c r="F4956" s="46">
        <v>23.3</v>
      </c>
      <c r="G4956" s="47">
        <v>1.3</v>
      </c>
    </row>
    <row r="4957" spans="2:7" ht="21.6" x14ac:dyDescent="0.2">
      <c r="B4957" s="77"/>
      <c r="C4957" s="39" t="s">
        <v>56</v>
      </c>
      <c r="D4957" s="45">
        <v>800</v>
      </c>
      <c r="E4957" s="46">
        <v>77.900000000000006</v>
      </c>
      <c r="F4957" s="46">
        <v>20.5</v>
      </c>
      <c r="G4957" s="47">
        <v>1.6</v>
      </c>
    </row>
    <row r="4958" spans="2:7" x14ac:dyDescent="0.2">
      <c r="B4958" s="77"/>
      <c r="C4958" s="40" t="s">
        <v>57</v>
      </c>
      <c r="D4958" s="48">
        <v>798</v>
      </c>
      <c r="E4958" s="49">
        <v>61.7</v>
      </c>
      <c r="F4958" s="49">
        <v>34.5</v>
      </c>
      <c r="G4958" s="50">
        <v>3.9</v>
      </c>
    </row>
    <row r="4959" spans="2:7" x14ac:dyDescent="0.2">
      <c r="B4959" s="7" t="s">
        <v>71</v>
      </c>
      <c r="C4959" s="4" t="s">
        <v>213</v>
      </c>
    </row>
    <row r="4960" spans="2:7" x14ac:dyDescent="0.2">
      <c r="B4960" s="4"/>
      <c r="C4960" s="4" t="s">
        <v>73</v>
      </c>
    </row>
    <row r="4962" spans="1:25" x14ac:dyDescent="0.2">
      <c r="C4962" t="s">
        <v>35</v>
      </c>
    </row>
    <row r="4963" spans="1:25" x14ac:dyDescent="0.2">
      <c r="B4963" s="75" t="s">
        <v>354</v>
      </c>
      <c r="C4963" s="76"/>
      <c r="D4963" s="76"/>
      <c r="E4963" s="76"/>
      <c r="F4963" s="76"/>
      <c r="G4963" s="76"/>
      <c r="H4963" s="76"/>
      <c r="I4963" s="76"/>
      <c r="J4963" s="76"/>
      <c r="K4963" s="76"/>
      <c r="L4963" s="76"/>
      <c r="M4963" s="76"/>
      <c r="N4963" s="76"/>
      <c r="O4963" s="76"/>
      <c r="P4963" s="76"/>
      <c r="Q4963" s="76"/>
      <c r="R4963" s="76"/>
      <c r="S4963" s="76"/>
      <c r="T4963" s="76"/>
      <c r="U4963" s="76"/>
      <c r="V4963" s="76"/>
      <c r="W4963" s="76"/>
      <c r="X4963" s="76"/>
      <c r="Y4963" s="76"/>
    </row>
    <row r="4964" spans="1:25" s="32" customFormat="1" ht="58.05" customHeight="1" x14ac:dyDescent="0.15">
      <c r="A4964" s="31"/>
      <c r="D4964" s="33" t="s">
        <v>378</v>
      </c>
      <c r="E4964" s="36" t="s">
        <v>631</v>
      </c>
      <c r="F4964" s="55" t="s">
        <v>632</v>
      </c>
      <c r="G4964" s="37" t="s">
        <v>480</v>
      </c>
      <c r="H4964" s="35" t="s">
        <v>381</v>
      </c>
    </row>
    <row r="4965" spans="1:25" ht="21.6" x14ac:dyDescent="0.2">
      <c r="B4965" s="77" t="s">
        <v>37</v>
      </c>
      <c r="C4965" s="38" t="s">
        <v>58</v>
      </c>
      <c r="D4965" s="51">
        <v>609</v>
      </c>
      <c r="E4965" s="52">
        <v>82.6</v>
      </c>
      <c r="F4965" s="52">
        <v>15.3</v>
      </c>
      <c r="G4965" s="53">
        <v>2.1</v>
      </c>
    </row>
    <row r="4966" spans="1:25" ht="21.6" x14ac:dyDescent="0.2">
      <c r="B4966" s="77"/>
      <c r="C4966" s="39" t="s">
        <v>59</v>
      </c>
      <c r="D4966" s="45">
        <v>1391</v>
      </c>
      <c r="E4966" s="46">
        <v>62.8</v>
      </c>
      <c r="F4966" s="46">
        <v>30.6</v>
      </c>
      <c r="G4966" s="47">
        <v>6.6</v>
      </c>
    </row>
    <row r="4967" spans="1:25" x14ac:dyDescent="0.2">
      <c r="B4967" s="77"/>
      <c r="C4967" s="39" t="s">
        <v>60</v>
      </c>
      <c r="D4967" s="45">
        <v>1325</v>
      </c>
      <c r="E4967" s="46">
        <v>69.7</v>
      </c>
      <c r="F4967" s="46">
        <v>25.7</v>
      </c>
      <c r="G4967" s="47">
        <v>4.5999999999999996</v>
      </c>
    </row>
    <row r="4968" spans="1:25" x14ac:dyDescent="0.2">
      <c r="B4968" s="77"/>
      <c r="C4968" s="39" t="s">
        <v>61</v>
      </c>
      <c r="D4968" s="45">
        <v>675</v>
      </c>
      <c r="E4968" s="46">
        <v>67</v>
      </c>
      <c r="F4968" s="46">
        <v>26.5</v>
      </c>
      <c r="G4968" s="47">
        <v>6.5</v>
      </c>
    </row>
    <row r="4969" spans="1:25" x14ac:dyDescent="0.2">
      <c r="B4969" s="77"/>
      <c r="C4969" s="39" t="s">
        <v>62</v>
      </c>
      <c r="D4969" s="45">
        <v>1086</v>
      </c>
      <c r="E4969" s="46">
        <v>65.7</v>
      </c>
      <c r="F4969" s="46">
        <v>29.8</v>
      </c>
      <c r="G4969" s="47">
        <v>4.5</v>
      </c>
    </row>
    <row r="4970" spans="1:25" ht="21.6" x14ac:dyDescent="0.2">
      <c r="B4970" s="77"/>
      <c r="C4970" s="39" t="s">
        <v>63</v>
      </c>
      <c r="D4970" s="45">
        <v>203</v>
      </c>
      <c r="E4970" s="46">
        <v>74.400000000000006</v>
      </c>
      <c r="F4970" s="46">
        <v>17.2</v>
      </c>
      <c r="G4970" s="47">
        <v>8.4</v>
      </c>
    </row>
    <row r="4971" spans="1:25" x14ac:dyDescent="0.2">
      <c r="B4971" s="77"/>
      <c r="C4971" s="39" t="s">
        <v>64</v>
      </c>
      <c r="D4971" s="45">
        <v>263</v>
      </c>
      <c r="E4971" s="46">
        <v>77.900000000000006</v>
      </c>
      <c r="F4971" s="46">
        <v>19.399999999999999</v>
      </c>
      <c r="G4971" s="47">
        <v>2.7</v>
      </c>
    </row>
    <row r="4972" spans="1:25" x14ac:dyDescent="0.2">
      <c r="B4972" s="77"/>
      <c r="C4972" s="39" t="s">
        <v>65</v>
      </c>
      <c r="D4972" s="45">
        <v>312</v>
      </c>
      <c r="E4972" s="46">
        <v>64.400000000000006</v>
      </c>
      <c r="F4972" s="46">
        <v>30.4</v>
      </c>
      <c r="G4972" s="47">
        <v>5.0999999999999996</v>
      </c>
    </row>
    <row r="4973" spans="1:25" x14ac:dyDescent="0.2">
      <c r="B4973" s="77"/>
      <c r="C4973" s="39" t="s">
        <v>66</v>
      </c>
      <c r="D4973" s="45">
        <v>230</v>
      </c>
      <c r="E4973" s="46">
        <v>49.6</v>
      </c>
      <c r="F4973" s="46">
        <v>47.8</v>
      </c>
      <c r="G4973" s="47">
        <v>2.6</v>
      </c>
    </row>
    <row r="4974" spans="1:25" x14ac:dyDescent="0.2">
      <c r="B4974" s="77"/>
      <c r="C4974" s="39" t="s">
        <v>67</v>
      </c>
      <c r="D4974" s="45">
        <v>78</v>
      </c>
      <c r="E4974" s="46">
        <v>53.8</v>
      </c>
      <c r="F4974" s="46">
        <v>42.3</v>
      </c>
      <c r="G4974" s="47">
        <v>3.8</v>
      </c>
    </row>
    <row r="4975" spans="1:25" x14ac:dyDescent="0.2">
      <c r="B4975" s="77"/>
      <c r="C4975" s="39" t="s">
        <v>68</v>
      </c>
      <c r="D4975" s="45">
        <v>897</v>
      </c>
      <c r="E4975" s="46">
        <v>65.8</v>
      </c>
      <c r="F4975" s="46">
        <v>30.7</v>
      </c>
      <c r="G4975" s="47">
        <v>3.6</v>
      </c>
    </row>
    <row r="4976" spans="1:25" x14ac:dyDescent="0.2">
      <c r="B4976" s="77"/>
      <c r="C4976" s="39" t="s">
        <v>69</v>
      </c>
      <c r="D4976" s="45">
        <v>189</v>
      </c>
      <c r="E4976" s="46">
        <v>65.099999999999994</v>
      </c>
      <c r="F4976" s="46">
        <v>25.9</v>
      </c>
      <c r="G4976" s="47">
        <v>9</v>
      </c>
    </row>
    <row r="4977" spans="1:25" x14ac:dyDescent="0.2">
      <c r="B4977" s="77"/>
      <c r="C4977" s="39" t="s">
        <v>70</v>
      </c>
      <c r="D4977" s="45">
        <v>914</v>
      </c>
      <c r="E4977" s="46">
        <v>72.5</v>
      </c>
      <c r="F4977" s="46">
        <v>21.3</v>
      </c>
      <c r="G4977" s="47">
        <v>6.1</v>
      </c>
    </row>
    <row r="4978" spans="1:25" ht="21.6" x14ac:dyDescent="0.2">
      <c r="B4978" s="77"/>
      <c r="C4978" s="39" t="s">
        <v>63</v>
      </c>
      <c r="D4978" s="45">
        <v>193</v>
      </c>
      <c r="E4978" s="46">
        <v>79.8</v>
      </c>
      <c r="F4978" s="46">
        <v>10.9</v>
      </c>
      <c r="G4978" s="47">
        <v>9.3000000000000007</v>
      </c>
    </row>
    <row r="4979" spans="1:25" x14ac:dyDescent="0.2">
      <c r="B4979" s="77"/>
      <c r="C4979" s="39" t="s">
        <v>64</v>
      </c>
      <c r="D4979" s="45">
        <v>203</v>
      </c>
      <c r="E4979" s="46">
        <v>74.400000000000006</v>
      </c>
      <c r="F4979" s="46">
        <v>20.7</v>
      </c>
      <c r="G4979" s="47">
        <v>4.9000000000000004</v>
      </c>
    </row>
    <row r="4980" spans="1:25" x14ac:dyDescent="0.2">
      <c r="B4980" s="77"/>
      <c r="C4980" s="39" t="s">
        <v>65</v>
      </c>
      <c r="D4980" s="45">
        <v>263</v>
      </c>
      <c r="E4980" s="46">
        <v>66.5</v>
      </c>
      <c r="F4980" s="46">
        <v>27.4</v>
      </c>
      <c r="G4980" s="47">
        <v>6.1</v>
      </c>
    </row>
    <row r="4981" spans="1:25" x14ac:dyDescent="0.2">
      <c r="B4981" s="77"/>
      <c r="C4981" s="39" t="s">
        <v>66</v>
      </c>
      <c r="D4981" s="45">
        <v>194</v>
      </c>
      <c r="E4981" s="46">
        <v>76.8</v>
      </c>
      <c r="F4981" s="46">
        <v>20.100000000000001</v>
      </c>
      <c r="G4981" s="47">
        <v>3.1</v>
      </c>
    </row>
    <row r="4982" spans="1:25" x14ac:dyDescent="0.2">
      <c r="B4982" s="77"/>
      <c r="C4982" s="39" t="s">
        <v>67</v>
      </c>
      <c r="D4982" s="45">
        <v>61</v>
      </c>
      <c r="E4982" s="46">
        <v>55.7</v>
      </c>
      <c r="F4982" s="46">
        <v>34.4</v>
      </c>
      <c r="G4982" s="47">
        <v>9.8000000000000007</v>
      </c>
    </row>
    <row r="4983" spans="1:25" x14ac:dyDescent="0.2">
      <c r="B4983" s="77"/>
      <c r="C4983" s="39" t="s">
        <v>68</v>
      </c>
      <c r="D4983" s="45">
        <v>416</v>
      </c>
      <c r="E4983" s="46">
        <v>74.5</v>
      </c>
      <c r="F4983" s="46">
        <v>20.7</v>
      </c>
      <c r="G4983" s="47">
        <v>4.8</v>
      </c>
    </row>
    <row r="4984" spans="1:25" x14ac:dyDescent="0.2">
      <c r="B4984" s="77"/>
      <c r="C4984" s="40" t="s">
        <v>69</v>
      </c>
      <c r="D4984" s="48">
        <v>498</v>
      </c>
      <c r="E4984" s="49">
        <v>70.900000000000006</v>
      </c>
      <c r="F4984" s="49">
        <v>21.9</v>
      </c>
      <c r="G4984" s="50">
        <v>7.2</v>
      </c>
    </row>
    <row r="4985" spans="1:25" x14ac:dyDescent="0.2">
      <c r="B4985" s="7" t="s">
        <v>71</v>
      </c>
      <c r="C4985" s="4" t="s">
        <v>213</v>
      </c>
    </row>
    <row r="4986" spans="1:25" x14ac:dyDescent="0.2">
      <c r="B4986" s="4"/>
      <c r="C4986" s="4" t="s">
        <v>73</v>
      </c>
    </row>
    <row r="4988" spans="1:25" x14ac:dyDescent="0.2">
      <c r="A4988" s="26" t="s">
        <v>25</v>
      </c>
      <c r="B4988" t="s">
        <v>35</v>
      </c>
      <c r="C4988" t="s">
        <v>35</v>
      </c>
    </row>
    <row r="4989" spans="1:25" x14ac:dyDescent="0.2">
      <c r="B4989" s="75" t="s">
        <v>214</v>
      </c>
      <c r="C4989" s="76"/>
      <c r="D4989" s="76"/>
      <c r="E4989" s="76"/>
      <c r="F4989" s="76"/>
      <c r="G4989" s="76"/>
      <c r="H4989" s="76"/>
      <c r="I4989" s="76"/>
      <c r="J4989" s="76"/>
      <c r="K4989" s="76"/>
      <c r="L4989" s="76"/>
      <c r="M4989" s="76"/>
      <c r="N4989" s="76"/>
      <c r="O4989" s="76"/>
      <c r="P4989" s="76"/>
      <c r="Q4989" s="76"/>
      <c r="R4989" s="76"/>
      <c r="S4989" s="76"/>
      <c r="T4989" s="76"/>
      <c r="U4989" s="76"/>
      <c r="V4989" s="76"/>
      <c r="W4989" s="76"/>
      <c r="X4989" s="76"/>
      <c r="Y4989" s="76"/>
    </row>
    <row r="4990" spans="1:25" s="32" customFormat="1" ht="79.650000000000006" customHeight="1" x14ac:dyDescent="0.15">
      <c r="A4990" s="31"/>
      <c r="D4990" s="33" t="s">
        <v>378</v>
      </c>
      <c r="E4990" s="36" t="s">
        <v>633</v>
      </c>
      <c r="F4990" s="55" t="s">
        <v>634</v>
      </c>
      <c r="G4990" s="37" t="s">
        <v>635</v>
      </c>
      <c r="H4990" s="35" t="s">
        <v>381</v>
      </c>
    </row>
    <row r="4991" spans="1:25" x14ac:dyDescent="0.2">
      <c r="B4991" s="5"/>
      <c r="C4991" s="41" t="s">
        <v>38</v>
      </c>
      <c r="D4991" s="42">
        <v>448</v>
      </c>
      <c r="E4991" s="43">
        <v>27.2</v>
      </c>
      <c r="F4991" s="43">
        <v>69.400000000000006</v>
      </c>
      <c r="G4991" s="44">
        <v>3.3</v>
      </c>
    </row>
    <row r="4992" spans="1:25" x14ac:dyDescent="0.2">
      <c r="B4992" s="77" t="s">
        <v>37</v>
      </c>
      <c r="C4992" s="39" t="s">
        <v>39</v>
      </c>
      <c r="D4992" s="45">
        <v>26</v>
      </c>
      <c r="E4992" s="46">
        <v>50</v>
      </c>
      <c r="F4992" s="46">
        <v>50</v>
      </c>
      <c r="G4992" s="47">
        <v>0</v>
      </c>
    </row>
    <row r="4993" spans="2:7" x14ac:dyDescent="0.2">
      <c r="B4993" s="77"/>
      <c r="C4993" s="39" t="s">
        <v>40</v>
      </c>
      <c r="D4993" s="45">
        <v>120</v>
      </c>
      <c r="E4993" s="46">
        <v>22.5</v>
      </c>
      <c r="F4993" s="46">
        <v>75.8</v>
      </c>
      <c r="G4993" s="47">
        <v>1.7</v>
      </c>
    </row>
    <row r="4994" spans="2:7" ht="21.6" x14ac:dyDescent="0.2">
      <c r="B4994" s="77"/>
      <c r="C4994" s="39" t="s">
        <v>41</v>
      </c>
      <c r="D4994" s="45">
        <v>5</v>
      </c>
      <c r="E4994" s="46">
        <v>40</v>
      </c>
      <c r="F4994" s="46">
        <v>60</v>
      </c>
      <c r="G4994" s="47">
        <v>0</v>
      </c>
    </row>
    <row r="4995" spans="2:7" ht="21.6" x14ac:dyDescent="0.2">
      <c r="B4995" s="77"/>
      <c r="C4995" s="39" t="s">
        <v>42</v>
      </c>
      <c r="D4995" s="45">
        <v>96</v>
      </c>
      <c r="E4995" s="46">
        <v>15.6</v>
      </c>
      <c r="F4995" s="46">
        <v>78.099999999999994</v>
      </c>
      <c r="G4995" s="47">
        <v>6.3</v>
      </c>
    </row>
    <row r="4996" spans="2:7" ht="21.6" x14ac:dyDescent="0.2">
      <c r="B4996" s="77"/>
      <c r="C4996" s="39" t="s">
        <v>43</v>
      </c>
      <c r="D4996" s="45">
        <v>46</v>
      </c>
      <c r="E4996" s="46">
        <v>37</v>
      </c>
      <c r="F4996" s="46">
        <v>60.9</v>
      </c>
      <c r="G4996" s="47">
        <v>2.2000000000000002</v>
      </c>
    </row>
    <row r="4997" spans="2:7" ht="21.6" x14ac:dyDescent="0.2">
      <c r="B4997" s="77"/>
      <c r="C4997" s="39" t="s">
        <v>44</v>
      </c>
      <c r="D4997" s="45">
        <v>39</v>
      </c>
      <c r="E4997" s="46">
        <v>35.9</v>
      </c>
      <c r="F4997" s="46">
        <v>59</v>
      </c>
      <c r="G4997" s="47">
        <v>5.0999999999999996</v>
      </c>
    </row>
    <row r="4998" spans="2:7" ht="21.6" x14ac:dyDescent="0.2">
      <c r="B4998" s="77"/>
      <c r="C4998" s="39" t="s">
        <v>45</v>
      </c>
      <c r="D4998" s="45">
        <v>116</v>
      </c>
      <c r="E4998" s="46">
        <v>29.3</v>
      </c>
      <c r="F4998" s="46">
        <v>67.2</v>
      </c>
      <c r="G4998" s="47">
        <v>3.4</v>
      </c>
    </row>
    <row r="4999" spans="2:7" ht="21.6" x14ac:dyDescent="0.2">
      <c r="B4999" s="77"/>
      <c r="C4999" s="39" t="s">
        <v>46</v>
      </c>
      <c r="D4999" s="45">
        <v>94</v>
      </c>
      <c r="E4999" s="46">
        <v>24.5</v>
      </c>
      <c r="F4999" s="46">
        <v>72.3</v>
      </c>
      <c r="G4999" s="47">
        <v>3.2</v>
      </c>
    </row>
    <row r="5000" spans="2:7" ht="21.6" x14ac:dyDescent="0.2">
      <c r="B5000" s="77"/>
      <c r="C5000" s="39" t="s">
        <v>47</v>
      </c>
      <c r="D5000" s="45">
        <v>122</v>
      </c>
      <c r="E5000" s="46">
        <v>26.2</v>
      </c>
      <c r="F5000" s="46">
        <v>69.7</v>
      </c>
      <c r="G5000" s="47">
        <v>4.0999999999999996</v>
      </c>
    </row>
    <row r="5001" spans="2:7" ht="21.6" x14ac:dyDescent="0.2">
      <c r="B5001" s="77"/>
      <c r="C5001" s="39" t="s">
        <v>48</v>
      </c>
      <c r="D5001" s="45">
        <v>77</v>
      </c>
      <c r="E5001" s="46">
        <v>29.9</v>
      </c>
      <c r="F5001" s="46">
        <v>68.8</v>
      </c>
      <c r="G5001" s="47">
        <v>1.3</v>
      </c>
    </row>
    <row r="5002" spans="2:7" ht="21.6" x14ac:dyDescent="0.2">
      <c r="B5002" s="77"/>
      <c r="C5002" s="39" t="s">
        <v>49</v>
      </c>
      <c r="D5002" s="45">
        <v>50</v>
      </c>
      <c r="E5002" s="46">
        <v>32</v>
      </c>
      <c r="F5002" s="46">
        <v>62</v>
      </c>
      <c r="G5002" s="47">
        <v>6</v>
      </c>
    </row>
    <row r="5003" spans="2:7" ht="21.6" x14ac:dyDescent="0.2">
      <c r="B5003" s="77"/>
      <c r="C5003" s="39" t="s">
        <v>50</v>
      </c>
      <c r="D5003" s="45">
        <v>27</v>
      </c>
      <c r="E5003" s="46">
        <v>18.5</v>
      </c>
      <c r="F5003" s="46">
        <v>81.5</v>
      </c>
      <c r="G5003" s="47">
        <v>0</v>
      </c>
    </row>
    <row r="5004" spans="2:7" ht="21.6" x14ac:dyDescent="0.2">
      <c r="B5004" s="77"/>
      <c r="C5004" s="39" t="s">
        <v>51</v>
      </c>
      <c r="D5004" s="45">
        <v>21</v>
      </c>
      <c r="E5004" s="46">
        <v>47.6</v>
      </c>
      <c r="F5004" s="46">
        <v>52.4</v>
      </c>
      <c r="G5004" s="47">
        <v>0</v>
      </c>
    </row>
    <row r="5005" spans="2:7" ht="21.6" x14ac:dyDescent="0.2">
      <c r="B5005" s="77"/>
      <c r="C5005" s="39" t="s">
        <v>52</v>
      </c>
      <c r="D5005" s="45">
        <v>33</v>
      </c>
      <c r="E5005" s="46">
        <v>42.4</v>
      </c>
      <c r="F5005" s="46">
        <v>51.5</v>
      </c>
      <c r="G5005" s="47">
        <v>6.1</v>
      </c>
    </row>
    <row r="5006" spans="2:7" x14ac:dyDescent="0.2">
      <c r="B5006" s="77"/>
      <c r="C5006" s="39" t="s">
        <v>53</v>
      </c>
      <c r="D5006" s="45">
        <v>63</v>
      </c>
      <c r="E5006" s="46">
        <v>38.1</v>
      </c>
      <c r="F5006" s="46">
        <v>60.3</v>
      </c>
      <c r="G5006" s="47">
        <v>1.6</v>
      </c>
    </row>
    <row r="5007" spans="2:7" ht="21.6" x14ac:dyDescent="0.2">
      <c r="B5007" s="77"/>
      <c r="C5007" s="39" t="s">
        <v>54</v>
      </c>
      <c r="D5007" s="45">
        <v>136</v>
      </c>
      <c r="E5007" s="46">
        <v>27.2</v>
      </c>
      <c r="F5007" s="46">
        <v>68.400000000000006</v>
      </c>
      <c r="G5007" s="47">
        <v>4.4000000000000004</v>
      </c>
    </row>
    <row r="5008" spans="2:7" ht="21.6" x14ac:dyDescent="0.2">
      <c r="B5008" s="77"/>
      <c r="C5008" s="39" t="s">
        <v>55</v>
      </c>
      <c r="D5008" s="45">
        <v>183</v>
      </c>
      <c r="E5008" s="46">
        <v>24.6</v>
      </c>
      <c r="F5008" s="46">
        <v>72.7</v>
      </c>
      <c r="G5008" s="47">
        <v>2.7</v>
      </c>
    </row>
    <row r="5009" spans="1:25" ht="21.6" x14ac:dyDescent="0.2">
      <c r="B5009" s="77"/>
      <c r="C5009" s="39" t="s">
        <v>56</v>
      </c>
      <c r="D5009" s="45">
        <v>233</v>
      </c>
      <c r="E5009" s="46">
        <v>27.9</v>
      </c>
      <c r="F5009" s="46">
        <v>70</v>
      </c>
      <c r="G5009" s="47">
        <v>2.1</v>
      </c>
    </row>
    <row r="5010" spans="1:25" x14ac:dyDescent="0.2">
      <c r="B5010" s="77"/>
      <c r="C5010" s="40" t="s">
        <v>57</v>
      </c>
      <c r="D5010" s="48">
        <v>156</v>
      </c>
      <c r="E5010" s="49">
        <v>28.8</v>
      </c>
      <c r="F5010" s="49">
        <v>67.3</v>
      </c>
      <c r="G5010" s="50">
        <v>3.8</v>
      </c>
    </row>
    <row r="5011" spans="1:25" x14ac:dyDescent="0.2">
      <c r="B5011" s="7" t="s">
        <v>71</v>
      </c>
      <c r="C5011" s="4" t="s">
        <v>215</v>
      </c>
    </row>
    <row r="5012" spans="1:25" x14ac:dyDescent="0.2">
      <c r="B5012" s="4"/>
      <c r="C5012" s="4" t="s">
        <v>73</v>
      </c>
    </row>
    <row r="5014" spans="1:25" x14ac:dyDescent="0.2">
      <c r="C5014" t="s">
        <v>35</v>
      </c>
    </row>
    <row r="5015" spans="1:25" x14ac:dyDescent="0.2">
      <c r="B5015" s="75" t="s">
        <v>355</v>
      </c>
      <c r="C5015" s="76"/>
      <c r="D5015" s="76"/>
      <c r="E5015" s="76"/>
      <c r="F5015" s="76"/>
      <c r="G5015" s="76"/>
      <c r="H5015" s="76"/>
      <c r="I5015" s="76"/>
      <c r="J5015" s="76"/>
      <c r="K5015" s="76"/>
      <c r="L5015" s="76"/>
      <c r="M5015" s="76"/>
      <c r="N5015" s="76"/>
      <c r="O5015" s="76"/>
      <c r="P5015" s="76"/>
      <c r="Q5015" s="76"/>
      <c r="R5015" s="76"/>
      <c r="S5015" s="76"/>
      <c r="T5015" s="76"/>
      <c r="U5015" s="76"/>
      <c r="V5015" s="76"/>
      <c r="W5015" s="76"/>
      <c r="X5015" s="76"/>
      <c r="Y5015" s="76"/>
    </row>
    <row r="5016" spans="1:25" s="32" customFormat="1" ht="79.650000000000006" customHeight="1" x14ac:dyDescent="0.15">
      <c r="A5016" s="31"/>
      <c r="D5016" s="33" t="s">
        <v>378</v>
      </c>
      <c r="E5016" s="36" t="s">
        <v>633</v>
      </c>
      <c r="F5016" s="55" t="s">
        <v>634</v>
      </c>
      <c r="G5016" s="37" t="s">
        <v>635</v>
      </c>
      <c r="H5016" s="35" t="s">
        <v>381</v>
      </c>
    </row>
    <row r="5017" spans="1:25" ht="21.6" x14ac:dyDescent="0.2">
      <c r="B5017" s="77" t="s">
        <v>37</v>
      </c>
      <c r="C5017" s="38" t="s">
        <v>58</v>
      </c>
      <c r="D5017" s="51">
        <v>191</v>
      </c>
      <c r="E5017" s="52">
        <v>30.4</v>
      </c>
      <c r="F5017" s="52">
        <v>67</v>
      </c>
      <c r="G5017" s="53">
        <v>2.6</v>
      </c>
    </row>
    <row r="5018" spans="1:25" ht="21.6" x14ac:dyDescent="0.2">
      <c r="B5018" s="77"/>
      <c r="C5018" s="39" t="s">
        <v>59</v>
      </c>
      <c r="D5018" s="45">
        <v>257</v>
      </c>
      <c r="E5018" s="46">
        <v>24.9</v>
      </c>
      <c r="F5018" s="46">
        <v>71.2</v>
      </c>
      <c r="G5018" s="47">
        <v>3.9</v>
      </c>
    </row>
    <row r="5019" spans="1:25" x14ac:dyDescent="0.2">
      <c r="B5019" s="77"/>
      <c r="C5019" s="39" t="s">
        <v>60</v>
      </c>
      <c r="D5019" s="45">
        <v>305</v>
      </c>
      <c r="E5019" s="46">
        <v>26.6</v>
      </c>
      <c r="F5019" s="46">
        <v>70.8</v>
      </c>
      <c r="G5019" s="47">
        <v>2.6</v>
      </c>
    </row>
    <row r="5020" spans="1:25" x14ac:dyDescent="0.2">
      <c r="B5020" s="77"/>
      <c r="C5020" s="39" t="s">
        <v>61</v>
      </c>
      <c r="D5020" s="45">
        <v>143</v>
      </c>
      <c r="E5020" s="46">
        <v>28.7</v>
      </c>
      <c r="F5020" s="46">
        <v>66.400000000000006</v>
      </c>
      <c r="G5020" s="47">
        <v>4.9000000000000004</v>
      </c>
    </row>
    <row r="5021" spans="1:25" x14ac:dyDescent="0.2">
      <c r="B5021" s="77"/>
      <c r="C5021" s="39" t="s">
        <v>62</v>
      </c>
      <c r="D5021" s="45">
        <v>295</v>
      </c>
      <c r="E5021" s="46">
        <v>28.1</v>
      </c>
      <c r="F5021" s="46">
        <v>68.5</v>
      </c>
      <c r="G5021" s="47">
        <v>3.4</v>
      </c>
    </row>
    <row r="5022" spans="1:25" ht="21.6" x14ac:dyDescent="0.2">
      <c r="B5022" s="77"/>
      <c r="C5022" s="39" t="s">
        <v>63</v>
      </c>
      <c r="D5022" s="45">
        <v>54</v>
      </c>
      <c r="E5022" s="46">
        <v>25.9</v>
      </c>
      <c r="F5022" s="46">
        <v>70.400000000000006</v>
      </c>
      <c r="G5022" s="47">
        <v>3.7</v>
      </c>
    </row>
    <row r="5023" spans="1:25" x14ac:dyDescent="0.2">
      <c r="B5023" s="77"/>
      <c r="C5023" s="39" t="s">
        <v>64</v>
      </c>
      <c r="D5023" s="45">
        <v>98</v>
      </c>
      <c r="E5023" s="46">
        <v>31.6</v>
      </c>
      <c r="F5023" s="46">
        <v>65.3</v>
      </c>
      <c r="G5023" s="47">
        <v>3.1</v>
      </c>
    </row>
    <row r="5024" spans="1:25" x14ac:dyDescent="0.2">
      <c r="B5024" s="77"/>
      <c r="C5024" s="39" t="s">
        <v>65</v>
      </c>
      <c r="D5024" s="45">
        <v>80</v>
      </c>
      <c r="E5024" s="46">
        <v>28.8</v>
      </c>
      <c r="F5024" s="46">
        <v>68.8</v>
      </c>
      <c r="G5024" s="47">
        <v>2.5</v>
      </c>
    </row>
    <row r="5025" spans="1:7" x14ac:dyDescent="0.2">
      <c r="B5025" s="77"/>
      <c r="C5025" s="39" t="s">
        <v>66</v>
      </c>
      <c r="D5025" s="45">
        <v>48</v>
      </c>
      <c r="E5025" s="46">
        <v>29.2</v>
      </c>
      <c r="F5025" s="46">
        <v>64.599999999999994</v>
      </c>
      <c r="G5025" s="47">
        <v>6.3</v>
      </c>
    </row>
    <row r="5026" spans="1:7" x14ac:dyDescent="0.2">
      <c r="B5026" s="77"/>
      <c r="C5026" s="39" t="s">
        <v>67</v>
      </c>
      <c r="D5026" s="45">
        <v>15</v>
      </c>
      <c r="E5026" s="46">
        <v>6.7</v>
      </c>
      <c r="F5026" s="46">
        <v>93.3</v>
      </c>
      <c r="G5026" s="47">
        <v>0</v>
      </c>
    </row>
    <row r="5027" spans="1:7" x14ac:dyDescent="0.2">
      <c r="B5027" s="77"/>
      <c r="C5027" s="39" t="s">
        <v>68</v>
      </c>
      <c r="D5027" s="45">
        <v>263</v>
      </c>
      <c r="E5027" s="46">
        <v>30.8</v>
      </c>
      <c r="F5027" s="46">
        <v>66.2</v>
      </c>
      <c r="G5027" s="47">
        <v>3</v>
      </c>
    </row>
    <row r="5028" spans="1:7" x14ac:dyDescent="0.2">
      <c r="B5028" s="77"/>
      <c r="C5028" s="39" t="s">
        <v>69</v>
      </c>
      <c r="D5028" s="45">
        <v>32</v>
      </c>
      <c r="E5028" s="46">
        <v>6.3</v>
      </c>
      <c r="F5028" s="46">
        <v>87.5</v>
      </c>
      <c r="G5028" s="47">
        <v>6.3</v>
      </c>
    </row>
    <row r="5029" spans="1:7" x14ac:dyDescent="0.2">
      <c r="B5029" s="77"/>
      <c r="C5029" s="39" t="s">
        <v>70</v>
      </c>
      <c r="D5029" s="45">
        <v>153</v>
      </c>
      <c r="E5029" s="46">
        <v>25.5</v>
      </c>
      <c r="F5029" s="46">
        <v>71.2</v>
      </c>
      <c r="G5029" s="47">
        <v>3.3</v>
      </c>
    </row>
    <row r="5030" spans="1:7" ht="21.6" x14ac:dyDescent="0.2">
      <c r="B5030" s="77"/>
      <c r="C5030" s="39" t="s">
        <v>63</v>
      </c>
      <c r="D5030" s="45">
        <v>48</v>
      </c>
      <c r="E5030" s="46">
        <v>22.9</v>
      </c>
      <c r="F5030" s="46">
        <v>75</v>
      </c>
      <c r="G5030" s="47">
        <v>2.1</v>
      </c>
    </row>
    <row r="5031" spans="1:7" x14ac:dyDescent="0.2">
      <c r="B5031" s="77"/>
      <c r="C5031" s="39" t="s">
        <v>64</v>
      </c>
      <c r="D5031" s="45">
        <v>43</v>
      </c>
      <c r="E5031" s="46">
        <v>20.9</v>
      </c>
      <c r="F5031" s="46">
        <v>79.099999999999994</v>
      </c>
      <c r="G5031" s="47">
        <v>0</v>
      </c>
    </row>
    <row r="5032" spans="1:7" x14ac:dyDescent="0.2">
      <c r="B5032" s="77"/>
      <c r="C5032" s="39" t="s">
        <v>65</v>
      </c>
      <c r="D5032" s="45">
        <v>27</v>
      </c>
      <c r="E5032" s="46">
        <v>25.9</v>
      </c>
      <c r="F5032" s="46">
        <v>66.7</v>
      </c>
      <c r="G5032" s="47">
        <v>7.4</v>
      </c>
    </row>
    <row r="5033" spans="1:7" x14ac:dyDescent="0.2">
      <c r="B5033" s="77"/>
      <c r="C5033" s="39" t="s">
        <v>66</v>
      </c>
      <c r="D5033" s="45">
        <v>30</v>
      </c>
      <c r="E5033" s="46">
        <v>30</v>
      </c>
      <c r="F5033" s="46">
        <v>63.3</v>
      </c>
      <c r="G5033" s="47">
        <v>6.7</v>
      </c>
    </row>
    <row r="5034" spans="1:7" x14ac:dyDescent="0.2">
      <c r="B5034" s="77"/>
      <c r="C5034" s="39" t="s">
        <v>67</v>
      </c>
      <c r="D5034" s="45">
        <v>5</v>
      </c>
      <c r="E5034" s="46">
        <v>60</v>
      </c>
      <c r="F5034" s="46">
        <v>40</v>
      </c>
      <c r="G5034" s="47">
        <v>0</v>
      </c>
    </row>
    <row r="5035" spans="1:7" x14ac:dyDescent="0.2">
      <c r="B5035" s="77"/>
      <c r="C5035" s="39" t="s">
        <v>68</v>
      </c>
      <c r="D5035" s="45">
        <v>100</v>
      </c>
      <c r="E5035" s="46">
        <v>30</v>
      </c>
      <c r="F5035" s="46">
        <v>65</v>
      </c>
      <c r="G5035" s="47">
        <v>5</v>
      </c>
    </row>
    <row r="5036" spans="1:7" x14ac:dyDescent="0.2">
      <c r="B5036" s="77"/>
      <c r="C5036" s="40" t="s">
        <v>69</v>
      </c>
      <c r="D5036" s="48">
        <v>53</v>
      </c>
      <c r="E5036" s="49">
        <v>17</v>
      </c>
      <c r="F5036" s="49">
        <v>83</v>
      </c>
      <c r="G5036" s="50">
        <v>0</v>
      </c>
    </row>
    <row r="5037" spans="1:7" x14ac:dyDescent="0.2">
      <c r="B5037" s="7" t="s">
        <v>71</v>
      </c>
      <c r="C5037" s="4" t="s">
        <v>215</v>
      </c>
    </row>
    <row r="5038" spans="1:7" x14ac:dyDescent="0.2">
      <c r="B5038" s="4"/>
      <c r="C5038" s="4" t="s">
        <v>73</v>
      </c>
    </row>
    <row r="5040" spans="1:7" x14ac:dyDescent="0.2">
      <c r="A5040" s="26" t="s">
        <v>25</v>
      </c>
      <c r="B5040" t="s">
        <v>35</v>
      </c>
      <c r="C5040" t="s">
        <v>35</v>
      </c>
    </row>
    <row r="5041" spans="1:25" x14ac:dyDescent="0.2">
      <c r="B5041" s="75" t="s">
        <v>216</v>
      </c>
      <c r="C5041" s="76"/>
      <c r="D5041" s="76"/>
      <c r="E5041" s="76"/>
      <c r="F5041" s="76"/>
      <c r="G5041" s="76"/>
      <c r="H5041" s="76"/>
      <c r="I5041" s="76"/>
      <c r="J5041" s="76"/>
      <c r="K5041" s="76"/>
      <c r="L5041" s="76"/>
      <c r="M5041" s="76"/>
      <c r="N5041" s="76"/>
      <c r="O5041" s="76"/>
      <c r="P5041" s="76"/>
      <c r="Q5041" s="76"/>
      <c r="R5041" s="76"/>
      <c r="S5041" s="76"/>
      <c r="T5041" s="76"/>
      <c r="U5041" s="76"/>
      <c r="V5041" s="76"/>
      <c r="W5041" s="76"/>
      <c r="X5041" s="76"/>
      <c r="Y5041" s="76"/>
    </row>
    <row r="5042" spans="1:25" s="32" customFormat="1" ht="79.650000000000006" customHeight="1" x14ac:dyDescent="0.15">
      <c r="A5042" s="31"/>
      <c r="D5042" s="33" t="s">
        <v>378</v>
      </c>
      <c r="E5042" s="36" t="s">
        <v>633</v>
      </c>
      <c r="F5042" s="55" t="s">
        <v>634</v>
      </c>
      <c r="G5042" s="55" t="s">
        <v>635</v>
      </c>
      <c r="H5042" s="37" t="s">
        <v>636</v>
      </c>
      <c r="I5042" s="35" t="s">
        <v>381</v>
      </c>
    </row>
    <row r="5043" spans="1:25" x14ac:dyDescent="0.2">
      <c r="B5043" s="5"/>
      <c r="C5043" s="41" t="s">
        <v>38</v>
      </c>
      <c r="D5043" s="42">
        <v>1376</v>
      </c>
      <c r="E5043" s="43">
        <v>8.9</v>
      </c>
      <c r="F5043" s="43">
        <v>22.6</v>
      </c>
      <c r="G5043" s="43">
        <v>1.1000000000000001</v>
      </c>
      <c r="H5043" s="44">
        <v>67.400000000000006</v>
      </c>
    </row>
    <row r="5044" spans="1:25" x14ac:dyDescent="0.2">
      <c r="B5044" s="77" t="s">
        <v>37</v>
      </c>
      <c r="C5044" s="39" t="s">
        <v>39</v>
      </c>
      <c r="D5044" s="45">
        <v>70</v>
      </c>
      <c r="E5044" s="46">
        <v>18.600000000000001</v>
      </c>
      <c r="F5044" s="46">
        <v>18.600000000000001</v>
      </c>
      <c r="G5044" s="46">
        <v>0</v>
      </c>
      <c r="H5044" s="47">
        <v>62.9</v>
      </c>
    </row>
    <row r="5045" spans="1:25" x14ac:dyDescent="0.2">
      <c r="B5045" s="77"/>
      <c r="C5045" s="39" t="s">
        <v>40</v>
      </c>
      <c r="D5045" s="45">
        <v>330</v>
      </c>
      <c r="E5045" s="46">
        <v>8.1999999999999993</v>
      </c>
      <c r="F5045" s="46">
        <v>27.6</v>
      </c>
      <c r="G5045" s="46">
        <v>0.6</v>
      </c>
      <c r="H5045" s="47">
        <v>63.6</v>
      </c>
    </row>
    <row r="5046" spans="1:25" ht="21.6" x14ac:dyDescent="0.2">
      <c r="B5046" s="77"/>
      <c r="C5046" s="39" t="s">
        <v>41</v>
      </c>
      <c r="D5046" s="45">
        <v>22</v>
      </c>
      <c r="E5046" s="46">
        <v>9.1</v>
      </c>
      <c r="F5046" s="46">
        <v>13.6</v>
      </c>
      <c r="G5046" s="46">
        <v>0</v>
      </c>
      <c r="H5046" s="47">
        <v>77.3</v>
      </c>
    </row>
    <row r="5047" spans="1:25" ht="21.6" x14ac:dyDescent="0.2">
      <c r="B5047" s="77"/>
      <c r="C5047" s="39" t="s">
        <v>42</v>
      </c>
      <c r="D5047" s="45">
        <v>244</v>
      </c>
      <c r="E5047" s="46">
        <v>6.1</v>
      </c>
      <c r="F5047" s="46">
        <v>30.7</v>
      </c>
      <c r="G5047" s="46">
        <v>2.5</v>
      </c>
      <c r="H5047" s="47">
        <v>60.7</v>
      </c>
    </row>
    <row r="5048" spans="1:25" ht="21.6" x14ac:dyDescent="0.2">
      <c r="B5048" s="77"/>
      <c r="C5048" s="39" t="s">
        <v>43</v>
      </c>
      <c r="D5048" s="45">
        <v>209</v>
      </c>
      <c r="E5048" s="46">
        <v>8.1</v>
      </c>
      <c r="F5048" s="46">
        <v>13.4</v>
      </c>
      <c r="G5048" s="46">
        <v>0.5</v>
      </c>
      <c r="H5048" s="47">
        <v>78</v>
      </c>
    </row>
    <row r="5049" spans="1:25" ht="21.6" x14ac:dyDescent="0.2">
      <c r="B5049" s="77"/>
      <c r="C5049" s="39" t="s">
        <v>44</v>
      </c>
      <c r="D5049" s="45">
        <v>126</v>
      </c>
      <c r="E5049" s="46">
        <v>11.1</v>
      </c>
      <c r="F5049" s="46">
        <v>18.3</v>
      </c>
      <c r="G5049" s="46">
        <v>1.6</v>
      </c>
      <c r="H5049" s="47">
        <v>69</v>
      </c>
    </row>
    <row r="5050" spans="1:25" ht="21.6" x14ac:dyDescent="0.2">
      <c r="B5050" s="77"/>
      <c r="C5050" s="39" t="s">
        <v>45</v>
      </c>
      <c r="D5050" s="45">
        <v>375</v>
      </c>
      <c r="E5050" s="46">
        <v>9.1</v>
      </c>
      <c r="F5050" s="46">
        <v>20.8</v>
      </c>
      <c r="G5050" s="46">
        <v>1.1000000000000001</v>
      </c>
      <c r="H5050" s="47">
        <v>69.099999999999994</v>
      </c>
    </row>
    <row r="5051" spans="1:25" ht="21.6" x14ac:dyDescent="0.2">
      <c r="B5051" s="77"/>
      <c r="C5051" s="39" t="s">
        <v>46</v>
      </c>
      <c r="D5051" s="45">
        <v>345</v>
      </c>
      <c r="E5051" s="46">
        <v>6.7</v>
      </c>
      <c r="F5051" s="46">
        <v>19.7</v>
      </c>
      <c r="G5051" s="46">
        <v>0.9</v>
      </c>
      <c r="H5051" s="47">
        <v>72.8</v>
      </c>
    </row>
    <row r="5052" spans="1:25" ht="21.6" x14ac:dyDescent="0.2">
      <c r="B5052" s="77"/>
      <c r="C5052" s="39" t="s">
        <v>47</v>
      </c>
      <c r="D5052" s="45">
        <v>333</v>
      </c>
      <c r="E5052" s="46">
        <v>9.6</v>
      </c>
      <c r="F5052" s="46">
        <v>25.5</v>
      </c>
      <c r="G5052" s="46">
        <v>1.5</v>
      </c>
      <c r="H5052" s="47">
        <v>63.4</v>
      </c>
    </row>
    <row r="5053" spans="1:25" ht="21.6" x14ac:dyDescent="0.2">
      <c r="B5053" s="77"/>
      <c r="C5053" s="39" t="s">
        <v>48</v>
      </c>
      <c r="D5053" s="45">
        <v>211</v>
      </c>
      <c r="E5053" s="46">
        <v>10.9</v>
      </c>
      <c r="F5053" s="46">
        <v>25.1</v>
      </c>
      <c r="G5053" s="46">
        <v>0.5</v>
      </c>
      <c r="H5053" s="47">
        <v>63.5</v>
      </c>
    </row>
    <row r="5054" spans="1:25" ht="21.6" x14ac:dyDescent="0.2">
      <c r="B5054" s="77"/>
      <c r="C5054" s="39" t="s">
        <v>49</v>
      </c>
      <c r="D5054" s="45">
        <v>142</v>
      </c>
      <c r="E5054" s="46">
        <v>11.3</v>
      </c>
      <c r="F5054" s="46">
        <v>21.8</v>
      </c>
      <c r="G5054" s="46">
        <v>2.1</v>
      </c>
      <c r="H5054" s="47">
        <v>64.8</v>
      </c>
    </row>
    <row r="5055" spans="1:25" ht="21.6" x14ac:dyDescent="0.2">
      <c r="B5055" s="77"/>
      <c r="C5055" s="39" t="s">
        <v>50</v>
      </c>
      <c r="D5055" s="45">
        <v>77</v>
      </c>
      <c r="E5055" s="46">
        <v>6.5</v>
      </c>
      <c r="F5055" s="46">
        <v>28.6</v>
      </c>
      <c r="G5055" s="46">
        <v>0</v>
      </c>
      <c r="H5055" s="47">
        <v>64.900000000000006</v>
      </c>
    </row>
    <row r="5056" spans="1:25" ht="21.6" x14ac:dyDescent="0.2">
      <c r="B5056" s="77"/>
      <c r="C5056" s="39" t="s">
        <v>51</v>
      </c>
      <c r="D5056" s="45">
        <v>68</v>
      </c>
      <c r="E5056" s="46">
        <v>14.7</v>
      </c>
      <c r="F5056" s="46">
        <v>16.2</v>
      </c>
      <c r="G5056" s="46">
        <v>0</v>
      </c>
      <c r="H5056" s="47">
        <v>69.099999999999994</v>
      </c>
    </row>
    <row r="5057" spans="1:25" ht="21.6" x14ac:dyDescent="0.2">
      <c r="B5057" s="77"/>
      <c r="C5057" s="39" t="s">
        <v>52</v>
      </c>
      <c r="D5057" s="45">
        <v>167</v>
      </c>
      <c r="E5057" s="46">
        <v>8.4</v>
      </c>
      <c r="F5057" s="46">
        <v>10.199999999999999</v>
      </c>
      <c r="G5057" s="46">
        <v>1.2</v>
      </c>
      <c r="H5057" s="47">
        <v>80.2</v>
      </c>
    </row>
    <row r="5058" spans="1:25" x14ac:dyDescent="0.2">
      <c r="B5058" s="77"/>
      <c r="C5058" s="39" t="s">
        <v>53</v>
      </c>
      <c r="D5058" s="45">
        <v>189</v>
      </c>
      <c r="E5058" s="46">
        <v>12.7</v>
      </c>
      <c r="F5058" s="46">
        <v>20.100000000000001</v>
      </c>
      <c r="G5058" s="46">
        <v>0.5</v>
      </c>
      <c r="H5058" s="47">
        <v>66.7</v>
      </c>
    </row>
    <row r="5059" spans="1:25" ht="21.6" x14ac:dyDescent="0.2">
      <c r="B5059" s="77"/>
      <c r="C5059" s="39" t="s">
        <v>54</v>
      </c>
      <c r="D5059" s="45">
        <v>377</v>
      </c>
      <c r="E5059" s="46">
        <v>9.8000000000000007</v>
      </c>
      <c r="F5059" s="46">
        <v>24.7</v>
      </c>
      <c r="G5059" s="46">
        <v>1.6</v>
      </c>
      <c r="H5059" s="47">
        <v>63.9</v>
      </c>
    </row>
    <row r="5060" spans="1:25" ht="21.6" x14ac:dyDescent="0.2">
      <c r="B5060" s="77"/>
      <c r="C5060" s="39" t="s">
        <v>55</v>
      </c>
      <c r="D5060" s="45">
        <v>464</v>
      </c>
      <c r="E5060" s="46">
        <v>9.6999999999999993</v>
      </c>
      <c r="F5060" s="46">
        <v>28.7</v>
      </c>
      <c r="G5060" s="46">
        <v>1.1000000000000001</v>
      </c>
      <c r="H5060" s="47">
        <v>60.6</v>
      </c>
    </row>
    <row r="5061" spans="1:25" ht="21.6" x14ac:dyDescent="0.2">
      <c r="B5061" s="77"/>
      <c r="C5061" s="39" t="s">
        <v>56</v>
      </c>
      <c r="D5061" s="45">
        <v>623</v>
      </c>
      <c r="E5061" s="46">
        <v>10.4</v>
      </c>
      <c r="F5061" s="46">
        <v>26.2</v>
      </c>
      <c r="G5061" s="46">
        <v>0.8</v>
      </c>
      <c r="H5061" s="47">
        <v>62.6</v>
      </c>
    </row>
    <row r="5062" spans="1:25" x14ac:dyDescent="0.2">
      <c r="B5062" s="77"/>
      <c r="C5062" s="40" t="s">
        <v>57</v>
      </c>
      <c r="D5062" s="48">
        <v>492</v>
      </c>
      <c r="E5062" s="49">
        <v>9.1</v>
      </c>
      <c r="F5062" s="49">
        <v>21.3</v>
      </c>
      <c r="G5062" s="49">
        <v>1.2</v>
      </c>
      <c r="H5062" s="50">
        <v>68.3</v>
      </c>
    </row>
    <row r="5064" spans="1:25" x14ac:dyDescent="0.2">
      <c r="C5064" t="s">
        <v>35</v>
      </c>
    </row>
    <row r="5065" spans="1:25" x14ac:dyDescent="0.2">
      <c r="B5065" s="75" t="s">
        <v>356</v>
      </c>
      <c r="C5065" s="76"/>
      <c r="D5065" s="76"/>
      <c r="E5065" s="76"/>
      <c r="F5065" s="76"/>
      <c r="G5065" s="76"/>
      <c r="H5065" s="76"/>
      <c r="I5065" s="76"/>
      <c r="J5065" s="76"/>
      <c r="K5065" s="76"/>
      <c r="L5065" s="76"/>
      <c r="M5065" s="76"/>
      <c r="N5065" s="76"/>
      <c r="O5065" s="76"/>
      <c r="P5065" s="76"/>
      <c r="Q5065" s="76"/>
      <c r="R5065" s="76"/>
      <c r="S5065" s="76"/>
      <c r="T5065" s="76"/>
      <c r="U5065" s="76"/>
      <c r="V5065" s="76"/>
      <c r="W5065" s="76"/>
      <c r="X5065" s="76"/>
      <c r="Y5065" s="76"/>
    </row>
    <row r="5066" spans="1:25" s="32" customFormat="1" ht="79.650000000000006" customHeight="1" x14ac:dyDescent="0.15">
      <c r="A5066" s="31"/>
      <c r="D5066" s="33" t="s">
        <v>378</v>
      </c>
      <c r="E5066" s="36" t="s">
        <v>633</v>
      </c>
      <c r="F5066" s="55" t="s">
        <v>634</v>
      </c>
      <c r="G5066" s="55" t="s">
        <v>635</v>
      </c>
      <c r="H5066" s="37" t="s">
        <v>636</v>
      </c>
      <c r="I5066" s="35" t="s">
        <v>381</v>
      </c>
    </row>
    <row r="5067" spans="1:25" ht="21.6" x14ac:dyDescent="0.2">
      <c r="B5067" s="77" t="s">
        <v>37</v>
      </c>
      <c r="C5067" s="38" t="s">
        <v>58</v>
      </c>
      <c r="D5067" s="51">
        <v>503</v>
      </c>
      <c r="E5067" s="52">
        <v>11.5</v>
      </c>
      <c r="F5067" s="52">
        <v>25.4</v>
      </c>
      <c r="G5067" s="52">
        <v>1</v>
      </c>
      <c r="H5067" s="53">
        <v>62</v>
      </c>
    </row>
    <row r="5068" spans="1:25" ht="21.6" x14ac:dyDescent="0.2">
      <c r="B5068" s="77"/>
      <c r="C5068" s="39" t="s">
        <v>59</v>
      </c>
      <c r="D5068" s="45">
        <v>873</v>
      </c>
      <c r="E5068" s="46">
        <v>7.3</v>
      </c>
      <c r="F5068" s="46">
        <v>21</v>
      </c>
      <c r="G5068" s="46">
        <v>1.1000000000000001</v>
      </c>
      <c r="H5068" s="47">
        <v>70.599999999999994</v>
      </c>
    </row>
    <row r="5069" spans="1:25" x14ac:dyDescent="0.2">
      <c r="B5069" s="77"/>
      <c r="C5069" s="39" t="s">
        <v>60</v>
      </c>
      <c r="D5069" s="45">
        <v>924</v>
      </c>
      <c r="E5069" s="46">
        <v>8.8000000000000007</v>
      </c>
      <c r="F5069" s="46">
        <v>23.4</v>
      </c>
      <c r="G5069" s="46">
        <v>0.9</v>
      </c>
      <c r="H5069" s="47">
        <v>67</v>
      </c>
    </row>
    <row r="5070" spans="1:25" x14ac:dyDescent="0.2">
      <c r="B5070" s="77"/>
      <c r="C5070" s="39" t="s">
        <v>61</v>
      </c>
      <c r="D5070" s="45">
        <v>452</v>
      </c>
      <c r="E5070" s="46">
        <v>9.1</v>
      </c>
      <c r="F5070" s="46">
        <v>21</v>
      </c>
      <c r="G5070" s="46">
        <v>1.5</v>
      </c>
      <c r="H5070" s="47">
        <v>68.400000000000006</v>
      </c>
    </row>
    <row r="5071" spans="1:25" x14ac:dyDescent="0.2">
      <c r="B5071" s="77"/>
      <c r="C5071" s="39" t="s">
        <v>62</v>
      </c>
      <c r="D5071" s="45">
        <v>713</v>
      </c>
      <c r="E5071" s="46">
        <v>11.6</v>
      </c>
      <c r="F5071" s="46">
        <v>28.3</v>
      </c>
      <c r="G5071" s="46">
        <v>1.4</v>
      </c>
      <c r="H5071" s="47">
        <v>58.6</v>
      </c>
    </row>
    <row r="5072" spans="1:25" ht="21.6" x14ac:dyDescent="0.2">
      <c r="B5072" s="77"/>
      <c r="C5072" s="39" t="s">
        <v>63</v>
      </c>
      <c r="D5072" s="45">
        <v>151</v>
      </c>
      <c r="E5072" s="46">
        <v>9.3000000000000007</v>
      </c>
      <c r="F5072" s="46">
        <v>25.2</v>
      </c>
      <c r="G5072" s="46">
        <v>1.3</v>
      </c>
      <c r="H5072" s="47">
        <v>64.2</v>
      </c>
    </row>
    <row r="5073" spans="1:8" x14ac:dyDescent="0.2">
      <c r="B5073" s="77"/>
      <c r="C5073" s="39" t="s">
        <v>64</v>
      </c>
      <c r="D5073" s="45">
        <v>205</v>
      </c>
      <c r="E5073" s="46">
        <v>15.1</v>
      </c>
      <c r="F5073" s="46">
        <v>31.2</v>
      </c>
      <c r="G5073" s="46">
        <v>1.5</v>
      </c>
      <c r="H5073" s="47">
        <v>52.2</v>
      </c>
    </row>
    <row r="5074" spans="1:8" x14ac:dyDescent="0.2">
      <c r="B5074" s="77"/>
      <c r="C5074" s="39" t="s">
        <v>65</v>
      </c>
      <c r="D5074" s="45">
        <v>201</v>
      </c>
      <c r="E5074" s="46">
        <v>11.4</v>
      </c>
      <c r="F5074" s="46">
        <v>27.4</v>
      </c>
      <c r="G5074" s="46">
        <v>1</v>
      </c>
      <c r="H5074" s="47">
        <v>60.2</v>
      </c>
    </row>
    <row r="5075" spans="1:8" x14ac:dyDescent="0.2">
      <c r="B5075" s="77"/>
      <c r="C5075" s="39" t="s">
        <v>66</v>
      </c>
      <c r="D5075" s="45">
        <v>114</v>
      </c>
      <c r="E5075" s="46">
        <v>12.3</v>
      </c>
      <c r="F5075" s="46">
        <v>27.2</v>
      </c>
      <c r="G5075" s="46">
        <v>2.6</v>
      </c>
      <c r="H5075" s="47">
        <v>57.9</v>
      </c>
    </row>
    <row r="5076" spans="1:8" x14ac:dyDescent="0.2">
      <c r="B5076" s="77"/>
      <c r="C5076" s="39" t="s">
        <v>67</v>
      </c>
      <c r="D5076" s="45">
        <v>42</v>
      </c>
      <c r="E5076" s="46">
        <v>2.4</v>
      </c>
      <c r="F5076" s="46">
        <v>33.299999999999997</v>
      </c>
      <c r="G5076" s="46">
        <v>0</v>
      </c>
      <c r="H5076" s="47">
        <v>64.3</v>
      </c>
    </row>
    <row r="5077" spans="1:8" x14ac:dyDescent="0.2">
      <c r="B5077" s="77"/>
      <c r="C5077" s="39" t="s">
        <v>68</v>
      </c>
      <c r="D5077" s="45">
        <v>590</v>
      </c>
      <c r="E5077" s="46">
        <v>13.7</v>
      </c>
      <c r="F5077" s="46">
        <v>29.5</v>
      </c>
      <c r="G5077" s="46">
        <v>1.4</v>
      </c>
      <c r="H5077" s="47">
        <v>55.4</v>
      </c>
    </row>
    <row r="5078" spans="1:8" x14ac:dyDescent="0.2">
      <c r="B5078" s="77"/>
      <c r="C5078" s="39" t="s">
        <v>69</v>
      </c>
      <c r="D5078" s="45">
        <v>123</v>
      </c>
      <c r="E5078" s="46">
        <v>1.6</v>
      </c>
      <c r="F5078" s="46">
        <v>22.8</v>
      </c>
      <c r="G5078" s="46">
        <v>1.6</v>
      </c>
      <c r="H5078" s="47">
        <v>74</v>
      </c>
    </row>
    <row r="5079" spans="1:8" x14ac:dyDescent="0.2">
      <c r="B5079" s="77"/>
      <c r="C5079" s="39" t="s">
        <v>70</v>
      </c>
      <c r="D5079" s="45">
        <v>663</v>
      </c>
      <c r="E5079" s="46">
        <v>5.9</v>
      </c>
      <c r="F5079" s="46">
        <v>16.399999999999999</v>
      </c>
      <c r="G5079" s="46">
        <v>0.8</v>
      </c>
      <c r="H5079" s="47">
        <v>76.900000000000006</v>
      </c>
    </row>
    <row r="5080" spans="1:8" ht="21.6" x14ac:dyDescent="0.2">
      <c r="B5080" s="77"/>
      <c r="C5080" s="39" t="s">
        <v>63</v>
      </c>
      <c r="D5080" s="45">
        <v>154</v>
      </c>
      <c r="E5080" s="46">
        <v>7.1</v>
      </c>
      <c r="F5080" s="46">
        <v>23.4</v>
      </c>
      <c r="G5080" s="46">
        <v>0.6</v>
      </c>
      <c r="H5080" s="47">
        <v>68.8</v>
      </c>
    </row>
    <row r="5081" spans="1:8" x14ac:dyDescent="0.2">
      <c r="B5081" s="77"/>
      <c r="C5081" s="39" t="s">
        <v>64</v>
      </c>
      <c r="D5081" s="45">
        <v>151</v>
      </c>
      <c r="E5081" s="46">
        <v>6</v>
      </c>
      <c r="F5081" s="46">
        <v>22.5</v>
      </c>
      <c r="G5081" s="46">
        <v>0</v>
      </c>
      <c r="H5081" s="47">
        <v>71.5</v>
      </c>
    </row>
    <row r="5082" spans="1:8" x14ac:dyDescent="0.2">
      <c r="B5082" s="77"/>
      <c r="C5082" s="39" t="s">
        <v>65</v>
      </c>
      <c r="D5082" s="45">
        <v>175</v>
      </c>
      <c r="E5082" s="46">
        <v>4</v>
      </c>
      <c r="F5082" s="46">
        <v>10.3</v>
      </c>
      <c r="G5082" s="46">
        <v>1.1000000000000001</v>
      </c>
      <c r="H5082" s="47">
        <v>84.6</v>
      </c>
    </row>
    <row r="5083" spans="1:8" x14ac:dyDescent="0.2">
      <c r="B5083" s="77"/>
      <c r="C5083" s="39" t="s">
        <v>66</v>
      </c>
      <c r="D5083" s="45">
        <v>149</v>
      </c>
      <c r="E5083" s="46">
        <v>6</v>
      </c>
      <c r="F5083" s="46">
        <v>12.8</v>
      </c>
      <c r="G5083" s="46">
        <v>1.3</v>
      </c>
      <c r="H5083" s="47">
        <v>79.900000000000006</v>
      </c>
    </row>
    <row r="5084" spans="1:8" x14ac:dyDescent="0.2">
      <c r="B5084" s="77"/>
      <c r="C5084" s="39" t="s">
        <v>67</v>
      </c>
      <c r="D5084" s="45">
        <v>34</v>
      </c>
      <c r="E5084" s="46">
        <v>8.8000000000000007</v>
      </c>
      <c r="F5084" s="46">
        <v>5.9</v>
      </c>
      <c r="G5084" s="46">
        <v>0</v>
      </c>
      <c r="H5084" s="47">
        <v>85.3</v>
      </c>
    </row>
    <row r="5085" spans="1:8" x14ac:dyDescent="0.2">
      <c r="B5085" s="77"/>
      <c r="C5085" s="39" t="s">
        <v>68</v>
      </c>
      <c r="D5085" s="45">
        <v>310</v>
      </c>
      <c r="E5085" s="46">
        <v>9.6999999999999993</v>
      </c>
      <c r="F5085" s="46">
        <v>21</v>
      </c>
      <c r="G5085" s="46">
        <v>1.6</v>
      </c>
      <c r="H5085" s="47">
        <v>67.7</v>
      </c>
    </row>
    <row r="5086" spans="1:8" x14ac:dyDescent="0.2">
      <c r="B5086" s="77"/>
      <c r="C5086" s="40" t="s">
        <v>69</v>
      </c>
      <c r="D5086" s="48">
        <v>353</v>
      </c>
      <c r="E5086" s="49">
        <v>2.5</v>
      </c>
      <c r="F5086" s="49">
        <v>12.5</v>
      </c>
      <c r="G5086" s="49">
        <v>0</v>
      </c>
      <c r="H5086" s="50">
        <v>85</v>
      </c>
    </row>
    <row r="5088" spans="1:8" x14ac:dyDescent="0.2">
      <c r="A5088" s="26" t="s">
        <v>25</v>
      </c>
      <c r="B5088" t="s">
        <v>35</v>
      </c>
      <c r="C5088" t="s">
        <v>35</v>
      </c>
    </row>
    <row r="5089" spans="1:25" x14ac:dyDescent="0.2">
      <c r="B5089" s="75" t="s">
        <v>217</v>
      </c>
      <c r="C5089" s="76"/>
      <c r="D5089" s="76"/>
      <c r="E5089" s="76"/>
      <c r="F5089" s="76"/>
      <c r="G5089" s="76"/>
      <c r="H5089" s="76"/>
      <c r="I5089" s="76"/>
      <c r="J5089" s="76"/>
      <c r="K5089" s="76"/>
      <c r="L5089" s="76"/>
      <c r="M5089" s="76"/>
      <c r="N5089" s="76"/>
      <c r="O5089" s="76"/>
      <c r="P5089" s="76"/>
      <c r="Q5089" s="76"/>
      <c r="R5089" s="76"/>
      <c r="S5089" s="76"/>
      <c r="T5089" s="76"/>
      <c r="U5089" s="76"/>
      <c r="V5089" s="76"/>
      <c r="W5089" s="76"/>
      <c r="X5089" s="76"/>
      <c r="Y5089" s="76"/>
    </row>
    <row r="5090" spans="1:25" s="32" customFormat="1" ht="58.05" customHeight="1" x14ac:dyDescent="0.15">
      <c r="A5090" s="31"/>
      <c r="D5090" s="33" t="s">
        <v>378</v>
      </c>
      <c r="E5090" s="36" t="s">
        <v>603</v>
      </c>
      <c r="F5090" s="55" t="s">
        <v>604</v>
      </c>
      <c r="G5090" s="55" t="s">
        <v>605</v>
      </c>
      <c r="H5090" s="55" t="s">
        <v>606</v>
      </c>
      <c r="I5090" s="55" t="s">
        <v>607</v>
      </c>
      <c r="J5090" s="55" t="s">
        <v>608</v>
      </c>
      <c r="K5090" s="55" t="s">
        <v>609</v>
      </c>
      <c r="L5090" s="37" t="s">
        <v>480</v>
      </c>
      <c r="M5090" s="35" t="s">
        <v>381</v>
      </c>
    </row>
    <row r="5091" spans="1:25" x14ac:dyDescent="0.2">
      <c r="B5091" s="5"/>
      <c r="C5091" s="41" t="s">
        <v>38</v>
      </c>
      <c r="D5091" s="42">
        <v>122</v>
      </c>
      <c r="E5091" s="43">
        <v>45.1</v>
      </c>
      <c r="F5091" s="43">
        <v>17.2</v>
      </c>
      <c r="G5091" s="43">
        <v>6.6</v>
      </c>
      <c r="H5091" s="43">
        <v>1.6</v>
      </c>
      <c r="I5091" s="43">
        <v>1.6</v>
      </c>
      <c r="J5091" s="43">
        <v>0</v>
      </c>
      <c r="K5091" s="43">
        <v>0</v>
      </c>
      <c r="L5091" s="44">
        <v>27.9</v>
      </c>
    </row>
    <row r="5092" spans="1:25" x14ac:dyDescent="0.2">
      <c r="B5092" s="77" t="s">
        <v>37</v>
      </c>
      <c r="C5092" s="39" t="s">
        <v>39</v>
      </c>
      <c r="D5092" s="45">
        <v>13</v>
      </c>
      <c r="E5092" s="46">
        <v>38.5</v>
      </c>
      <c r="F5092" s="46">
        <v>38.5</v>
      </c>
      <c r="G5092" s="46">
        <v>0</v>
      </c>
      <c r="H5092" s="46">
        <v>0</v>
      </c>
      <c r="I5092" s="46">
        <v>0</v>
      </c>
      <c r="J5092" s="46">
        <v>0</v>
      </c>
      <c r="K5092" s="46">
        <v>0</v>
      </c>
      <c r="L5092" s="47">
        <v>23.1</v>
      </c>
    </row>
    <row r="5093" spans="1:25" x14ac:dyDescent="0.2">
      <c r="B5093" s="77"/>
      <c r="C5093" s="39" t="s">
        <v>40</v>
      </c>
      <c r="D5093" s="45">
        <v>27</v>
      </c>
      <c r="E5093" s="46">
        <v>48.1</v>
      </c>
      <c r="F5093" s="46">
        <v>11.1</v>
      </c>
      <c r="G5093" s="46">
        <v>11.1</v>
      </c>
      <c r="H5093" s="46">
        <v>0</v>
      </c>
      <c r="I5093" s="46">
        <v>0</v>
      </c>
      <c r="J5093" s="46">
        <v>0</v>
      </c>
      <c r="K5093" s="46">
        <v>0</v>
      </c>
      <c r="L5093" s="47">
        <v>29.6</v>
      </c>
    </row>
    <row r="5094" spans="1:25" ht="21.6" x14ac:dyDescent="0.2">
      <c r="B5094" s="77"/>
      <c r="C5094" s="39" t="s">
        <v>41</v>
      </c>
      <c r="D5094" s="45">
        <v>2</v>
      </c>
      <c r="E5094" s="46">
        <v>0</v>
      </c>
      <c r="F5094" s="46">
        <v>100</v>
      </c>
      <c r="G5094" s="46">
        <v>0</v>
      </c>
      <c r="H5094" s="46">
        <v>0</v>
      </c>
      <c r="I5094" s="46">
        <v>0</v>
      </c>
      <c r="J5094" s="46">
        <v>0</v>
      </c>
      <c r="K5094" s="46">
        <v>0</v>
      </c>
      <c r="L5094" s="47">
        <v>0</v>
      </c>
    </row>
    <row r="5095" spans="1:25" ht="21.6" x14ac:dyDescent="0.2">
      <c r="B5095" s="77"/>
      <c r="C5095" s="39" t="s">
        <v>42</v>
      </c>
      <c r="D5095" s="45">
        <v>15</v>
      </c>
      <c r="E5095" s="46">
        <v>26.7</v>
      </c>
      <c r="F5095" s="46">
        <v>20</v>
      </c>
      <c r="G5095" s="46">
        <v>20</v>
      </c>
      <c r="H5095" s="46">
        <v>0</v>
      </c>
      <c r="I5095" s="46">
        <v>0</v>
      </c>
      <c r="J5095" s="46">
        <v>0</v>
      </c>
      <c r="K5095" s="46">
        <v>0</v>
      </c>
      <c r="L5095" s="47">
        <v>33.299999999999997</v>
      </c>
    </row>
    <row r="5096" spans="1:25" ht="21.6" x14ac:dyDescent="0.2">
      <c r="B5096" s="77"/>
      <c r="C5096" s="39" t="s">
        <v>43</v>
      </c>
      <c r="D5096" s="45">
        <v>17</v>
      </c>
      <c r="E5096" s="46">
        <v>52.9</v>
      </c>
      <c r="F5096" s="46">
        <v>11.8</v>
      </c>
      <c r="G5096" s="46">
        <v>0</v>
      </c>
      <c r="H5096" s="46">
        <v>5.9</v>
      </c>
      <c r="I5096" s="46">
        <v>5.9</v>
      </c>
      <c r="J5096" s="46">
        <v>0</v>
      </c>
      <c r="K5096" s="46">
        <v>0</v>
      </c>
      <c r="L5096" s="47">
        <v>23.5</v>
      </c>
    </row>
    <row r="5097" spans="1:25" ht="21.6" x14ac:dyDescent="0.2">
      <c r="B5097" s="77"/>
      <c r="C5097" s="39" t="s">
        <v>44</v>
      </c>
      <c r="D5097" s="45">
        <v>14</v>
      </c>
      <c r="E5097" s="46">
        <v>42.9</v>
      </c>
      <c r="F5097" s="46">
        <v>14.3</v>
      </c>
      <c r="G5097" s="46">
        <v>7.1</v>
      </c>
      <c r="H5097" s="46">
        <v>0</v>
      </c>
      <c r="I5097" s="46">
        <v>7.1</v>
      </c>
      <c r="J5097" s="46">
        <v>0</v>
      </c>
      <c r="K5097" s="46">
        <v>0</v>
      </c>
      <c r="L5097" s="47">
        <v>28.6</v>
      </c>
    </row>
    <row r="5098" spans="1:25" ht="21.6" x14ac:dyDescent="0.2">
      <c r="B5098" s="77"/>
      <c r="C5098" s="39" t="s">
        <v>45</v>
      </c>
      <c r="D5098" s="45">
        <v>34</v>
      </c>
      <c r="E5098" s="46">
        <v>52.9</v>
      </c>
      <c r="F5098" s="46">
        <v>11.8</v>
      </c>
      <c r="G5098" s="46">
        <v>2.9</v>
      </c>
      <c r="H5098" s="46">
        <v>2.9</v>
      </c>
      <c r="I5098" s="46">
        <v>0</v>
      </c>
      <c r="J5098" s="46">
        <v>0</v>
      </c>
      <c r="K5098" s="46">
        <v>0</v>
      </c>
      <c r="L5098" s="47">
        <v>29.4</v>
      </c>
    </row>
    <row r="5099" spans="1:25" ht="21.6" x14ac:dyDescent="0.2">
      <c r="B5099" s="77"/>
      <c r="C5099" s="39" t="s">
        <v>46</v>
      </c>
      <c r="D5099" s="45">
        <v>23</v>
      </c>
      <c r="E5099" s="46">
        <v>34.799999999999997</v>
      </c>
      <c r="F5099" s="46">
        <v>4.3</v>
      </c>
      <c r="G5099" s="46">
        <v>0</v>
      </c>
      <c r="H5099" s="46">
        <v>0</v>
      </c>
      <c r="I5099" s="46">
        <v>0</v>
      </c>
      <c r="J5099" s="46">
        <v>0</v>
      </c>
      <c r="K5099" s="46">
        <v>0</v>
      </c>
      <c r="L5099" s="47">
        <v>60.9</v>
      </c>
    </row>
    <row r="5100" spans="1:25" ht="21.6" x14ac:dyDescent="0.2">
      <c r="B5100" s="77"/>
      <c r="C5100" s="39" t="s">
        <v>47</v>
      </c>
      <c r="D5100" s="45">
        <v>32</v>
      </c>
      <c r="E5100" s="46">
        <v>43.8</v>
      </c>
      <c r="F5100" s="46">
        <v>31.3</v>
      </c>
      <c r="G5100" s="46">
        <v>6.3</v>
      </c>
      <c r="H5100" s="46">
        <v>0</v>
      </c>
      <c r="I5100" s="46">
        <v>0</v>
      </c>
      <c r="J5100" s="46">
        <v>0</v>
      </c>
      <c r="K5100" s="46">
        <v>0</v>
      </c>
      <c r="L5100" s="47">
        <v>18.8</v>
      </c>
    </row>
    <row r="5101" spans="1:25" ht="21.6" x14ac:dyDescent="0.2">
      <c r="B5101" s="77"/>
      <c r="C5101" s="39" t="s">
        <v>48</v>
      </c>
      <c r="D5101" s="45">
        <v>23</v>
      </c>
      <c r="E5101" s="46">
        <v>47.8</v>
      </c>
      <c r="F5101" s="46">
        <v>21.7</v>
      </c>
      <c r="G5101" s="46">
        <v>13</v>
      </c>
      <c r="H5101" s="46">
        <v>0</v>
      </c>
      <c r="I5101" s="46">
        <v>8.6999999999999993</v>
      </c>
      <c r="J5101" s="46">
        <v>0</v>
      </c>
      <c r="K5101" s="46">
        <v>0</v>
      </c>
      <c r="L5101" s="47">
        <v>8.6999999999999993</v>
      </c>
    </row>
    <row r="5102" spans="1:25" ht="21.6" x14ac:dyDescent="0.2">
      <c r="B5102" s="77"/>
      <c r="C5102" s="39" t="s">
        <v>49</v>
      </c>
      <c r="D5102" s="45">
        <v>16</v>
      </c>
      <c r="E5102" s="46">
        <v>68.8</v>
      </c>
      <c r="F5102" s="46">
        <v>12.5</v>
      </c>
      <c r="G5102" s="46">
        <v>0</v>
      </c>
      <c r="H5102" s="46">
        <v>6.3</v>
      </c>
      <c r="I5102" s="46">
        <v>0</v>
      </c>
      <c r="J5102" s="46">
        <v>0</v>
      </c>
      <c r="K5102" s="46">
        <v>0</v>
      </c>
      <c r="L5102" s="47">
        <v>12.5</v>
      </c>
    </row>
    <row r="5103" spans="1:25" ht="21.6" x14ac:dyDescent="0.2">
      <c r="B5103" s="77"/>
      <c r="C5103" s="39" t="s">
        <v>50</v>
      </c>
      <c r="D5103" s="45">
        <v>5</v>
      </c>
      <c r="E5103" s="46">
        <v>60</v>
      </c>
      <c r="F5103" s="46">
        <v>0</v>
      </c>
      <c r="G5103" s="46">
        <v>20</v>
      </c>
      <c r="H5103" s="46">
        <v>0</v>
      </c>
      <c r="I5103" s="46">
        <v>0</v>
      </c>
      <c r="J5103" s="46">
        <v>0</v>
      </c>
      <c r="K5103" s="46">
        <v>0</v>
      </c>
      <c r="L5103" s="47">
        <v>20</v>
      </c>
    </row>
    <row r="5104" spans="1:25" ht="21.6" x14ac:dyDescent="0.2">
      <c r="B5104" s="77"/>
      <c r="C5104" s="39" t="s">
        <v>51</v>
      </c>
      <c r="D5104" s="45">
        <v>10</v>
      </c>
      <c r="E5104" s="46">
        <v>20</v>
      </c>
      <c r="F5104" s="46">
        <v>30</v>
      </c>
      <c r="G5104" s="46">
        <v>10</v>
      </c>
      <c r="H5104" s="46">
        <v>0</v>
      </c>
      <c r="I5104" s="46">
        <v>0</v>
      </c>
      <c r="J5104" s="46">
        <v>0</v>
      </c>
      <c r="K5104" s="46">
        <v>0</v>
      </c>
      <c r="L5104" s="47">
        <v>40</v>
      </c>
    </row>
    <row r="5105" spans="1:25" ht="21.6" x14ac:dyDescent="0.2">
      <c r="B5105" s="77"/>
      <c r="C5105" s="39" t="s">
        <v>52</v>
      </c>
      <c r="D5105" s="45">
        <v>14</v>
      </c>
      <c r="E5105" s="46">
        <v>14.3</v>
      </c>
      <c r="F5105" s="46">
        <v>21.4</v>
      </c>
      <c r="G5105" s="46">
        <v>7.1</v>
      </c>
      <c r="H5105" s="46">
        <v>0</v>
      </c>
      <c r="I5105" s="46">
        <v>7.1</v>
      </c>
      <c r="J5105" s="46">
        <v>0</v>
      </c>
      <c r="K5105" s="46">
        <v>0</v>
      </c>
      <c r="L5105" s="47">
        <v>50</v>
      </c>
    </row>
    <row r="5106" spans="1:25" x14ac:dyDescent="0.2">
      <c r="B5106" s="77"/>
      <c r="C5106" s="39" t="s">
        <v>53</v>
      </c>
      <c r="D5106" s="45">
        <v>24</v>
      </c>
      <c r="E5106" s="46">
        <v>50</v>
      </c>
      <c r="F5106" s="46">
        <v>8.3000000000000007</v>
      </c>
      <c r="G5106" s="46">
        <v>8.3000000000000007</v>
      </c>
      <c r="H5106" s="46">
        <v>0</v>
      </c>
      <c r="I5106" s="46">
        <v>0</v>
      </c>
      <c r="J5106" s="46">
        <v>0</v>
      </c>
      <c r="K5106" s="46">
        <v>0</v>
      </c>
      <c r="L5106" s="47">
        <v>33.299999999999997</v>
      </c>
    </row>
    <row r="5107" spans="1:25" ht="21.6" x14ac:dyDescent="0.2">
      <c r="B5107" s="77"/>
      <c r="C5107" s="39" t="s">
        <v>54</v>
      </c>
      <c r="D5107" s="45">
        <v>37</v>
      </c>
      <c r="E5107" s="46">
        <v>37.799999999999997</v>
      </c>
      <c r="F5107" s="46">
        <v>21.6</v>
      </c>
      <c r="G5107" s="46">
        <v>5.4</v>
      </c>
      <c r="H5107" s="46">
        <v>2.7</v>
      </c>
      <c r="I5107" s="46">
        <v>0</v>
      </c>
      <c r="J5107" s="46">
        <v>0</v>
      </c>
      <c r="K5107" s="46">
        <v>0</v>
      </c>
      <c r="L5107" s="47">
        <v>32.4</v>
      </c>
    </row>
    <row r="5108" spans="1:25" ht="21.6" x14ac:dyDescent="0.2">
      <c r="B5108" s="77"/>
      <c r="C5108" s="39" t="s">
        <v>55</v>
      </c>
      <c r="D5108" s="45">
        <v>45</v>
      </c>
      <c r="E5108" s="46">
        <v>57.8</v>
      </c>
      <c r="F5108" s="46">
        <v>17.8</v>
      </c>
      <c r="G5108" s="46">
        <v>6.7</v>
      </c>
      <c r="H5108" s="46">
        <v>2.2000000000000002</v>
      </c>
      <c r="I5108" s="46">
        <v>2.2000000000000002</v>
      </c>
      <c r="J5108" s="46">
        <v>0</v>
      </c>
      <c r="K5108" s="46">
        <v>0</v>
      </c>
      <c r="L5108" s="47">
        <v>13.3</v>
      </c>
    </row>
    <row r="5109" spans="1:25" ht="21.6" x14ac:dyDescent="0.2">
      <c r="B5109" s="77"/>
      <c r="C5109" s="39" t="s">
        <v>56</v>
      </c>
      <c r="D5109" s="45">
        <v>65</v>
      </c>
      <c r="E5109" s="46">
        <v>49.2</v>
      </c>
      <c r="F5109" s="46">
        <v>16.899999999999999</v>
      </c>
      <c r="G5109" s="46">
        <v>6.2</v>
      </c>
      <c r="H5109" s="46">
        <v>1.5</v>
      </c>
      <c r="I5109" s="46">
        <v>0</v>
      </c>
      <c r="J5109" s="46">
        <v>0</v>
      </c>
      <c r="K5109" s="46">
        <v>0</v>
      </c>
      <c r="L5109" s="47">
        <v>26.2</v>
      </c>
    </row>
    <row r="5110" spans="1:25" x14ac:dyDescent="0.2">
      <c r="B5110" s="77"/>
      <c r="C5110" s="40" t="s">
        <v>57</v>
      </c>
      <c r="D5110" s="48">
        <v>45</v>
      </c>
      <c r="E5110" s="49">
        <v>37.799999999999997</v>
      </c>
      <c r="F5110" s="49">
        <v>20</v>
      </c>
      <c r="G5110" s="49">
        <v>6.7</v>
      </c>
      <c r="H5110" s="49">
        <v>2.2000000000000002</v>
      </c>
      <c r="I5110" s="49">
        <v>4.4000000000000004</v>
      </c>
      <c r="J5110" s="49">
        <v>0</v>
      </c>
      <c r="K5110" s="49">
        <v>0</v>
      </c>
      <c r="L5110" s="50">
        <v>28.9</v>
      </c>
    </row>
    <row r="5112" spans="1:25" x14ac:dyDescent="0.2">
      <c r="C5112" t="s">
        <v>35</v>
      </c>
    </row>
    <row r="5113" spans="1:25" x14ac:dyDescent="0.2">
      <c r="B5113" s="75" t="s">
        <v>357</v>
      </c>
      <c r="C5113" s="76"/>
      <c r="D5113" s="76"/>
      <c r="E5113" s="76"/>
      <c r="F5113" s="76"/>
      <c r="G5113" s="76"/>
      <c r="H5113" s="76"/>
      <c r="I5113" s="76"/>
      <c r="J5113" s="76"/>
      <c r="K5113" s="76"/>
      <c r="L5113" s="76"/>
      <c r="M5113" s="76"/>
      <c r="N5113" s="76"/>
      <c r="O5113" s="76"/>
      <c r="P5113" s="76"/>
      <c r="Q5113" s="76"/>
      <c r="R5113" s="76"/>
      <c r="S5113" s="76"/>
      <c r="T5113" s="76"/>
      <c r="U5113" s="76"/>
      <c r="V5113" s="76"/>
      <c r="W5113" s="76"/>
      <c r="X5113" s="76"/>
      <c r="Y5113" s="76"/>
    </row>
    <row r="5114" spans="1:25" s="32" customFormat="1" ht="58.05" customHeight="1" x14ac:dyDescent="0.15">
      <c r="A5114" s="31"/>
      <c r="D5114" s="33" t="s">
        <v>378</v>
      </c>
      <c r="E5114" s="36" t="s">
        <v>603</v>
      </c>
      <c r="F5114" s="55" t="s">
        <v>604</v>
      </c>
      <c r="G5114" s="55" t="s">
        <v>605</v>
      </c>
      <c r="H5114" s="55" t="s">
        <v>606</v>
      </c>
      <c r="I5114" s="55" t="s">
        <v>607</v>
      </c>
      <c r="J5114" s="55" t="s">
        <v>608</v>
      </c>
      <c r="K5114" s="55" t="s">
        <v>609</v>
      </c>
      <c r="L5114" s="37" t="s">
        <v>480</v>
      </c>
      <c r="M5114" s="35" t="s">
        <v>381</v>
      </c>
    </row>
    <row r="5115" spans="1:25" ht="21.6" x14ac:dyDescent="0.2">
      <c r="B5115" s="77" t="s">
        <v>37</v>
      </c>
      <c r="C5115" s="38" t="s">
        <v>58</v>
      </c>
      <c r="D5115" s="51">
        <v>58</v>
      </c>
      <c r="E5115" s="52">
        <v>50</v>
      </c>
      <c r="F5115" s="52">
        <v>19</v>
      </c>
      <c r="G5115" s="52">
        <v>6.9</v>
      </c>
      <c r="H5115" s="52">
        <v>1.7</v>
      </c>
      <c r="I5115" s="52">
        <v>0</v>
      </c>
      <c r="J5115" s="52">
        <v>0</v>
      </c>
      <c r="K5115" s="52">
        <v>0</v>
      </c>
      <c r="L5115" s="53">
        <v>22.4</v>
      </c>
    </row>
    <row r="5116" spans="1:25" ht="21.6" x14ac:dyDescent="0.2">
      <c r="B5116" s="77"/>
      <c r="C5116" s="39" t="s">
        <v>59</v>
      </c>
      <c r="D5116" s="45">
        <v>64</v>
      </c>
      <c r="E5116" s="46">
        <v>40.6</v>
      </c>
      <c r="F5116" s="46">
        <v>15.6</v>
      </c>
      <c r="G5116" s="46">
        <v>6.3</v>
      </c>
      <c r="H5116" s="46">
        <v>1.6</v>
      </c>
      <c r="I5116" s="46">
        <v>3.1</v>
      </c>
      <c r="J5116" s="46">
        <v>0</v>
      </c>
      <c r="K5116" s="46">
        <v>0</v>
      </c>
      <c r="L5116" s="47">
        <v>32.799999999999997</v>
      </c>
    </row>
    <row r="5117" spans="1:25" x14ac:dyDescent="0.2">
      <c r="B5117" s="77"/>
      <c r="C5117" s="39" t="s">
        <v>60</v>
      </c>
      <c r="D5117" s="45">
        <v>81</v>
      </c>
      <c r="E5117" s="46">
        <v>50.6</v>
      </c>
      <c r="F5117" s="46">
        <v>16</v>
      </c>
      <c r="G5117" s="46">
        <v>6.2</v>
      </c>
      <c r="H5117" s="46">
        <v>0</v>
      </c>
      <c r="I5117" s="46">
        <v>1.2</v>
      </c>
      <c r="J5117" s="46">
        <v>0</v>
      </c>
      <c r="K5117" s="46">
        <v>0</v>
      </c>
      <c r="L5117" s="47">
        <v>25.9</v>
      </c>
    </row>
    <row r="5118" spans="1:25" x14ac:dyDescent="0.2">
      <c r="B5118" s="77"/>
      <c r="C5118" s="39" t="s">
        <v>61</v>
      </c>
      <c r="D5118" s="45">
        <v>41</v>
      </c>
      <c r="E5118" s="46">
        <v>34.1</v>
      </c>
      <c r="F5118" s="46">
        <v>19.5</v>
      </c>
      <c r="G5118" s="46">
        <v>7.3</v>
      </c>
      <c r="H5118" s="46">
        <v>4.9000000000000004</v>
      </c>
      <c r="I5118" s="46">
        <v>2.4</v>
      </c>
      <c r="J5118" s="46">
        <v>0</v>
      </c>
      <c r="K5118" s="46">
        <v>0</v>
      </c>
      <c r="L5118" s="47">
        <v>31.7</v>
      </c>
    </row>
    <row r="5119" spans="1:25" x14ac:dyDescent="0.2">
      <c r="B5119" s="77"/>
      <c r="C5119" s="39" t="s">
        <v>62</v>
      </c>
      <c r="D5119" s="45">
        <v>83</v>
      </c>
      <c r="E5119" s="46">
        <v>39.799999999999997</v>
      </c>
      <c r="F5119" s="46">
        <v>19.3</v>
      </c>
      <c r="G5119" s="46">
        <v>8.4</v>
      </c>
      <c r="H5119" s="46">
        <v>2.4</v>
      </c>
      <c r="I5119" s="46">
        <v>2.4</v>
      </c>
      <c r="J5119" s="46">
        <v>0</v>
      </c>
      <c r="K5119" s="46">
        <v>0</v>
      </c>
      <c r="L5119" s="47">
        <v>27.7</v>
      </c>
    </row>
    <row r="5120" spans="1:25" ht="21.6" x14ac:dyDescent="0.2">
      <c r="B5120" s="77"/>
      <c r="C5120" s="39" t="s">
        <v>63</v>
      </c>
      <c r="D5120" s="45">
        <v>14</v>
      </c>
      <c r="E5120" s="46">
        <v>42.9</v>
      </c>
      <c r="F5120" s="46">
        <v>21.4</v>
      </c>
      <c r="G5120" s="46">
        <v>7.1</v>
      </c>
      <c r="H5120" s="46">
        <v>0</v>
      </c>
      <c r="I5120" s="46">
        <v>0</v>
      </c>
      <c r="J5120" s="46">
        <v>0</v>
      </c>
      <c r="K5120" s="46">
        <v>0</v>
      </c>
      <c r="L5120" s="47">
        <v>28.6</v>
      </c>
    </row>
    <row r="5121" spans="1:12" x14ac:dyDescent="0.2">
      <c r="B5121" s="77"/>
      <c r="C5121" s="39" t="s">
        <v>64</v>
      </c>
      <c r="D5121" s="45">
        <v>31</v>
      </c>
      <c r="E5121" s="46">
        <v>38.700000000000003</v>
      </c>
      <c r="F5121" s="46">
        <v>22.6</v>
      </c>
      <c r="G5121" s="46">
        <v>9.6999999999999993</v>
      </c>
      <c r="H5121" s="46">
        <v>0</v>
      </c>
      <c r="I5121" s="46">
        <v>0</v>
      </c>
      <c r="J5121" s="46">
        <v>0</v>
      </c>
      <c r="K5121" s="46">
        <v>0</v>
      </c>
      <c r="L5121" s="47">
        <v>29</v>
      </c>
    </row>
    <row r="5122" spans="1:12" x14ac:dyDescent="0.2">
      <c r="B5122" s="77"/>
      <c r="C5122" s="39" t="s">
        <v>65</v>
      </c>
      <c r="D5122" s="45">
        <v>23</v>
      </c>
      <c r="E5122" s="46">
        <v>47.8</v>
      </c>
      <c r="F5122" s="46">
        <v>4.3</v>
      </c>
      <c r="G5122" s="46">
        <v>8.6999999999999993</v>
      </c>
      <c r="H5122" s="46">
        <v>8.6999999999999993</v>
      </c>
      <c r="I5122" s="46">
        <v>4.3</v>
      </c>
      <c r="J5122" s="46">
        <v>0</v>
      </c>
      <c r="K5122" s="46">
        <v>0</v>
      </c>
      <c r="L5122" s="47">
        <v>26.1</v>
      </c>
    </row>
    <row r="5123" spans="1:12" x14ac:dyDescent="0.2">
      <c r="B5123" s="77"/>
      <c r="C5123" s="39" t="s">
        <v>66</v>
      </c>
      <c r="D5123" s="45">
        <v>14</v>
      </c>
      <c r="E5123" s="46">
        <v>21.4</v>
      </c>
      <c r="F5123" s="46">
        <v>35.700000000000003</v>
      </c>
      <c r="G5123" s="46">
        <v>7.1</v>
      </c>
      <c r="H5123" s="46">
        <v>0</v>
      </c>
      <c r="I5123" s="46">
        <v>7.1</v>
      </c>
      <c r="J5123" s="46">
        <v>0</v>
      </c>
      <c r="K5123" s="46">
        <v>0</v>
      </c>
      <c r="L5123" s="47">
        <v>28.6</v>
      </c>
    </row>
    <row r="5124" spans="1:12" x14ac:dyDescent="0.2">
      <c r="B5124" s="77"/>
      <c r="C5124" s="39" t="s">
        <v>67</v>
      </c>
      <c r="D5124" s="45">
        <v>1</v>
      </c>
      <c r="E5124" s="46">
        <v>100</v>
      </c>
      <c r="F5124" s="46">
        <v>0</v>
      </c>
      <c r="G5124" s="46">
        <v>0</v>
      </c>
      <c r="H5124" s="46">
        <v>0</v>
      </c>
      <c r="I5124" s="46">
        <v>0</v>
      </c>
      <c r="J5124" s="46">
        <v>0</v>
      </c>
      <c r="K5124" s="46">
        <v>0</v>
      </c>
      <c r="L5124" s="47">
        <v>0</v>
      </c>
    </row>
    <row r="5125" spans="1:12" x14ac:dyDescent="0.2">
      <c r="B5125" s="77"/>
      <c r="C5125" s="39" t="s">
        <v>68</v>
      </c>
      <c r="D5125" s="45">
        <v>81</v>
      </c>
      <c r="E5125" s="46">
        <v>40.700000000000003</v>
      </c>
      <c r="F5125" s="46">
        <v>19.8</v>
      </c>
      <c r="G5125" s="46">
        <v>8.6</v>
      </c>
      <c r="H5125" s="46">
        <v>2.5</v>
      </c>
      <c r="I5125" s="46">
        <v>1.2</v>
      </c>
      <c r="J5125" s="46">
        <v>0</v>
      </c>
      <c r="K5125" s="46">
        <v>0</v>
      </c>
      <c r="L5125" s="47">
        <v>27.2</v>
      </c>
    </row>
    <row r="5126" spans="1:12" x14ac:dyDescent="0.2">
      <c r="B5126" s="77"/>
      <c r="C5126" s="39" t="s">
        <v>69</v>
      </c>
      <c r="D5126" s="45">
        <v>2</v>
      </c>
      <c r="E5126" s="46">
        <v>0</v>
      </c>
      <c r="F5126" s="46">
        <v>0</v>
      </c>
      <c r="G5126" s="46">
        <v>0</v>
      </c>
      <c r="H5126" s="46">
        <v>0</v>
      </c>
      <c r="I5126" s="46">
        <v>50</v>
      </c>
      <c r="J5126" s="46">
        <v>0</v>
      </c>
      <c r="K5126" s="46">
        <v>0</v>
      </c>
      <c r="L5126" s="47">
        <v>50</v>
      </c>
    </row>
    <row r="5127" spans="1:12" x14ac:dyDescent="0.2">
      <c r="B5127" s="77"/>
      <c r="C5127" s="39" t="s">
        <v>70</v>
      </c>
      <c r="D5127" s="45">
        <v>39</v>
      </c>
      <c r="E5127" s="46">
        <v>56.4</v>
      </c>
      <c r="F5127" s="46">
        <v>12.8</v>
      </c>
      <c r="G5127" s="46">
        <v>2.6</v>
      </c>
      <c r="H5127" s="46">
        <v>0</v>
      </c>
      <c r="I5127" s="46">
        <v>0</v>
      </c>
      <c r="J5127" s="46">
        <v>0</v>
      </c>
      <c r="K5127" s="46">
        <v>0</v>
      </c>
      <c r="L5127" s="47">
        <v>28.2</v>
      </c>
    </row>
    <row r="5128" spans="1:12" ht="21.6" x14ac:dyDescent="0.2">
      <c r="B5128" s="77"/>
      <c r="C5128" s="39" t="s">
        <v>63</v>
      </c>
      <c r="D5128" s="45">
        <v>11</v>
      </c>
      <c r="E5128" s="46">
        <v>63.6</v>
      </c>
      <c r="F5128" s="46">
        <v>18.2</v>
      </c>
      <c r="G5128" s="46">
        <v>0</v>
      </c>
      <c r="H5128" s="46">
        <v>0</v>
      </c>
      <c r="I5128" s="46">
        <v>0</v>
      </c>
      <c r="J5128" s="46">
        <v>0</v>
      </c>
      <c r="K5128" s="46">
        <v>0</v>
      </c>
      <c r="L5128" s="47">
        <v>18.2</v>
      </c>
    </row>
    <row r="5129" spans="1:12" x14ac:dyDescent="0.2">
      <c r="B5129" s="77"/>
      <c r="C5129" s="39" t="s">
        <v>64</v>
      </c>
      <c r="D5129" s="45">
        <v>9</v>
      </c>
      <c r="E5129" s="46">
        <v>55.6</v>
      </c>
      <c r="F5129" s="46">
        <v>0</v>
      </c>
      <c r="G5129" s="46">
        <v>0</v>
      </c>
      <c r="H5129" s="46">
        <v>0</v>
      </c>
      <c r="I5129" s="46">
        <v>0</v>
      </c>
      <c r="J5129" s="46">
        <v>0</v>
      </c>
      <c r="K5129" s="46">
        <v>0</v>
      </c>
      <c r="L5129" s="47">
        <v>44.4</v>
      </c>
    </row>
    <row r="5130" spans="1:12" x14ac:dyDescent="0.2">
      <c r="B5130" s="77"/>
      <c r="C5130" s="39" t="s">
        <v>65</v>
      </c>
      <c r="D5130" s="45">
        <v>7</v>
      </c>
      <c r="E5130" s="46">
        <v>71.400000000000006</v>
      </c>
      <c r="F5130" s="46">
        <v>0</v>
      </c>
      <c r="G5130" s="46">
        <v>0</v>
      </c>
      <c r="H5130" s="46">
        <v>0</v>
      </c>
      <c r="I5130" s="46">
        <v>0</v>
      </c>
      <c r="J5130" s="46">
        <v>0</v>
      </c>
      <c r="K5130" s="46">
        <v>0</v>
      </c>
      <c r="L5130" s="47">
        <v>28.6</v>
      </c>
    </row>
    <row r="5131" spans="1:12" x14ac:dyDescent="0.2">
      <c r="B5131" s="77"/>
      <c r="C5131" s="39" t="s">
        <v>66</v>
      </c>
      <c r="D5131" s="45">
        <v>9</v>
      </c>
      <c r="E5131" s="46">
        <v>33.299999999999997</v>
      </c>
      <c r="F5131" s="46">
        <v>33.299999999999997</v>
      </c>
      <c r="G5131" s="46">
        <v>11.1</v>
      </c>
      <c r="H5131" s="46">
        <v>0</v>
      </c>
      <c r="I5131" s="46">
        <v>0</v>
      </c>
      <c r="J5131" s="46">
        <v>0</v>
      </c>
      <c r="K5131" s="46">
        <v>0</v>
      </c>
      <c r="L5131" s="47">
        <v>22.2</v>
      </c>
    </row>
    <row r="5132" spans="1:12" x14ac:dyDescent="0.2">
      <c r="B5132" s="77"/>
      <c r="C5132" s="39" t="s">
        <v>67</v>
      </c>
      <c r="D5132" s="45">
        <v>3</v>
      </c>
      <c r="E5132" s="46">
        <v>66.7</v>
      </c>
      <c r="F5132" s="46">
        <v>0</v>
      </c>
      <c r="G5132" s="46">
        <v>0</v>
      </c>
      <c r="H5132" s="46">
        <v>0</v>
      </c>
      <c r="I5132" s="46">
        <v>0</v>
      </c>
      <c r="J5132" s="46">
        <v>0</v>
      </c>
      <c r="K5132" s="46">
        <v>0</v>
      </c>
      <c r="L5132" s="47">
        <v>33.299999999999997</v>
      </c>
    </row>
    <row r="5133" spans="1:12" x14ac:dyDescent="0.2">
      <c r="B5133" s="77"/>
      <c r="C5133" s="39" t="s">
        <v>68</v>
      </c>
      <c r="D5133" s="45">
        <v>30</v>
      </c>
      <c r="E5133" s="46">
        <v>60</v>
      </c>
      <c r="F5133" s="46">
        <v>13.3</v>
      </c>
      <c r="G5133" s="46">
        <v>3.3</v>
      </c>
      <c r="H5133" s="46">
        <v>0</v>
      </c>
      <c r="I5133" s="46">
        <v>0</v>
      </c>
      <c r="J5133" s="46">
        <v>0</v>
      </c>
      <c r="K5133" s="46">
        <v>0</v>
      </c>
      <c r="L5133" s="47">
        <v>23.3</v>
      </c>
    </row>
    <row r="5134" spans="1:12" x14ac:dyDescent="0.2">
      <c r="B5134" s="77"/>
      <c r="C5134" s="40" t="s">
        <v>69</v>
      </c>
      <c r="D5134" s="48">
        <v>9</v>
      </c>
      <c r="E5134" s="49">
        <v>44.4</v>
      </c>
      <c r="F5134" s="49">
        <v>11.1</v>
      </c>
      <c r="G5134" s="49">
        <v>0</v>
      </c>
      <c r="H5134" s="49">
        <v>0</v>
      </c>
      <c r="I5134" s="49">
        <v>0</v>
      </c>
      <c r="J5134" s="49">
        <v>0</v>
      </c>
      <c r="K5134" s="49">
        <v>0</v>
      </c>
      <c r="L5134" s="50">
        <v>44.4</v>
      </c>
    </row>
    <row r="5136" spans="1:12" x14ac:dyDescent="0.2">
      <c r="A5136" s="26" t="s">
        <v>25</v>
      </c>
      <c r="B5136" t="s">
        <v>35</v>
      </c>
      <c r="C5136" t="s">
        <v>35</v>
      </c>
    </row>
    <row r="5137" spans="1:25" x14ac:dyDescent="0.2">
      <c r="B5137" s="75" t="s">
        <v>218</v>
      </c>
      <c r="C5137" s="76"/>
      <c r="D5137" s="76"/>
      <c r="E5137" s="76"/>
      <c r="F5137" s="76"/>
      <c r="G5137" s="76"/>
      <c r="H5137" s="76"/>
      <c r="I5137" s="76"/>
      <c r="J5137" s="76"/>
      <c r="K5137" s="76"/>
      <c r="L5137" s="76"/>
      <c r="M5137" s="76"/>
      <c r="N5137" s="76"/>
      <c r="O5137" s="76"/>
      <c r="P5137" s="76"/>
      <c r="Q5137" s="76"/>
      <c r="R5137" s="76"/>
      <c r="S5137" s="76"/>
      <c r="T5137" s="76"/>
      <c r="U5137" s="76"/>
      <c r="V5137" s="76"/>
      <c r="W5137" s="76"/>
      <c r="X5137" s="76"/>
      <c r="Y5137" s="76"/>
    </row>
    <row r="5138" spans="1:25" s="32" customFormat="1" ht="90.45" customHeight="1" x14ac:dyDescent="0.15">
      <c r="A5138" s="31"/>
      <c r="D5138" s="33" t="s">
        <v>378</v>
      </c>
      <c r="E5138" s="36" t="s">
        <v>637</v>
      </c>
      <c r="F5138" s="55" t="s">
        <v>638</v>
      </c>
      <c r="G5138" s="37" t="s">
        <v>480</v>
      </c>
      <c r="H5138" s="35" t="s">
        <v>381</v>
      </c>
    </row>
    <row r="5139" spans="1:25" x14ac:dyDescent="0.2">
      <c r="B5139" s="5"/>
      <c r="C5139" s="41" t="s">
        <v>38</v>
      </c>
      <c r="D5139" s="42">
        <v>122</v>
      </c>
      <c r="E5139" s="43">
        <v>79.5</v>
      </c>
      <c r="F5139" s="43">
        <v>14.8</v>
      </c>
      <c r="G5139" s="44">
        <v>5.7</v>
      </c>
    </row>
    <row r="5140" spans="1:25" x14ac:dyDescent="0.2">
      <c r="B5140" s="77" t="s">
        <v>37</v>
      </c>
      <c r="C5140" s="39" t="s">
        <v>39</v>
      </c>
      <c r="D5140" s="45">
        <v>13</v>
      </c>
      <c r="E5140" s="46">
        <v>69.2</v>
      </c>
      <c r="F5140" s="46">
        <v>30.8</v>
      </c>
      <c r="G5140" s="47">
        <v>0</v>
      </c>
    </row>
    <row r="5141" spans="1:25" x14ac:dyDescent="0.2">
      <c r="B5141" s="77"/>
      <c r="C5141" s="39" t="s">
        <v>40</v>
      </c>
      <c r="D5141" s="45">
        <v>27</v>
      </c>
      <c r="E5141" s="46">
        <v>81.5</v>
      </c>
      <c r="F5141" s="46">
        <v>11.1</v>
      </c>
      <c r="G5141" s="47">
        <v>7.4</v>
      </c>
    </row>
    <row r="5142" spans="1:25" ht="21.6" x14ac:dyDescent="0.2">
      <c r="B5142" s="77"/>
      <c r="C5142" s="39" t="s">
        <v>41</v>
      </c>
      <c r="D5142" s="45">
        <v>2</v>
      </c>
      <c r="E5142" s="46">
        <v>100</v>
      </c>
      <c r="F5142" s="46">
        <v>0</v>
      </c>
      <c r="G5142" s="47">
        <v>0</v>
      </c>
    </row>
    <row r="5143" spans="1:25" ht="21.6" x14ac:dyDescent="0.2">
      <c r="B5143" s="77"/>
      <c r="C5143" s="39" t="s">
        <v>42</v>
      </c>
      <c r="D5143" s="45">
        <v>15</v>
      </c>
      <c r="E5143" s="46">
        <v>86.7</v>
      </c>
      <c r="F5143" s="46">
        <v>0</v>
      </c>
      <c r="G5143" s="47">
        <v>13.3</v>
      </c>
    </row>
    <row r="5144" spans="1:25" ht="21.6" x14ac:dyDescent="0.2">
      <c r="B5144" s="77"/>
      <c r="C5144" s="39" t="s">
        <v>43</v>
      </c>
      <c r="D5144" s="45">
        <v>17</v>
      </c>
      <c r="E5144" s="46">
        <v>70.599999999999994</v>
      </c>
      <c r="F5144" s="46">
        <v>17.600000000000001</v>
      </c>
      <c r="G5144" s="47">
        <v>11.8</v>
      </c>
    </row>
    <row r="5145" spans="1:25" ht="21.6" x14ac:dyDescent="0.2">
      <c r="B5145" s="77"/>
      <c r="C5145" s="39" t="s">
        <v>44</v>
      </c>
      <c r="D5145" s="45">
        <v>14</v>
      </c>
      <c r="E5145" s="46">
        <v>78.599999999999994</v>
      </c>
      <c r="F5145" s="46">
        <v>14.3</v>
      </c>
      <c r="G5145" s="47">
        <v>7.1</v>
      </c>
    </row>
    <row r="5146" spans="1:25" ht="21.6" x14ac:dyDescent="0.2">
      <c r="B5146" s="77"/>
      <c r="C5146" s="39" t="s">
        <v>45</v>
      </c>
      <c r="D5146" s="45">
        <v>34</v>
      </c>
      <c r="E5146" s="46">
        <v>82.4</v>
      </c>
      <c r="F5146" s="46">
        <v>17.600000000000001</v>
      </c>
      <c r="G5146" s="47">
        <v>0</v>
      </c>
    </row>
    <row r="5147" spans="1:25" ht="21.6" x14ac:dyDescent="0.2">
      <c r="B5147" s="77"/>
      <c r="C5147" s="39" t="s">
        <v>46</v>
      </c>
      <c r="D5147" s="45">
        <v>23</v>
      </c>
      <c r="E5147" s="46">
        <v>73.900000000000006</v>
      </c>
      <c r="F5147" s="46">
        <v>13</v>
      </c>
      <c r="G5147" s="47">
        <v>13</v>
      </c>
    </row>
    <row r="5148" spans="1:25" ht="21.6" x14ac:dyDescent="0.2">
      <c r="B5148" s="77"/>
      <c r="C5148" s="39" t="s">
        <v>47</v>
      </c>
      <c r="D5148" s="45">
        <v>32</v>
      </c>
      <c r="E5148" s="46">
        <v>90.6</v>
      </c>
      <c r="F5148" s="46">
        <v>6.3</v>
      </c>
      <c r="G5148" s="47">
        <v>3.1</v>
      </c>
    </row>
    <row r="5149" spans="1:25" ht="21.6" x14ac:dyDescent="0.2">
      <c r="B5149" s="77"/>
      <c r="C5149" s="39" t="s">
        <v>48</v>
      </c>
      <c r="D5149" s="45">
        <v>23</v>
      </c>
      <c r="E5149" s="46">
        <v>69.599999999999994</v>
      </c>
      <c r="F5149" s="46">
        <v>26.1</v>
      </c>
      <c r="G5149" s="47">
        <v>4.3</v>
      </c>
    </row>
    <row r="5150" spans="1:25" ht="21.6" x14ac:dyDescent="0.2">
      <c r="B5150" s="77"/>
      <c r="C5150" s="39" t="s">
        <v>49</v>
      </c>
      <c r="D5150" s="45">
        <v>16</v>
      </c>
      <c r="E5150" s="46">
        <v>81.3</v>
      </c>
      <c r="F5150" s="46">
        <v>12.5</v>
      </c>
      <c r="G5150" s="47">
        <v>6.3</v>
      </c>
    </row>
    <row r="5151" spans="1:25" ht="21.6" x14ac:dyDescent="0.2">
      <c r="B5151" s="77"/>
      <c r="C5151" s="39" t="s">
        <v>50</v>
      </c>
      <c r="D5151" s="45">
        <v>5</v>
      </c>
      <c r="E5151" s="46">
        <v>100</v>
      </c>
      <c r="F5151" s="46">
        <v>0</v>
      </c>
      <c r="G5151" s="47">
        <v>0</v>
      </c>
    </row>
    <row r="5152" spans="1:25" ht="21.6" x14ac:dyDescent="0.2">
      <c r="B5152" s="77"/>
      <c r="C5152" s="39" t="s">
        <v>51</v>
      </c>
      <c r="D5152" s="45">
        <v>10</v>
      </c>
      <c r="E5152" s="46">
        <v>80</v>
      </c>
      <c r="F5152" s="46">
        <v>10</v>
      </c>
      <c r="G5152" s="47">
        <v>10</v>
      </c>
    </row>
    <row r="5153" spans="1:25" ht="21.6" x14ac:dyDescent="0.2">
      <c r="B5153" s="77"/>
      <c r="C5153" s="39" t="s">
        <v>52</v>
      </c>
      <c r="D5153" s="45">
        <v>14</v>
      </c>
      <c r="E5153" s="46">
        <v>64.3</v>
      </c>
      <c r="F5153" s="46">
        <v>28.6</v>
      </c>
      <c r="G5153" s="47">
        <v>7.1</v>
      </c>
    </row>
    <row r="5154" spans="1:25" x14ac:dyDescent="0.2">
      <c r="B5154" s="77"/>
      <c r="C5154" s="39" t="s">
        <v>53</v>
      </c>
      <c r="D5154" s="45">
        <v>24</v>
      </c>
      <c r="E5154" s="46">
        <v>87.5</v>
      </c>
      <c r="F5154" s="46">
        <v>4.2</v>
      </c>
      <c r="G5154" s="47">
        <v>8.3000000000000007</v>
      </c>
    </row>
    <row r="5155" spans="1:25" ht="21.6" x14ac:dyDescent="0.2">
      <c r="B5155" s="77"/>
      <c r="C5155" s="39" t="s">
        <v>54</v>
      </c>
      <c r="D5155" s="45">
        <v>37</v>
      </c>
      <c r="E5155" s="46">
        <v>78.400000000000006</v>
      </c>
      <c r="F5155" s="46">
        <v>13.5</v>
      </c>
      <c r="G5155" s="47">
        <v>8.1</v>
      </c>
    </row>
    <row r="5156" spans="1:25" ht="21.6" x14ac:dyDescent="0.2">
      <c r="B5156" s="77"/>
      <c r="C5156" s="39" t="s">
        <v>55</v>
      </c>
      <c r="D5156" s="45">
        <v>45</v>
      </c>
      <c r="E5156" s="46">
        <v>82.2</v>
      </c>
      <c r="F5156" s="46">
        <v>15.6</v>
      </c>
      <c r="G5156" s="47">
        <v>2.2000000000000002</v>
      </c>
    </row>
    <row r="5157" spans="1:25" ht="21.6" x14ac:dyDescent="0.2">
      <c r="B5157" s="77"/>
      <c r="C5157" s="39" t="s">
        <v>56</v>
      </c>
      <c r="D5157" s="45">
        <v>65</v>
      </c>
      <c r="E5157" s="46">
        <v>84.6</v>
      </c>
      <c r="F5157" s="46">
        <v>7.7</v>
      </c>
      <c r="G5157" s="47">
        <v>7.7</v>
      </c>
    </row>
    <row r="5158" spans="1:25" x14ac:dyDescent="0.2">
      <c r="B5158" s="77"/>
      <c r="C5158" s="40" t="s">
        <v>57</v>
      </c>
      <c r="D5158" s="48">
        <v>45</v>
      </c>
      <c r="E5158" s="49">
        <v>73.3</v>
      </c>
      <c r="F5158" s="49">
        <v>24.4</v>
      </c>
      <c r="G5158" s="50">
        <v>2.2000000000000002</v>
      </c>
    </row>
    <row r="5159" spans="1:25" x14ac:dyDescent="0.2">
      <c r="B5159" s="7" t="s">
        <v>71</v>
      </c>
      <c r="C5159" s="4" t="s">
        <v>219</v>
      </c>
    </row>
    <row r="5160" spans="1:25" x14ac:dyDescent="0.2">
      <c r="B5160" s="4"/>
      <c r="C5160" s="4" t="s">
        <v>73</v>
      </c>
    </row>
    <row r="5162" spans="1:25" x14ac:dyDescent="0.2">
      <c r="C5162" t="s">
        <v>35</v>
      </c>
    </row>
    <row r="5163" spans="1:25" x14ac:dyDescent="0.2">
      <c r="B5163" s="75" t="s">
        <v>358</v>
      </c>
      <c r="C5163" s="76"/>
      <c r="D5163" s="76"/>
      <c r="E5163" s="76"/>
      <c r="F5163" s="76"/>
      <c r="G5163" s="76"/>
      <c r="H5163" s="76"/>
      <c r="I5163" s="76"/>
      <c r="J5163" s="76"/>
      <c r="K5163" s="76"/>
      <c r="L5163" s="76"/>
      <c r="M5163" s="76"/>
      <c r="N5163" s="76"/>
      <c r="O5163" s="76"/>
      <c r="P5163" s="76"/>
      <c r="Q5163" s="76"/>
      <c r="R5163" s="76"/>
      <c r="S5163" s="76"/>
      <c r="T5163" s="76"/>
      <c r="U5163" s="76"/>
      <c r="V5163" s="76"/>
      <c r="W5163" s="76"/>
      <c r="X5163" s="76"/>
      <c r="Y5163" s="76"/>
    </row>
    <row r="5164" spans="1:25" s="32" customFormat="1" ht="90.45" customHeight="1" x14ac:dyDescent="0.15">
      <c r="A5164" s="31"/>
      <c r="D5164" s="33" t="s">
        <v>378</v>
      </c>
      <c r="E5164" s="36" t="s">
        <v>637</v>
      </c>
      <c r="F5164" s="55" t="s">
        <v>638</v>
      </c>
      <c r="G5164" s="37" t="s">
        <v>480</v>
      </c>
      <c r="H5164" s="35" t="s">
        <v>381</v>
      </c>
    </row>
    <row r="5165" spans="1:25" ht="21.6" x14ac:dyDescent="0.2">
      <c r="B5165" s="77" t="s">
        <v>37</v>
      </c>
      <c r="C5165" s="38" t="s">
        <v>58</v>
      </c>
      <c r="D5165" s="51">
        <v>58</v>
      </c>
      <c r="E5165" s="52">
        <v>82.8</v>
      </c>
      <c r="F5165" s="52">
        <v>8.6</v>
      </c>
      <c r="G5165" s="53">
        <v>8.6</v>
      </c>
    </row>
    <row r="5166" spans="1:25" ht="21.6" x14ac:dyDescent="0.2">
      <c r="B5166" s="77"/>
      <c r="C5166" s="39" t="s">
        <v>59</v>
      </c>
      <c r="D5166" s="45">
        <v>64</v>
      </c>
      <c r="E5166" s="46">
        <v>76.599999999999994</v>
      </c>
      <c r="F5166" s="46">
        <v>20.3</v>
      </c>
      <c r="G5166" s="47">
        <v>3.1</v>
      </c>
    </row>
    <row r="5167" spans="1:25" x14ac:dyDescent="0.2">
      <c r="B5167" s="77"/>
      <c r="C5167" s="39" t="s">
        <v>60</v>
      </c>
      <c r="D5167" s="45">
        <v>81</v>
      </c>
      <c r="E5167" s="46">
        <v>79</v>
      </c>
      <c r="F5167" s="46">
        <v>13.6</v>
      </c>
      <c r="G5167" s="47">
        <v>7.4</v>
      </c>
    </row>
    <row r="5168" spans="1:25" x14ac:dyDescent="0.2">
      <c r="B5168" s="77"/>
      <c r="C5168" s="39" t="s">
        <v>61</v>
      </c>
      <c r="D5168" s="45">
        <v>41</v>
      </c>
      <c r="E5168" s="46">
        <v>80.5</v>
      </c>
      <c r="F5168" s="46">
        <v>17.100000000000001</v>
      </c>
      <c r="G5168" s="47">
        <v>2.4</v>
      </c>
    </row>
    <row r="5169" spans="2:7" x14ac:dyDescent="0.2">
      <c r="B5169" s="77"/>
      <c r="C5169" s="39" t="s">
        <v>62</v>
      </c>
      <c r="D5169" s="45">
        <v>83</v>
      </c>
      <c r="E5169" s="46">
        <v>81.900000000000006</v>
      </c>
      <c r="F5169" s="46">
        <v>12</v>
      </c>
      <c r="G5169" s="47">
        <v>6</v>
      </c>
    </row>
    <row r="5170" spans="2:7" ht="21.6" x14ac:dyDescent="0.2">
      <c r="B5170" s="77"/>
      <c r="C5170" s="39" t="s">
        <v>63</v>
      </c>
      <c r="D5170" s="45">
        <v>14</v>
      </c>
      <c r="E5170" s="46">
        <v>85.7</v>
      </c>
      <c r="F5170" s="46">
        <v>14.3</v>
      </c>
      <c r="G5170" s="47">
        <v>0</v>
      </c>
    </row>
    <row r="5171" spans="2:7" x14ac:dyDescent="0.2">
      <c r="B5171" s="77"/>
      <c r="C5171" s="39" t="s">
        <v>64</v>
      </c>
      <c r="D5171" s="45">
        <v>31</v>
      </c>
      <c r="E5171" s="46">
        <v>87.1</v>
      </c>
      <c r="F5171" s="46">
        <v>6.5</v>
      </c>
      <c r="G5171" s="47">
        <v>6.5</v>
      </c>
    </row>
    <row r="5172" spans="2:7" x14ac:dyDescent="0.2">
      <c r="B5172" s="77"/>
      <c r="C5172" s="39" t="s">
        <v>65</v>
      </c>
      <c r="D5172" s="45">
        <v>23</v>
      </c>
      <c r="E5172" s="46">
        <v>82.6</v>
      </c>
      <c r="F5172" s="46">
        <v>13</v>
      </c>
      <c r="G5172" s="47">
        <v>4.3</v>
      </c>
    </row>
    <row r="5173" spans="2:7" x14ac:dyDescent="0.2">
      <c r="B5173" s="77"/>
      <c r="C5173" s="39" t="s">
        <v>66</v>
      </c>
      <c r="D5173" s="45">
        <v>14</v>
      </c>
      <c r="E5173" s="46">
        <v>64.3</v>
      </c>
      <c r="F5173" s="46">
        <v>21.4</v>
      </c>
      <c r="G5173" s="47">
        <v>14.3</v>
      </c>
    </row>
    <row r="5174" spans="2:7" x14ac:dyDescent="0.2">
      <c r="B5174" s="77"/>
      <c r="C5174" s="39" t="s">
        <v>67</v>
      </c>
      <c r="D5174" s="45">
        <v>1</v>
      </c>
      <c r="E5174" s="46">
        <v>100</v>
      </c>
      <c r="F5174" s="46">
        <v>0</v>
      </c>
      <c r="G5174" s="47">
        <v>0</v>
      </c>
    </row>
    <row r="5175" spans="2:7" x14ac:dyDescent="0.2">
      <c r="B5175" s="77"/>
      <c r="C5175" s="39" t="s">
        <v>68</v>
      </c>
      <c r="D5175" s="45">
        <v>81</v>
      </c>
      <c r="E5175" s="46">
        <v>84</v>
      </c>
      <c r="F5175" s="46">
        <v>9.9</v>
      </c>
      <c r="G5175" s="47">
        <v>6.2</v>
      </c>
    </row>
    <row r="5176" spans="2:7" x14ac:dyDescent="0.2">
      <c r="B5176" s="77"/>
      <c r="C5176" s="39" t="s">
        <v>69</v>
      </c>
      <c r="D5176" s="45">
        <v>2</v>
      </c>
      <c r="E5176" s="46">
        <v>0</v>
      </c>
      <c r="F5176" s="46">
        <v>100</v>
      </c>
      <c r="G5176" s="47">
        <v>0</v>
      </c>
    </row>
    <row r="5177" spans="2:7" x14ac:dyDescent="0.2">
      <c r="B5177" s="77"/>
      <c r="C5177" s="39" t="s">
        <v>70</v>
      </c>
      <c r="D5177" s="45">
        <v>39</v>
      </c>
      <c r="E5177" s="46">
        <v>74.400000000000006</v>
      </c>
      <c r="F5177" s="46">
        <v>20.5</v>
      </c>
      <c r="G5177" s="47">
        <v>5.0999999999999996</v>
      </c>
    </row>
    <row r="5178" spans="2:7" ht="21.6" x14ac:dyDescent="0.2">
      <c r="B5178" s="77"/>
      <c r="C5178" s="39" t="s">
        <v>63</v>
      </c>
      <c r="D5178" s="45">
        <v>11</v>
      </c>
      <c r="E5178" s="46">
        <v>72.7</v>
      </c>
      <c r="F5178" s="46">
        <v>27.3</v>
      </c>
      <c r="G5178" s="47">
        <v>0</v>
      </c>
    </row>
    <row r="5179" spans="2:7" x14ac:dyDescent="0.2">
      <c r="B5179" s="77"/>
      <c r="C5179" s="39" t="s">
        <v>64</v>
      </c>
      <c r="D5179" s="45">
        <v>9</v>
      </c>
      <c r="E5179" s="46">
        <v>77.8</v>
      </c>
      <c r="F5179" s="46">
        <v>11.1</v>
      </c>
      <c r="G5179" s="47">
        <v>11.1</v>
      </c>
    </row>
    <row r="5180" spans="2:7" x14ac:dyDescent="0.2">
      <c r="B5180" s="77"/>
      <c r="C5180" s="39" t="s">
        <v>65</v>
      </c>
      <c r="D5180" s="45">
        <v>7</v>
      </c>
      <c r="E5180" s="46">
        <v>71.400000000000006</v>
      </c>
      <c r="F5180" s="46">
        <v>28.6</v>
      </c>
      <c r="G5180" s="47">
        <v>0</v>
      </c>
    </row>
    <row r="5181" spans="2:7" x14ac:dyDescent="0.2">
      <c r="B5181" s="77"/>
      <c r="C5181" s="39" t="s">
        <v>66</v>
      </c>
      <c r="D5181" s="45">
        <v>9</v>
      </c>
      <c r="E5181" s="46">
        <v>77.8</v>
      </c>
      <c r="F5181" s="46">
        <v>22.2</v>
      </c>
      <c r="G5181" s="47">
        <v>0</v>
      </c>
    </row>
    <row r="5182" spans="2:7" x14ac:dyDescent="0.2">
      <c r="B5182" s="77"/>
      <c r="C5182" s="39" t="s">
        <v>67</v>
      </c>
      <c r="D5182" s="45">
        <v>3</v>
      </c>
      <c r="E5182" s="46">
        <v>66.7</v>
      </c>
      <c r="F5182" s="46">
        <v>0</v>
      </c>
      <c r="G5182" s="47">
        <v>33.299999999999997</v>
      </c>
    </row>
    <row r="5183" spans="2:7" x14ac:dyDescent="0.2">
      <c r="B5183" s="77"/>
      <c r="C5183" s="39" t="s">
        <v>68</v>
      </c>
      <c r="D5183" s="45">
        <v>30</v>
      </c>
      <c r="E5183" s="46">
        <v>76.7</v>
      </c>
      <c r="F5183" s="46">
        <v>23.3</v>
      </c>
      <c r="G5183" s="47">
        <v>0</v>
      </c>
    </row>
    <row r="5184" spans="2:7" x14ac:dyDescent="0.2">
      <c r="B5184" s="77"/>
      <c r="C5184" s="40" t="s">
        <v>69</v>
      </c>
      <c r="D5184" s="48">
        <v>9</v>
      </c>
      <c r="E5184" s="49">
        <v>66.7</v>
      </c>
      <c r="F5184" s="49">
        <v>11.1</v>
      </c>
      <c r="G5184" s="50">
        <v>22.2</v>
      </c>
    </row>
    <row r="5185" spans="1:25" x14ac:dyDescent="0.2">
      <c r="B5185" s="7" t="s">
        <v>71</v>
      </c>
      <c r="C5185" s="4" t="s">
        <v>219</v>
      </c>
    </row>
    <row r="5186" spans="1:25" x14ac:dyDescent="0.2">
      <c r="B5186" s="4"/>
      <c r="C5186" s="4" t="s">
        <v>73</v>
      </c>
    </row>
    <row r="5188" spans="1:25" x14ac:dyDescent="0.2">
      <c r="A5188" s="26" t="s">
        <v>25</v>
      </c>
      <c r="B5188" t="s">
        <v>35</v>
      </c>
      <c r="C5188" t="s">
        <v>35</v>
      </c>
    </row>
    <row r="5189" spans="1:25" x14ac:dyDescent="0.2">
      <c r="B5189" s="75" t="s">
        <v>220</v>
      </c>
      <c r="C5189" s="76"/>
      <c r="D5189" s="76"/>
      <c r="E5189" s="76"/>
      <c r="F5189" s="76"/>
      <c r="G5189" s="76"/>
      <c r="H5189" s="76"/>
      <c r="I5189" s="76"/>
      <c r="J5189" s="76"/>
      <c r="K5189" s="76"/>
      <c r="L5189" s="76"/>
      <c r="M5189" s="76"/>
      <c r="N5189" s="76"/>
      <c r="O5189" s="76"/>
      <c r="P5189" s="76"/>
      <c r="Q5189" s="76"/>
      <c r="R5189" s="76"/>
      <c r="S5189" s="76"/>
      <c r="T5189" s="76"/>
      <c r="U5189" s="76"/>
      <c r="V5189" s="76"/>
      <c r="W5189" s="76"/>
      <c r="X5189" s="76"/>
      <c r="Y5189" s="76"/>
    </row>
    <row r="5190" spans="1:25" s="32" customFormat="1" ht="79.650000000000006" customHeight="1" x14ac:dyDescent="0.15">
      <c r="A5190" s="31"/>
      <c r="D5190" s="33" t="s">
        <v>378</v>
      </c>
      <c r="E5190" s="36" t="s">
        <v>639</v>
      </c>
      <c r="F5190" s="55" t="s">
        <v>640</v>
      </c>
      <c r="G5190" s="55" t="s">
        <v>641</v>
      </c>
      <c r="H5190" s="55" t="s">
        <v>624</v>
      </c>
      <c r="I5190" s="55" t="s">
        <v>625</v>
      </c>
      <c r="J5190" s="55" t="s">
        <v>642</v>
      </c>
      <c r="K5190" s="37" t="s">
        <v>467</v>
      </c>
      <c r="L5190" s="35" t="s">
        <v>381</v>
      </c>
    </row>
    <row r="5191" spans="1:25" x14ac:dyDescent="0.2">
      <c r="B5191" s="5"/>
      <c r="C5191" s="41" t="s">
        <v>38</v>
      </c>
      <c r="D5191" s="42">
        <v>97</v>
      </c>
      <c r="E5191" s="43">
        <v>23.7</v>
      </c>
      <c r="F5191" s="43">
        <v>8.1999999999999993</v>
      </c>
      <c r="G5191" s="43">
        <v>36.1</v>
      </c>
      <c r="H5191" s="43">
        <v>4.0999999999999996</v>
      </c>
      <c r="I5191" s="43">
        <v>4.0999999999999996</v>
      </c>
      <c r="J5191" s="43">
        <v>19.600000000000001</v>
      </c>
      <c r="K5191" s="44">
        <v>4.0999999999999996</v>
      </c>
    </row>
    <row r="5192" spans="1:25" x14ac:dyDescent="0.2">
      <c r="B5192" s="77" t="s">
        <v>37</v>
      </c>
      <c r="C5192" s="39" t="s">
        <v>39</v>
      </c>
      <c r="D5192" s="45">
        <v>9</v>
      </c>
      <c r="E5192" s="46">
        <v>44.4</v>
      </c>
      <c r="F5192" s="46">
        <v>22.2</v>
      </c>
      <c r="G5192" s="46">
        <v>33.299999999999997</v>
      </c>
      <c r="H5192" s="46">
        <v>0</v>
      </c>
      <c r="I5192" s="46">
        <v>0</v>
      </c>
      <c r="J5192" s="46">
        <v>0</v>
      </c>
      <c r="K5192" s="47">
        <v>0</v>
      </c>
    </row>
    <row r="5193" spans="1:25" x14ac:dyDescent="0.2">
      <c r="B5193" s="77"/>
      <c r="C5193" s="39" t="s">
        <v>40</v>
      </c>
      <c r="D5193" s="45">
        <v>22</v>
      </c>
      <c r="E5193" s="46">
        <v>27.3</v>
      </c>
      <c r="F5193" s="46">
        <v>9.1</v>
      </c>
      <c r="G5193" s="46">
        <v>31.8</v>
      </c>
      <c r="H5193" s="46">
        <v>4.5</v>
      </c>
      <c r="I5193" s="46">
        <v>0</v>
      </c>
      <c r="J5193" s="46">
        <v>22.7</v>
      </c>
      <c r="K5193" s="47">
        <v>4.5</v>
      </c>
    </row>
    <row r="5194" spans="1:25" ht="21.6" x14ac:dyDescent="0.2">
      <c r="B5194" s="77"/>
      <c r="C5194" s="39" t="s">
        <v>41</v>
      </c>
      <c r="D5194" s="45">
        <v>2</v>
      </c>
      <c r="E5194" s="46">
        <v>50</v>
      </c>
      <c r="F5194" s="46">
        <v>0</v>
      </c>
      <c r="G5194" s="46">
        <v>50</v>
      </c>
      <c r="H5194" s="46">
        <v>0</v>
      </c>
      <c r="I5194" s="46">
        <v>0</v>
      </c>
      <c r="J5194" s="46">
        <v>0</v>
      </c>
      <c r="K5194" s="47">
        <v>0</v>
      </c>
    </row>
    <row r="5195" spans="1:25" ht="21.6" x14ac:dyDescent="0.2">
      <c r="B5195" s="77"/>
      <c r="C5195" s="39" t="s">
        <v>42</v>
      </c>
      <c r="D5195" s="45">
        <v>13</v>
      </c>
      <c r="E5195" s="46">
        <v>23.1</v>
      </c>
      <c r="F5195" s="46">
        <v>7.7</v>
      </c>
      <c r="G5195" s="46">
        <v>23.1</v>
      </c>
      <c r="H5195" s="46">
        <v>0</v>
      </c>
      <c r="I5195" s="46">
        <v>0</v>
      </c>
      <c r="J5195" s="46">
        <v>30.8</v>
      </c>
      <c r="K5195" s="47">
        <v>15.4</v>
      </c>
    </row>
    <row r="5196" spans="1:25" ht="21.6" x14ac:dyDescent="0.2">
      <c r="B5196" s="77"/>
      <c r="C5196" s="39" t="s">
        <v>43</v>
      </c>
      <c r="D5196" s="45">
        <v>12</v>
      </c>
      <c r="E5196" s="46">
        <v>41.7</v>
      </c>
      <c r="F5196" s="46">
        <v>0</v>
      </c>
      <c r="G5196" s="46">
        <v>33.299999999999997</v>
      </c>
      <c r="H5196" s="46">
        <v>0</v>
      </c>
      <c r="I5196" s="46">
        <v>8.3000000000000007</v>
      </c>
      <c r="J5196" s="46">
        <v>8.3000000000000007</v>
      </c>
      <c r="K5196" s="47">
        <v>8.3000000000000007</v>
      </c>
    </row>
    <row r="5197" spans="1:25" ht="21.6" x14ac:dyDescent="0.2">
      <c r="B5197" s="77"/>
      <c r="C5197" s="39" t="s">
        <v>44</v>
      </c>
      <c r="D5197" s="45">
        <v>11</v>
      </c>
      <c r="E5197" s="46">
        <v>9.1</v>
      </c>
      <c r="F5197" s="46">
        <v>18.2</v>
      </c>
      <c r="G5197" s="46">
        <v>27.3</v>
      </c>
      <c r="H5197" s="46">
        <v>9.1</v>
      </c>
      <c r="I5197" s="46">
        <v>9.1</v>
      </c>
      <c r="J5197" s="46">
        <v>27.3</v>
      </c>
      <c r="K5197" s="47">
        <v>0</v>
      </c>
    </row>
    <row r="5198" spans="1:25" ht="21.6" x14ac:dyDescent="0.2">
      <c r="B5198" s="77"/>
      <c r="C5198" s="39" t="s">
        <v>45</v>
      </c>
      <c r="D5198" s="45">
        <v>28</v>
      </c>
      <c r="E5198" s="46">
        <v>10.7</v>
      </c>
      <c r="F5198" s="46">
        <v>3.6</v>
      </c>
      <c r="G5198" s="46">
        <v>50</v>
      </c>
      <c r="H5198" s="46">
        <v>7.1</v>
      </c>
      <c r="I5198" s="46">
        <v>7.1</v>
      </c>
      <c r="J5198" s="46">
        <v>21.4</v>
      </c>
      <c r="K5198" s="47">
        <v>0</v>
      </c>
    </row>
    <row r="5199" spans="1:25" ht="21.6" x14ac:dyDescent="0.2">
      <c r="B5199" s="77"/>
      <c r="C5199" s="39" t="s">
        <v>46</v>
      </c>
      <c r="D5199" s="45">
        <v>17</v>
      </c>
      <c r="E5199" s="46">
        <v>11.8</v>
      </c>
      <c r="F5199" s="46">
        <v>5.9</v>
      </c>
      <c r="G5199" s="46">
        <v>64.7</v>
      </c>
      <c r="H5199" s="46">
        <v>0</v>
      </c>
      <c r="I5199" s="46">
        <v>0</v>
      </c>
      <c r="J5199" s="46">
        <v>11.8</v>
      </c>
      <c r="K5199" s="47">
        <v>5.9</v>
      </c>
    </row>
    <row r="5200" spans="1:25" ht="21.6" x14ac:dyDescent="0.2">
      <c r="B5200" s="77"/>
      <c r="C5200" s="39" t="s">
        <v>47</v>
      </c>
      <c r="D5200" s="45">
        <v>29</v>
      </c>
      <c r="E5200" s="46">
        <v>37.9</v>
      </c>
      <c r="F5200" s="46">
        <v>10.3</v>
      </c>
      <c r="G5200" s="46">
        <v>20.7</v>
      </c>
      <c r="H5200" s="46">
        <v>0</v>
      </c>
      <c r="I5200" s="46">
        <v>3.4</v>
      </c>
      <c r="J5200" s="46">
        <v>24.1</v>
      </c>
      <c r="K5200" s="47">
        <v>3.4</v>
      </c>
    </row>
    <row r="5201" spans="1:25" ht="21.6" x14ac:dyDescent="0.2">
      <c r="B5201" s="77"/>
      <c r="C5201" s="39" t="s">
        <v>48</v>
      </c>
      <c r="D5201" s="45">
        <v>16</v>
      </c>
      <c r="E5201" s="46">
        <v>18.8</v>
      </c>
      <c r="F5201" s="46">
        <v>0</v>
      </c>
      <c r="G5201" s="46">
        <v>50</v>
      </c>
      <c r="H5201" s="46">
        <v>6.3</v>
      </c>
      <c r="I5201" s="46">
        <v>6.3</v>
      </c>
      <c r="J5201" s="46">
        <v>12.5</v>
      </c>
      <c r="K5201" s="47">
        <v>6.3</v>
      </c>
    </row>
    <row r="5202" spans="1:25" ht="21.6" x14ac:dyDescent="0.2">
      <c r="B5202" s="77"/>
      <c r="C5202" s="39" t="s">
        <v>49</v>
      </c>
      <c r="D5202" s="45">
        <v>13</v>
      </c>
      <c r="E5202" s="46">
        <v>7.7</v>
      </c>
      <c r="F5202" s="46">
        <v>7.7</v>
      </c>
      <c r="G5202" s="46">
        <v>23.1</v>
      </c>
      <c r="H5202" s="46">
        <v>7.7</v>
      </c>
      <c r="I5202" s="46">
        <v>0</v>
      </c>
      <c r="J5202" s="46">
        <v>46.2</v>
      </c>
      <c r="K5202" s="47">
        <v>7.7</v>
      </c>
    </row>
    <row r="5203" spans="1:25" ht="21.6" x14ac:dyDescent="0.2">
      <c r="B5203" s="77"/>
      <c r="C5203" s="39" t="s">
        <v>50</v>
      </c>
      <c r="D5203" s="45">
        <v>5</v>
      </c>
      <c r="E5203" s="46">
        <v>20</v>
      </c>
      <c r="F5203" s="46">
        <v>20</v>
      </c>
      <c r="G5203" s="46">
        <v>20</v>
      </c>
      <c r="H5203" s="46">
        <v>0</v>
      </c>
      <c r="I5203" s="46">
        <v>20</v>
      </c>
      <c r="J5203" s="46">
        <v>20</v>
      </c>
      <c r="K5203" s="47">
        <v>0</v>
      </c>
    </row>
    <row r="5204" spans="1:25" ht="21.6" x14ac:dyDescent="0.2">
      <c r="B5204" s="77"/>
      <c r="C5204" s="39" t="s">
        <v>51</v>
      </c>
      <c r="D5204" s="45">
        <v>8</v>
      </c>
      <c r="E5204" s="46">
        <v>37.5</v>
      </c>
      <c r="F5204" s="46">
        <v>12.5</v>
      </c>
      <c r="G5204" s="46">
        <v>37.5</v>
      </c>
      <c r="H5204" s="46">
        <v>12.5</v>
      </c>
      <c r="I5204" s="46">
        <v>0</v>
      </c>
      <c r="J5204" s="46">
        <v>0</v>
      </c>
      <c r="K5204" s="47">
        <v>0</v>
      </c>
    </row>
    <row r="5205" spans="1:25" ht="21.6" x14ac:dyDescent="0.2">
      <c r="B5205" s="77"/>
      <c r="C5205" s="39" t="s">
        <v>52</v>
      </c>
      <c r="D5205" s="45">
        <v>9</v>
      </c>
      <c r="E5205" s="46">
        <v>22.2</v>
      </c>
      <c r="F5205" s="46">
        <v>33.299999999999997</v>
      </c>
      <c r="G5205" s="46">
        <v>22.2</v>
      </c>
      <c r="H5205" s="46">
        <v>0</v>
      </c>
      <c r="I5205" s="46">
        <v>0</v>
      </c>
      <c r="J5205" s="46">
        <v>11.1</v>
      </c>
      <c r="K5205" s="47">
        <v>11.1</v>
      </c>
    </row>
    <row r="5206" spans="1:25" x14ac:dyDescent="0.2">
      <c r="B5206" s="77"/>
      <c r="C5206" s="39" t="s">
        <v>53</v>
      </c>
      <c r="D5206" s="45">
        <v>21</v>
      </c>
      <c r="E5206" s="46">
        <v>38.1</v>
      </c>
      <c r="F5206" s="46">
        <v>0</v>
      </c>
      <c r="G5206" s="46">
        <v>28.6</v>
      </c>
      <c r="H5206" s="46">
        <v>0</v>
      </c>
      <c r="I5206" s="46">
        <v>14.3</v>
      </c>
      <c r="J5206" s="46">
        <v>19</v>
      </c>
      <c r="K5206" s="47">
        <v>0</v>
      </c>
    </row>
    <row r="5207" spans="1:25" ht="21.6" x14ac:dyDescent="0.2">
      <c r="B5207" s="77"/>
      <c r="C5207" s="39" t="s">
        <v>54</v>
      </c>
      <c r="D5207" s="45">
        <v>29</v>
      </c>
      <c r="E5207" s="46">
        <v>20.7</v>
      </c>
      <c r="F5207" s="46">
        <v>3.4</v>
      </c>
      <c r="G5207" s="46">
        <v>48.3</v>
      </c>
      <c r="H5207" s="46">
        <v>6.9</v>
      </c>
      <c r="I5207" s="46">
        <v>3.4</v>
      </c>
      <c r="J5207" s="46">
        <v>13.8</v>
      </c>
      <c r="K5207" s="47">
        <v>3.4</v>
      </c>
    </row>
    <row r="5208" spans="1:25" ht="21.6" x14ac:dyDescent="0.2">
      <c r="B5208" s="77"/>
      <c r="C5208" s="39" t="s">
        <v>55</v>
      </c>
      <c r="D5208" s="45">
        <v>37</v>
      </c>
      <c r="E5208" s="46">
        <v>18.899999999999999</v>
      </c>
      <c r="F5208" s="46">
        <v>10.8</v>
      </c>
      <c r="G5208" s="46">
        <v>35.1</v>
      </c>
      <c r="H5208" s="46">
        <v>5.4</v>
      </c>
      <c r="I5208" s="46">
        <v>0</v>
      </c>
      <c r="J5208" s="46">
        <v>24.3</v>
      </c>
      <c r="K5208" s="47">
        <v>5.4</v>
      </c>
    </row>
    <row r="5209" spans="1:25" ht="21.6" x14ac:dyDescent="0.2">
      <c r="B5209" s="77"/>
      <c r="C5209" s="39" t="s">
        <v>56</v>
      </c>
      <c r="D5209" s="45">
        <v>55</v>
      </c>
      <c r="E5209" s="46">
        <v>25.5</v>
      </c>
      <c r="F5209" s="46">
        <v>9.1</v>
      </c>
      <c r="G5209" s="46">
        <v>34.5</v>
      </c>
      <c r="H5209" s="46">
        <v>5.5</v>
      </c>
      <c r="I5209" s="46">
        <v>1.8</v>
      </c>
      <c r="J5209" s="46">
        <v>20</v>
      </c>
      <c r="K5209" s="47">
        <v>3.6</v>
      </c>
    </row>
    <row r="5210" spans="1:25" x14ac:dyDescent="0.2">
      <c r="B5210" s="77"/>
      <c r="C5210" s="40" t="s">
        <v>57</v>
      </c>
      <c r="D5210" s="48">
        <v>33</v>
      </c>
      <c r="E5210" s="49">
        <v>27.3</v>
      </c>
      <c r="F5210" s="49">
        <v>9.1</v>
      </c>
      <c r="G5210" s="49">
        <v>36.4</v>
      </c>
      <c r="H5210" s="49">
        <v>3</v>
      </c>
      <c r="I5210" s="49">
        <v>3</v>
      </c>
      <c r="J5210" s="49">
        <v>18.2</v>
      </c>
      <c r="K5210" s="50">
        <v>3</v>
      </c>
    </row>
    <row r="5211" spans="1:25" x14ac:dyDescent="0.2">
      <c r="B5211" s="7" t="s">
        <v>71</v>
      </c>
      <c r="C5211" s="4" t="s">
        <v>221</v>
      </c>
    </row>
    <row r="5212" spans="1:25" x14ac:dyDescent="0.2">
      <c r="B5212" s="4"/>
      <c r="C5212" s="4" t="s">
        <v>73</v>
      </c>
    </row>
    <row r="5214" spans="1:25" x14ac:dyDescent="0.2">
      <c r="C5214" t="s">
        <v>35</v>
      </c>
    </row>
    <row r="5215" spans="1:25" x14ac:dyDescent="0.2">
      <c r="B5215" s="75" t="s">
        <v>359</v>
      </c>
      <c r="C5215" s="76"/>
      <c r="D5215" s="76"/>
      <c r="E5215" s="76"/>
      <c r="F5215" s="76"/>
      <c r="G5215" s="76"/>
      <c r="H5215" s="76"/>
      <c r="I5215" s="76"/>
      <c r="J5215" s="76"/>
      <c r="K5215" s="76"/>
      <c r="L5215" s="76"/>
      <c r="M5215" s="76"/>
      <c r="N5215" s="76"/>
      <c r="O5215" s="76"/>
      <c r="P5215" s="76"/>
      <c r="Q5215" s="76"/>
      <c r="R5215" s="76"/>
      <c r="S5215" s="76"/>
      <c r="T5215" s="76"/>
      <c r="U5215" s="76"/>
      <c r="V5215" s="76"/>
      <c r="W5215" s="76"/>
      <c r="X5215" s="76"/>
      <c r="Y5215" s="76"/>
    </row>
    <row r="5216" spans="1:25" s="32" customFormat="1" ht="79.650000000000006" customHeight="1" x14ac:dyDescent="0.15">
      <c r="A5216" s="31"/>
      <c r="D5216" s="33" t="s">
        <v>378</v>
      </c>
      <c r="E5216" s="36" t="s">
        <v>639</v>
      </c>
      <c r="F5216" s="55" t="s">
        <v>640</v>
      </c>
      <c r="G5216" s="55" t="s">
        <v>641</v>
      </c>
      <c r="H5216" s="55" t="s">
        <v>624</v>
      </c>
      <c r="I5216" s="55" t="s">
        <v>625</v>
      </c>
      <c r="J5216" s="55" t="s">
        <v>642</v>
      </c>
      <c r="K5216" s="37" t="s">
        <v>467</v>
      </c>
      <c r="L5216" s="35" t="s">
        <v>381</v>
      </c>
    </row>
    <row r="5217" spans="2:11" ht="21.6" x14ac:dyDescent="0.2">
      <c r="B5217" s="77" t="s">
        <v>37</v>
      </c>
      <c r="C5217" s="38" t="s">
        <v>58</v>
      </c>
      <c r="D5217" s="51">
        <v>48</v>
      </c>
      <c r="E5217" s="52">
        <v>25</v>
      </c>
      <c r="F5217" s="52">
        <v>8.3000000000000007</v>
      </c>
      <c r="G5217" s="52">
        <v>33.299999999999997</v>
      </c>
      <c r="H5217" s="52">
        <v>4.2</v>
      </c>
      <c r="I5217" s="52">
        <v>2.1</v>
      </c>
      <c r="J5217" s="52">
        <v>22.9</v>
      </c>
      <c r="K5217" s="53">
        <v>4.2</v>
      </c>
    </row>
    <row r="5218" spans="2:11" ht="21.6" x14ac:dyDescent="0.2">
      <c r="B5218" s="77"/>
      <c r="C5218" s="39" t="s">
        <v>59</v>
      </c>
      <c r="D5218" s="45">
        <v>49</v>
      </c>
      <c r="E5218" s="46">
        <v>22.4</v>
      </c>
      <c r="F5218" s="46">
        <v>8.1999999999999993</v>
      </c>
      <c r="G5218" s="46">
        <v>38.799999999999997</v>
      </c>
      <c r="H5218" s="46">
        <v>4.0999999999999996</v>
      </c>
      <c r="I5218" s="46">
        <v>6.1</v>
      </c>
      <c r="J5218" s="46">
        <v>16.3</v>
      </c>
      <c r="K5218" s="47">
        <v>4.0999999999999996</v>
      </c>
    </row>
    <row r="5219" spans="2:11" x14ac:dyDescent="0.2">
      <c r="B5219" s="77"/>
      <c r="C5219" s="39" t="s">
        <v>60</v>
      </c>
      <c r="D5219" s="45">
        <v>64</v>
      </c>
      <c r="E5219" s="46">
        <v>25</v>
      </c>
      <c r="F5219" s="46">
        <v>9.4</v>
      </c>
      <c r="G5219" s="46">
        <v>32.799999999999997</v>
      </c>
      <c r="H5219" s="46">
        <v>3.1</v>
      </c>
      <c r="I5219" s="46">
        <v>6.3</v>
      </c>
      <c r="J5219" s="46">
        <v>18.8</v>
      </c>
      <c r="K5219" s="47">
        <v>4.7</v>
      </c>
    </row>
    <row r="5220" spans="2:11" x14ac:dyDescent="0.2">
      <c r="B5220" s="77"/>
      <c r="C5220" s="39" t="s">
        <v>61</v>
      </c>
      <c r="D5220" s="45">
        <v>33</v>
      </c>
      <c r="E5220" s="46">
        <v>21.2</v>
      </c>
      <c r="F5220" s="46">
        <v>6.1</v>
      </c>
      <c r="G5220" s="46">
        <v>42.4</v>
      </c>
      <c r="H5220" s="46">
        <v>6.1</v>
      </c>
      <c r="I5220" s="46">
        <v>0</v>
      </c>
      <c r="J5220" s="46">
        <v>21.2</v>
      </c>
      <c r="K5220" s="47">
        <v>3</v>
      </c>
    </row>
    <row r="5221" spans="2:11" x14ac:dyDescent="0.2">
      <c r="B5221" s="77"/>
      <c r="C5221" s="39" t="s">
        <v>62</v>
      </c>
      <c r="D5221" s="45">
        <v>68</v>
      </c>
      <c r="E5221" s="46">
        <v>29.4</v>
      </c>
      <c r="F5221" s="46">
        <v>10.3</v>
      </c>
      <c r="G5221" s="46">
        <v>38.200000000000003</v>
      </c>
      <c r="H5221" s="46">
        <v>2.9</v>
      </c>
      <c r="I5221" s="46">
        <v>0</v>
      </c>
      <c r="J5221" s="46">
        <v>17.600000000000001</v>
      </c>
      <c r="K5221" s="47">
        <v>1.5</v>
      </c>
    </row>
    <row r="5222" spans="2:11" ht="21.6" x14ac:dyDescent="0.2">
      <c r="B5222" s="77"/>
      <c r="C5222" s="39" t="s">
        <v>63</v>
      </c>
      <c r="D5222" s="45">
        <v>12</v>
      </c>
      <c r="E5222" s="46">
        <v>25</v>
      </c>
      <c r="F5222" s="46">
        <v>0</v>
      </c>
      <c r="G5222" s="46">
        <v>58.3</v>
      </c>
      <c r="H5222" s="46">
        <v>0</v>
      </c>
      <c r="I5222" s="46">
        <v>0</v>
      </c>
      <c r="J5222" s="46">
        <v>16.7</v>
      </c>
      <c r="K5222" s="47">
        <v>0</v>
      </c>
    </row>
    <row r="5223" spans="2:11" x14ac:dyDescent="0.2">
      <c r="B5223" s="77"/>
      <c r="C5223" s="39" t="s">
        <v>64</v>
      </c>
      <c r="D5223" s="45">
        <v>27</v>
      </c>
      <c r="E5223" s="46">
        <v>33.299999999999997</v>
      </c>
      <c r="F5223" s="46">
        <v>14.8</v>
      </c>
      <c r="G5223" s="46">
        <v>25.9</v>
      </c>
      <c r="H5223" s="46">
        <v>0</v>
      </c>
      <c r="I5223" s="46">
        <v>0</v>
      </c>
      <c r="J5223" s="46">
        <v>22.2</v>
      </c>
      <c r="K5223" s="47">
        <v>3.7</v>
      </c>
    </row>
    <row r="5224" spans="2:11" x14ac:dyDescent="0.2">
      <c r="B5224" s="77"/>
      <c r="C5224" s="39" t="s">
        <v>65</v>
      </c>
      <c r="D5224" s="45">
        <v>19</v>
      </c>
      <c r="E5224" s="46">
        <v>36.799999999999997</v>
      </c>
      <c r="F5224" s="46">
        <v>0</v>
      </c>
      <c r="G5224" s="46">
        <v>42.1</v>
      </c>
      <c r="H5224" s="46">
        <v>10.5</v>
      </c>
      <c r="I5224" s="46">
        <v>0</v>
      </c>
      <c r="J5224" s="46">
        <v>10.5</v>
      </c>
      <c r="K5224" s="47">
        <v>0</v>
      </c>
    </row>
    <row r="5225" spans="2:11" x14ac:dyDescent="0.2">
      <c r="B5225" s="77"/>
      <c r="C5225" s="39" t="s">
        <v>66</v>
      </c>
      <c r="D5225" s="45">
        <v>9</v>
      </c>
      <c r="E5225" s="46">
        <v>11.1</v>
      </c>
      <c r="F5225" s="46">
        <v>33.299999999999997</v>
      </c>
      <c r="G5225" s="46">
        <v>44.4</v>
      </c>
      <c r="H5225" s="46">
        <v>0</v>
      </c>
      <c r="I5225" s="46">
        <v>0</v>
      </c>
      <c r="J5225" s="46">
        <v>11.1</v>
      </c>
      <c r="K5225" s="47">
        <v>0</v>
      </c>
    </row>
    <row r="5226" spans="2:11" x14ac:dyDescent="0.2">
      <c r="B5226" s="77"/>
      <c r="C5226" s="39" t="s">
        <v>67</v>
      </c>
      <c r="D5226" s="45">
        <v>1</v>
      </c>
      <c r="E5226" s="46">
        <v>0</v>
      </c>
      <c r="F5226" s="46">
        <v>0</v>
      </c>
      <c r="G5226" s="46">
        <v>0</v>
      </c>
      <c r="H5226" s="46">
        <v>0</v>
      </c>
      <c r="I5226" s="46">
        <v>0</v>
      </c>
      <c r="J5226" s="46">
        <v>100</v>
      </c>
      <c r="K5226" s="47">
        <v>0</v>
      </c>
    </row>
    <row r="5227" spans="2:11" x14ac:dyDescent="0.2">
      <c r="B5227" s="77"/>
      <c r="C5227" s="39" t="s">
        <v>68</v>
      </c>
      <c r="D5227" s="45">
        <v>68</v>
      </c>
      <c r="E5227" s="46">
        <v>29.4</v>
      </c>
      <c r="F5227" s="46">
        <v>10.3</v>
      </c>
      <c r="G5227" s="46">
        <v>38.200000000000003</v>
      </c>
      <c r="H5227" s="46">
        <v>2.9</v>
      </c>
      <c r="I5227" s="46">
        <v>0</v>
      </c>
      <c r="J5227" s="46">
        <v>17.600000000000001</v>
      </c>
      <c r="K5227" s="47">
        <v>1.5</v>
      </c>
    </row>
    <row r="5228" spans="2:11" x14ac:dyDescent="0.2">
      <c r="B5228" s="77"/>
      <c r="C5228" s="39" t="s">
        <v>70</v>
      </c>
      <c r="D5228" s="45">
        <v>29</v>
      </c>
      <c r="E5228" s="46">
        <v>10.3</v>
      </c>
      <c r="F5228" s="46">
        <v>3.4</v>
      </c>
      <c r="G5228" s="46">
        <v>31</v>
      </c>
      <c r="H5228" s="46">
        <v>6.9</v>
      </c>
      <c r="I5228" s="46">
        <v>13.8</v>
      </c>
      <c r="J5228" s="46">
        <v>24.1</v>
      </c>
      <c r="K5228" s="47">
        <v>10.3</v>
      </c>
    </row>
    <row r="5229" spans="2:11" ht="21.6" x14ac:dyDescent="0.2">
      <c r="B5229" s="77"/>
      <c r="C5229" s="39" t="s">
        <v>63</v>
      </c>
      <c r="D5229" s="45">
        <v>8</v>
      </c>
      <c r="E5229" s="46">
        <v>0</v>
      </c>
      <c r="F5229" s="46">
        <v>0</v>
      </c>
      <c r="G5229" s="46">
        <v>37.5</v>
      </c>
      <c r="H5229" s="46">
        <v>0</v>
      </c>
      <c r="I5229" s="46">
        <v>12.5</v>
      </c>
      <c r="J5229" s="46">
        <v>37.5</v>
      </c>
      <c r="K5229" s="47">
        <v>12.5</v>
      </c>
    </row>
    <row r="5230" spans="2:11" x14ac:dyDescent="0.2">
      <c r="B5230" s="77"/>
      <c r="C5230" s="39" t="s">
        <v>64</v>
      </c>
      <c r="D5230" s="45">
        <v>7</v>
      </c>
      <c r="E5230" s="46">
        <v>28.6</v>
      </c>
      <c r="F5230" s="46">
        <v>0</v>
      </c>
      <c r="G5230" s="46">
        <v>0</v>
      </c>
      <c r="H5230" s="46">
        <v>14.3</v>
      </c>
      <c r="I5230" s="46">
        <v>14.3</v>
      </c>
      <c r="J5230" s="46">
        <v>14.3</v>
      </c>
      <c r="K5230" s="47">
        <v>28.6</v>
      </c>
    </row>
    <row r="5231" spans="2:11" x14ac:dyDescent="0.2">
      <c r="B5231" s="77"/>
      <c r="C5231" s="39" t="s">
        <v>65</v>
      </c>
      <c r="D5231" s="45">
        <v>5</v>
      </c>
      <c r="E5231" s="46">
        <v>20</v>
      </c>
      <c r="F5231" s="46">
        <v>0</v>
      </c>
      <c r="G5231" s="46">
        <v>40</v>
      </c>
      <c r="H5231" s="46">
        <v>20</v>
      </c>
      <c r="I5231" s="46">
        <v>20</v>
      </c>
      <c r="J5231" s="46">
        <v>0</v>
      </c>
      <c r="K5231" s="47">
        <v>0</v>
      </c>
    </row>
    <row r="5232" spans="2:11" x14ac:dyDescent="0.2">
      <c r="B5232" s="77"/>
      <c r="C5232" s="39" t="s">
        <v>66</v>
      </c>
      <c r="D5232" s="45">
        <v>7</v>
      </c>
      <c r="E5232" s="46">
        <v>0</v>
      </c>
      <c r="F5232" s="46">
        <v>14.3</v>
      </c>
      <c r="G5232" s="46">
        <v>57.1</v>
      </c>
      <c r="H5232" s="46">
        <v>0</v>
      </c>
      <c r="I5232" s="46">
        <v>0</v>
      </c>
      <c r="J5232" s="46">
        <v>28.6</v>
      </c>
      <c r="K5232" s="47">
        <v>0</v>
      </c>
    </row>
    <row r="5233" spans="1:25" x14ac:dyDescent="0.2">
      <c r="B5233" s="77"/>
      <c r="C5233" s="39" t="s">
        <v>67</v>
      </c>
      <c r="D5233" s="45">
        <v>2</v>
      </c>
      <c r="E5233" s="46">
        <v>0</v>
      </c>
      <c r="F5233" s="46">
        <v>0</v>
      </c>
      <c r="G5233" s="46">
        <v>0</v>
      </c>
      <c r="H5233" s="46">
        <v>0</v>
      </c>
      <c r="I5233" s="46">
        <v>50</v>
      </c>
      <c r="J5233" s="46">
        <v>50</v>
      </c>
      <c r="K5233" s="47">
        <v>0</v>
      </c>
    </row>
    <row r="5234" spans="1:25" x14ac:dyDescent="0.2">
      <c r="B5234" s="77"/>
      <c r="C5234" s="39" t="s">
        <v>68</v>
      </c>
      <c r="D5234" s="45">
        <v>23</v>
      </c>
      <c r="E5234" s="46">
        <v>4.3</v>
      </c>
      <c r="F5234" s="46">
        <v>4.3</v>
      </c>
      <c r="G5234" s="46">
        <v>30.4</v>
      </c>
      <c r="H5234" s="46">
        <v>8.6999999999999993</v>
      </c>
      <c r="I5234" s="46">
        <v>13</v>
      </c>
      <c r="J5234" s="46">
        <v>26.1</v>
      </c>
      <c r="K5234" s="47">
        <v>13</v>
      </c>
    </row>
    <row r="5235" spans="1:25" x14ac:dyDescent="0.2">
      <c r="B5235" s="77"/>
      <c r="C5235" s="40" t="s">
        <v>69</v>
      </c>
      <c r="D5235" s="48">
        <v>6</v>
      </c>
      <c r="E5235" s="49">
        <v>33.299999999999997</v>
      </c>
      <c r="F5235" s="49">
        <v>0</v>
      </c>
      <c r="G5235" s="49">
        <v>33.299999999999997</v>
      </c>
      <c r="H5235" s="49">
        <v>0</v>
      </c>
      <c r="I5235" s="49">
        <v>16.7</v>
      </c>
      <c r="J5235" s="49">
        <v>16.7</v>
      </c>
      <c r="K5235" s="50">
        <v>0</v>
      </c>
    </row>
    <row r="5236" spans="1:25" x14ac:dyDescent="0.2">
      <c r="B5236" s="7" t="s">
        <v>71</v>
      </c>
      <c r="C5236" s="4" t="s">
        <v>221</v>
      </c>
    </row>
    <row r="5237" spans="1:25" x14ac:dyDescent="0.2">
      <c r="B5237" s="4"/>
      <c r="C5237" s="4" t="s">
        <v>73</v>
      </c>
    </row>
    <row r="5239" spans="1:25" x14ac:dyDescent="0.2">
      <c r="A5239" s="26" t="s">
        <v>25</v>
      </c>
      <c r="B5239" t="s">
        <v>35</v>
      </c>
      <c r="C5239" t="s">
        <v>35</v>
      </c>
    </row>
    <row r="5240" spans="1:25" x14ac:dyDescent="0.2">
      <c r="B5240" s="75" t="s">
        <v>222</v>
      </c>
      <c r="C5240" s="76"/>
      <c r="D5240" s="76"/>
      <c r="E5240" s="76"/>
      <c r="F5240" s="76"/>
      <c r="G5240" s="76"/>
      <c r="H5240" s="76"/>
      <c r="I5240" s="76"/>
      <c r="J5240" s="76"/>
      <c r="K5240" s="76"/>
      <c r="L5240" s="76"/>
      <c r="M5240" s="76"/>
      <c r="N5240" s="76"/>
      <c r="O5240" s="76"/>
      <c r="P5240" s="76"/>
      <c r="Q5240" s="76"/>
      <c r="R5240" s="76"/>
      <c r="S5240" s="76"/>
      <c r="T5240" s="76"/>
      <c r="U5240" s="76"/>
      <c r="V5240" s="76"/>
      <c r="W5240" s="76"/>
      <c r="X5240" s="76"/>
      <c r="Y5240" s="76"/>
    </row>
    <row r="5241" spans="1:25" s="32" customFormat="1" ht="36.450000000000003" customHeight="1" x14ac:dyDescent="0.15">
      <c r="A5241" s="31"/>
      <c r="D5241" s="33" t="s">
        <v>378</v>
      </c>
      <c r="E5241" s="36" t="s">
        <v>629</v>
      </c>
      <c r="F5241" s="55" t="s">
        <v>630</v>
      </c>
      <c r="G5241" s="37" t="s">
        <v>467</v>
      </c>
      <c r="H5241" s="35" t="s">
        <v>381</v>
      </c>
    </row>
    <row r="5242" spans="1:25" x14ac:dyDescent="0.2">
      <c r="B5242" s="5"/>
      <c r="C5242" s="41" t="s">
        <v>38</v>
      </c>
      <c r="D5242" s="42">
        <v>97</v>
      </c>
      <c r="E5242" s="43">
        <v>68</v>
      </c>
      <c r="F5242" s="43">
        <v>27.8</v>
      </c>
      <c r="G5242" s="44">
        <v>4.0999999999999996</v>
      </c>
    </row>
    <row r="5243" spans="1:25" x14ac:dyDescent="0.2">
      <c r="B5243" s="77" t="s">
        <v>37</v>
      </c>
      <c r="C5243" s="39" t="s">
        <v>39</v>
      </c>
      <c r="D5243" s="45">
        <v>9</v>
      </c>
      <c r="E5243" s="46">
        <v>100</v>
      </c>
      <c r="F5243" s="46">
        <v>0</v>
      </c>
      <c r="G5243" s="47">
        <v>0</v>
      </c>
    </row>
    <row r="5244" spans="1:25" x14ac:dyDescent="0.2">
      <c r="B5244" s="77"/>
      <c r="C5244" s="39" t="s">
        <v>40</v>
      </c>
      <c r="D5244" s="45">
        <v>22</v>
      </c>
      <c r="E5244" s="46">
        <v>68.2</v>
      </c>
      <c r="F5244" s="46">
        <v>27.3</v>
      </c>
      <c r="G5244" s="47">
        <v>4.5</v>
      </c>
    </row>
    <row r="5245" spans="1:25" ht="21.6" x14ac:dyDescent="0.2">
      <c r="B5245" s="77"/>
      <c r="C5245" s="39" t="s">
        <v>41</v>
      </c>
      <c r="D5245" s="45">
        <v>2</v>
      </c>
      <c r="E5245" s="46">
        <v>100</v>
      </c>
      <c r="F5245" s="46">
        <v>0</v>
      </c>
      <c r="G5245" s="47">
        <v>0</v>
      </c>
    </row>
    <row r="5246" spans="1:25" ht="21.6" x14ac:dyDescent="0.2">
      <c r="B5246" s="77"/>
      <c r="C5246" s="39" t="s">
        <v>42</v>
      </c>
      <c r="D5246" s="45">
        <v>13</v>
      </c>
      <c r="E5246" s="46">
        <v>53.8</v>
      </c>
      <c r="F5246" s="46">
        <v>30.8</v>
      </c>
      <c r="G5246" s="47">
        <v>15.4</v>
      </c>
    </row>
    <row r="5247" spans="1:25" ht="21.6" x14ac:dyDescent="0.2">
      <c r="B5247" s="77"/>
      <c r="C5247" s="39" t="s">
        <v>43</v>
      </c>
      <c r="D5247" s="45">
        <v>12</v>
      </c>
      <c r="E5247" s="46">
        <v>75</v>
      </c>
      <c r="F5247" s="46">
        <v>16.7</v>
      </c>
      <c r="G5247" s="47">
        <v>8.3000000000000007</v>
      </c>
    </row>
    <row r="5248" spans="1:25" ht="21.6" x14ac:dyDescent="0.2">
      <c r="B5248" s="77"/>
      <c r="C5248" s="39" t="s">
        <v>44</v>
      </c>
      <c r="D5248" s="45">
        <v>11</v>
      </c>
      <c r="E5248" s="46">
        <v>54.5</v>
      </c>
      <c r="F5248" s="46">
        <v>45.5</v>
      </c>
      <c r="G5248" s="47">
        <v>0</v>
      </c>
    </row>
    <row r="5249" spans="2:25" ht="21.6" x14ac:dyDescent="0.2">
      <c r="B5249" s="77"/>
      <c r="C5249" s="39" t="s">
        <v>45</v>
      </c>
      <c r="D5249" s="45">
        <v>28</v>
      </c>
      <c r="E5249" s="46">
        <v>64.3</v>
      </c>
      <c r="F5249" s="46">
        <v>35.700000000000003</v>
      </c>
      <c r="G5249" s="47">
        <v>0</v>
      </c>
    </row>
    <row r="5250" spans="2:25" ht="21.6" x14ac:dyDescent="0.2">
      <c r="B5250" s="77"/>
      <c r="C5250" s="39" t="s">
        <v>46</v>
      </c>
      <c r="D5250" s="45">
        <v>17</v>
      </c>
      <c r="E5250" s="46">
        <v>82.4</v>
      </c>
      <c r="F5250" s="46">
        <v>11.8</v>
      </c>
      <c r="G5250" s="47">
        <v>5.9</v>
      </c>
    </row>
    <row r="5251" spans="2:25" ht="21.6" x14ac:dyDescent="0.2">
      <c r="B5251" s="77"/>
      <c r="C5251" s="39" t="s">
        <v>47</v>
      </c>
      <c r="D5251" s="45">
        <v>29</v>
      </c>
      <c r="E5251" s="46">
        <v>69</v>
      </c>
      <c r="F5251" s="46">
        <v>27.6</v>
      </c>
      <c r="G5251" s="47">
        <v>3.4</v>
      </c>
    </row>
    <row r="5252" spans="2:25" ht="21.6" x14ac:dyDescent="0.2">
      <c r="B5252" s="77"/>
      <c r="C5252" s="39" t="s">
        <v>48</v>
      </c>
      <c r="D5252" s="45">
        <v>16</v>
      </c>
      <c r="E5252" s="46">
        <v>68.8</v>
      </c>
      <c r="F5252" s="46">
        <v>25</v>
      </c>
      <c r="G5252" s="47">
        <v>6.3</v>
      </c>
    </row>
    <row r="5253" spans="2:25" ht="21.6" x14ac:dyDescent="0.2">
      <c r="B5253" s="77"/>
      <c r="C5253" s="39" t="s">
        <v>49</v>
      </c>
      <c r="D5253" s="45">
        <v>13</v>
      </c>
      <c r="E5253" s="46">
        <v>38.5</v>
      </c>
      <c r="F5253" s="46">
        <v>53.8</v>
      </c>
      <c r="G5253" s="47">
        <v>7.7</v>
      </c>
    </row>
    <row r="5254" spans="2:25" ht="21.6" x14ac:dyDescent="0.2">
      <c r="B5254" s="77"/>
      <c r="C5254" s="39" t="s">
        <v>50</v>
      </c>
      <c r="D5254" s="45">
        <v>5</v>
      </c>
      <c r="E5254" s="46">
        <v>60</v>
      </c>
      <c r="F5254" s="46">
        <v>40</v>
      </c>
      <c r="G5254" s="47">
        <v>0</v>
      </c>
    </row>
    <row r="5255" spans="2:25" ht="21.6" x14ac:dyDescent="0.2">
      <c r="B5255" s="77"/>
      <c r="C5255" s="39" t="s">
        <v>51</v>
      </c>
      <c r="D5255" s="45">
        <v>8</v>
      </c>
      <c r="E5255" s="46">
        <v>87.5</v>
      </c>
      <c r="F5255" s="46">
        <v>12.5</v>
      </c>
      <c r="G5255" s="47">
        <v>0</v>
      </c>
    </row>
    <row r="5256" spans="2:25" ht="21.6" x14ac:dyDescent="0.2">
      <c r="B5256" s="77"/>
      <c r="C5256" s="39" t="s">
        <v>52</v>
      </c>
      <c r="D5256" s="45">
        <v>9</v>
      </c>
      <c r="E5256" s="46">
        <v>77.8</v>
      </c>
      <c r="F5256" s="46">
        <v>11.1</v>
      </c>
      <c r="G5256" s="47">
        <v>11.1</v>
      </c>
    </row>
    <row r="5257" spans="2:25" x14ac:dyDescent="0.2">
      <c r="B5257" s="77"/>
      <c r="C5257" s="39" t="s">
        <v>53</v>
      </c>
      <c r="D5257" s="45">
        <v>21</v>
      </c>
      <c r="E5257" s="46">
        <v>66.7</v>
      </c>
      <c r="F5257" s="46">
        <v>33.299999999999997</v>
      </c>
      <c r="G5257" s="47">
        <v>0</v>
      </c>
    </row>
    <row r="5258" spans="2:25" ht="21.6" x14ac:dyDescent="0.2">
      <c r="B5258" s="77"/>
      <c r="C5258" s="39" t="s">
        <v>54</v>
      </c>
      <c r="D5258" s="45">
        <v>29</v>
      </c>
      <c r="E5258" s="46">
        <v>72.400000000000006</v>
      </c>
      <c r="F5258" s="46">
        <v>24.1</v>
      </c>
      <c r="G5258" s="47">
        <v>3.4</v>
      </c>
    </row>
    <row r="5259" spans="2:25" ht="21.6" x14ac:dyDescent="0.2">
      <c r="B5259" s="77"/>
      <c r="C5259" s="39" t="s">
        <v>55</v>
      </c>
      <c r="D5259" s="45">
        <v>37</v>
      </c>
      <c r="E5259" s="46">
        <v>64.900000000000006</v>
      </c>
      <c r="F5259" s="46">
        <v>29.7</v>
      </c>
      <c r="G5259" s="47">
        <v>5.4</v>
      </c>
    </row>
    <row r="5260" spans="2:25" ht="21.6" x14ac:dyDescent="0.2">
      <c r="B5260" s="77"/>
      <c r="C5260" s="39" t="s">
        <v>56</v>
      </c>
      <c r="D5260" s="45">
        <v>55</v>
      </c>
      <c r="E5260" s="46">
        <v>69.099999999999994</v>
      </c>
      <c r="F5260" s="46">
        <v>27.3</v>
      </c>
      <c r="G5260" s="47">
        <v>3.6</v>
      </c>
    </row>
    <row r="5261" spans="2:25" x14ac:dyDescent="0.2">
      <c r="B5261" s="77"/>
      <c r="C5261" s="40" t="s">
        <v>57</v>
      </c>
      <c r="D5261" s="48">
        <v>33</v>
      </c>
      <c r="E5261" s="49">
        <v>72.7</v>
      </c>
      <c r="F5261" s="49">
        <v>24.2</v>
      </c>
      <c r="G5261" s="50">
        <v>3</v>
      </c>
    </row>
    <row r="5263" spans="2:25" x14ac:dyDescent="0.2">
      <c r="C5263" t="s">
        <v>35</v>
      </c>
    </row>
    <row r="5264" spans="2:25" x14ac:dyDescent="0.2">
      <c r="B5264" s="75" t="s">
        <v>360</v>
      </c>
      <c r="C5264" s="76"/>
      <c r="D5264" s="76"/>
      <c r="E5264" s="76"/>
      <c r="F5264" s="76"/>
      <c r="G5264" s="76"/>
      <c r="H5264" s="76"/>
      <c r="I5264" s="76"/>
      <c r="J5264" s="76"/>
      <c r="K5264" s="76"/>
      <c r="L5264" s="76"/>
      <c r="M5264" s="76"/>
      <c r="N5264" s="76"/>
      <c r="O5264" s="76"/>
      <c r="P5264" s="76"/>
      <c r="Q5264" s="76"/>
      <c r="R5264" s="76"/>
      <c r="S5264" s="76"/>
      <c r="T5264" s="76"/>
      <c r="U5264" s="76"/>
      <c r="V5264" s="76"/>
      <c r="W5264" s="76"/>
      <c r="X5264" s="76"/>
      <c r="Y5264" s="76"/>
    </row>
    <row r="5265" spans="1:8" s="32" customFormat="1" ht="36.450000000000003" customHeight="1" x14ac:dyDescent="0.15">
      <c r="A5265" s="31"/>
      <c r="D5265" s="33" t="s">
        <v>378</v>
      </c>
      <c r="E5265" s="36" t="s">
        <v>629</v>
      </c>
      <c r="F5265" s="55" t="s">
        <v>630</v>
      </c>
      <c r="G5265" s="37" t="s">
        <v>467</v>
      </c>
      <c r="H5265" s="35" t="s">
        <v>381</v>
      </c>
    </row>
    <row r="5266" spans="1:8" ht="21.6" x14ac:dyDescent="0.2">
      <c r="B5266" s="77" t="s">
        <v>37</v>
      </c>
      <c r="C5266" s="38" t="s">
        <v>58</v>
      </c>
      <c r="D5266" s="51">
        <v>48</v>
      </c>
      <c r="E5266" s="52">
        <v>66.7</v>
      </c>
      <c r="F5266" s="52">
        <v>29.2</v>
      </c>
      <c r="G5266" s="53">
        <v>4.2</v>
      </c>
    </row>
    <row r="5267" spans="1:8" ht="21.6" x14ac:dyDescent="0.2">
      <c r="B5267" s="77"/>
      <c r="C5267" s="39" t="s">
        <v>59</v>
      </c>
      <c r="D5267" s="45">
        <v>49</v>
      </c>
      <c r="E5267" s="46">
        <v>69.400000000000006</v>
      </c>
      <c r="F5267" s="46">
        <v>26.5</v>
      </c>
      <c r="G5267" s="47">
        <v>4.0999999999999996</v>
      </c>
    </row>
    <row r="5268" spans="1:8" x14ac:dyDescent="0.2">
      <c r="B5268" s="77"/>
      <c r="C5268" s="39" t="s">
        <v>60</v>
      </c>
      <c r="D5268" s="45">
        <v>64</v>
      </c>
      <c r="E5268" s="46">
        <v>67.2</v>
      </c>
      <c r="F5268" s="46">
        <v>28.1</v>
      </c>
      <c r="G5268" s="47">
        <v>4.7</v>
      </c>
    </row>
    <row r="5269" spans="1:8" x14ac:dyDescent="0.2">
      <c r="B5269" s="77"/>
      <c r="C5269" s="39" t="s">
        <v>61</v>
      </c>
      <c r="D5269" s="45">
        <v>33</v>
      </c>
      <c r="E5269" s="46">
        <v>69.7</v>
      </c>
      <c r="F5269" s="46">
        <v>27.3</v>
      </c>
      <c r="G5269" s="47">
        <v>3</v>
      </c>
    </row>
    <row r="5270" spans="1:8" x14ac:dyDescent="0.2">
      <c r="B5270" s="77"/>
      <c r="C5270" s="39" t="s">
        <v>62</v>
      </c>
      <c r="D5270" s="45">
        <v>68</v>
      </c>
      <c r="E5270" s="46">
        <v>77.900000000000006</v>
      </c>
      <c r="F5270" s="46">
        <v>20.6</v>
      </c>
      <c r="G5270" s="47">
        <v>1.5</v>
      </c>
    </row>
    <row r="5271" spans="1:8" ht="21.6" x14ac:dyDescent="0.2">
      <c r="B5271" s="77"/>
      <c r="C5271" s="39" t="s">
        <v>63</v>
      </c>
      <c r="D5271" s="45">
        <v>12</v>
      </c>
      <c r="E5271" s="46">
        <v>83.3</v>
      </c>
      <c r="F5271" s="46">
        <v>16.7</v>
      </c>
      <c r="G5271" s="47">
        <v>0</v>
      </c>
    </row>
    <row r="5272" spans="1:8" x14ac:dyDescent="0.2">
      <c r="B5272" s="77"/>
      <c r="C5272" s="39" t="s">
        <v>64</v>
      </c>
      <c r="D5272" s="45">
        <v>27</v>
      </c>
      <c r="E5272" s="46">
        <v>74.099999999999994</v>
      </c>
      <c r="F5272" s="46">
        <v>22.2</v>
      </c>
      <c r="G5272" s="47">
        <v>3.7</v>
      </c>
    </row>
    <row r="5273" spans="1:8" x14ac:dyDescent="0.2">
      <c r="B5273" s="77"/>
      <c r="C5273" s="39" t="s">
        <v>65</v>
      </c>
      <c r="D5273" s="45">
        <v>19</v>
      </c>
      <c r="E5273" s="46">
        <v>78.900000000000006</v>
      </c>
      <c r="F5273" s="46">
        <v>21.1</v>
      </c>
      <c r="G5273" s="47">
        <v>0</v>
      </c>
    </row>
    <row r="5274" spans="1:8" x14ac:dyDescent="0.2">
      <c r="B5274" s="77"/>
      <c r="C5274" s="39" t="s">
        <v>66</v>
      </c>
      <c r="D5274" s="45">
        <v>9</v>
      </c>
      <c r="E5274" s="46">
        <v>88.9</v>
      </c>
      <c r="F5274" s="46">
        <v>11.1</v>
      </c>
      <c r="G5274" s="47">
        <v>0</v>
      </c>
    </row>
    <row r="5275" spans="1:8" x14ac:dyDescent="0.2">
      <c r="B5275" s="77"/>
      <c r="C5275" s="39" t="s">
        <v>67</v>
      </c>
      <c r="D5275" s="45">
        <v>1</v>
      </c>
      <c r="E5275" s="46">
        <v>0</v>
      </c>
      <c r="F5275" s="46">
        <v>100</v>
      </c>
      <c r="G5275" s="47">
        <v>0</v>
      </c>
    </row>
    <row r="5276" spans="1:8" x14ac:dyDescent="0.2">
      <c r="B5276" s="77"/>
      <c r="C5276" s="39" t="s">
        <v>68</v>
      </c>
      <c r="D5276" s="45">
        <v>68</v>
      </c>
      <c r="E5276" s="46">
        <v>77.900000000000006</v>
      </c>
      <c r="F5276" s="46">
        <v>20.6</v>
      </c>
      <c r="G5276" s="47">
        <v>1.5</v>
      </c>
    </row>
    <row r="5277" spans="1:8" x14ac:dyDescent="0.2">
      <c r="B5277" s="77"/>
      <c r="C5277" s="39" t="s">
        <v>70</v>
      </c>
      <c r="D5277" s="45">
        <v>29</v>
      </c>
      <c r="E5277" s="46">
        <v>44.8</v>
      </c>
      <c r="F5277" s="46">
        <v>44.8</v>
      </c>
      <c r="G5277" s="47">
        <v>10.3</v>
      </c>
    </row>
    <row r="5278" spans="1:8" ht="21.6" x14ac:dyDescent="0.2">
      <c r="B5278" s="77"/>
      <c r="C5278" s="39" t="s">
        <v>63</v>
      </c>
      <c r="D5278" s="45">
        <v>8</v>
      </c>
      <c r="E5278" s="46">
        <v>37.5</v>
      </c>
      <c r="F5278" s="46">
        <v>50</v>
      </c>
      <c r="G5278" s="47">
        <v>12.5</v>
      </c>
    </row>
    <row r="5279" spans="1:8" x14ac:dyDescent="0.2">
      <c r="B5279" s="77"/>
      <c r="C5279" s="39" t="s">
        <v>64</v>
      </c>
      <c r="D5279" s="45">
        <v>7</v>
      </c>
      <c r="E5279" s="46">
        <v>28.6</v>
      </c>
      <c r="F5279" s="46">
        <v>42.9</v>
      </c>
      <c r="G5279" s="47">
        <v>28.6</v>
      </c>
    </row>
    <row r="5280" spans="1:8" x14ac:dyDescent="0.2">
      <c r="B5280" s="77"/>
      <c r="C5280" s="39" t="s">
        <v>65</v>
      </c>
      <c r="D5280" s="45">
        <v>5</v>
      </c>
      <c r="E5280" s="46">
        <v>60</v>
      </c>
      <c r="F5280" s="46">
        <v>40</v>
      </c>
      <c r="G5280" s="47">
        <v>0</v>
      </c>
    </row>
    <row r="5281" spans="1:25" x14ac:dyDescent="0.2">
      <c r="B5281" s="77"/>
      <c r="C5281" s="39" t="s">
        <v>66</v>
      </c>
      <c r="D5281" s="45">
        <v>7</v>
      </c>
      <c r="E5281" s="46">
        <v>71.400000000000006</v>
      </c>
      <c r="F5281" s="46">
        <v>28.6</v>
      </c>
      <c r="G5281" s="47">
        <v>0</v>
      </c>
    </row>
    <row r="5282" spans="1:25" x14ac:dyDescent="0.2">
      <c r="B5282" s="77"/>
      <c r="C5282" s="39" t="s">
        <v>67</v>
      </c>
      <c r="D5282" s="45">
        <v>2</v>
      </c>
      <c r="E5282" s="46">
        <v>0</v>
      </c>
      <c r="F5282" s="46">
        <v>100</v>
      </c>
      <c r="G5282" s="47">
        <v>0</v>
      </c>
    </row>
    <row r="5283" spans="1:25" x14ac:dyDescent="0.2">
      <c r="B5283" s="77"/>
      <c r="C5283" s="39" t="s">
        <v>68</v>
      </c>
      <c r="D5283" s="45">
        <v>23</v>
      </c>
      <c r="E5283" s="46">
        <v>39.1</v>
      </c>
      <c r="F5283" s="46">
        <v>47.8</v>
      </c>
      <c r="G5283" s="47">
        <v>13</v>
      </c>
    </row>
    <row r="5284" spans="1:25" x14ac:dyDescent="0.2">
      <c r="B5284" s="77"/>
      <c r="C5284" s="40" t="s">
        <v>69</v>
      </c>
      <c r="D5284" s="48">
        <v>6</v>
      </c>
      <c r="E5284" s="49">
        <v>66.7</v>
      </c>
      <c r="F5284" s="49">
        <v>33.299999999999997</v>
      </c>
      <c r="G5284" s="50">
        <v>0</v>
      </c>
    </row>
    <row r="5286" spans="1:25" x14ac:dyDescent="0.2">
      <c r="A5286" s="26" t="s">
        <v>25</v>
      </c>
      <c r="B5286" t="s">
        <v>35</v>
      </c>
      <c r="C5286" t="s">
        <v>35</v>
      </c>
    </row>
    <row r="5287" spans="1:25" x14ac:dyDescent="0.2">
      <c r="B5287" s="75" t="s">
        <v>223</v>
      </c>
      <c r="C5287" s="76"/>
      <c r="D5287" s="76"/>
      <c r="E5287" s="76"/>
      <c r="F5287" s="76"/>
      <c r="G5287" s="76"/>
      <c r="H5287" s="76"/>
      <c r="I5287" s="76"/>
      <c r="J5287" s="76"/>
      <c r="K5287" s="76"/>
      <c r="L5287" s="76"/>
      <c r="M5287" s="76"/>
      <c r="N5287" s="76"/>
      <c r="O5287" s="76"/>
      <c r="P5287" s="76"/>
      <c r="Q5287" s="76"/>
      <c r="R5287" s="76"/>
      <c r="S5287" s="76"/>
      <c r="T5287" s="76"/>
      <c r="U5287" s="76"/>
      <c r="V5287" s="76"/>
      <c r="W5287" s="76"/>
      <c r="X5287" s="76"/>
      <c r="Y5287" s="76"/>
    </row>
    <row r="5288" spans="1:25" s="32" customFormat="1" ht="36.450000000000003" customHeight="1" x14ac:dyDescent="0.15">
      <c r="A5288" s="31"/>
      <c r="D5288" s="33" t="s">
        <v>378</v>
      </c>
      <c r="E5288" s="36" t="s">
        <v>643</v>
      </c>
      <c r="F5288" s="37" t="s">
        <v>644</v>
      </c>
      <c r="G5288" s="35" t="s">
        <v>381</v>
      </c>
    </row>
    <row r="5289" spans="1:25" x14ac:dyDescent="0.2">
      <c r="B5289" s="5"/>
      <c r="C5289" s="41" t="s">
        <v>38</v>
      </c>
      <c r="D5289" s="42">
        <v>2000</v>
      </c>
      <c r="E5289" s="43">
        <v>66.5</v>
      </c>
      <c r="F5289" s="44">
        <v>33.5</v>
      </c>
    </row>
    <row r="5290" spans="1:25" x14ac:dyDescent="0.2">
      <c r="B5290" s="77" t="s">
        <v>37</v>
      </c>
      <c r="C5290" s="39" t="s">
        <v>39</v>
      </c>
      <c r="D5290" s="45">
        <v>111</v>
      </c>
      <c r="E5290" s="46">
        <v>67.599999999999994</v>
      </c>
      <c r="F5290" s="47">
        <v>32.4</v>
      </c>
    </row>
    <row r="5291" spans="1:25" x14ac:dyDescent="0.2">
      <c r="B5291" s="77"/>
      <c r="C5291" s="39" t="s">
        <v>40</v>
      </c>
      <c r="D5291" s="45">
        <v>450</v>
      </c>
      <c r="E5291" s="46">
        <v>73.099999999999994</v>
      </c>
      <c r="F5291" s="47">
        <v>26.9</v>
      </c>
    </row>
    <row r="5292" spans="1:25" ht="21.6" x14ac:dyDescent="0.2">
      <c r="B5292" s="77"/>
      <c r="C5292" s="39" t="s">
        <v>41</v>
      </c>
      <c r="D5292" s="45">
        <v>30</v>
      </c>
      <c r="E5292" s="46">
        <v>73.3</v>
      </c>
      <c r="F5292" s="47">
        <v>26.7</v>
      </c>
    </row>
    <row r="5293" spans="1:25" ht="21.6" x14ac:dyDescent="0.2">
      <c r="B5293" s="77"/>
      <c r="C5293" s="39" t="s">
        <v>42</v>
      </c>
      <c r="D5293" s="45">
        <v>336</v>
      </c>
      <c r="E5293" s="46">
        <v>70.2</v>
      </c>
      <c r="F5293" s="47">
        <v>29.8</v>
      </c>
    </row>
    <row r="5294" spans="1:25" ht="21.6" x14ac:dyDescent="0.2">
      <c r="B5294" s="77"/>
      <c r="C5294" s="39" t="s">
        <v>43</v>
      </c>
      <c r="D5294" s="45">
        <v>327</v>
      </c>
      <c r="E5294" s="46">
        <v>55.7</v>
      </c>
      <c r="F5294" s="47">
        <v>44.3</v>
      </c>
    </row>
    <row r="5295" spans="1:25" ht="21.6" x14ac:dyDescent="0.2">
      <c r="B5295" s="77"/>
      <c r="C5295" s="39" t="s">
        <v>44</v>
      </c>
      <c r="D5295" s="45">
        <v>181</v>
      </c>
      <c r="E5295" s="46">
        <v>69.099999999999994</v>
      </c>
      <c r="F5295" s="47">
        <v>30.9</v>
      </c>
    </row>
    <row r="5296" spans="1:25" ht="21.6" x14ac:dyDescent="0.2">
      <c r="B5296" s="77"/>
      <c r="C5296" s="39" t="s">
        <v>45</v>
      </c>
      <c r="D5296" s="45">
        <v>565</v>
      </c>
      <c r="E5296" s="46">
        <v>63.9</v>
      </c>
      <c r="F5296" s="47">
        <v>36.1</v>
      </c>
    </row>
    <row r="5297" spans="2:6" ht="21.6" x14ac:dyDescent="0.2">
      <c r="B5297" s="77"/>
      <c r="C5297" s="39" t="s">
        <v>46</v>
      </c>
      <c r="D5297" s="45">
        <v>473</v>
      </c>
      <c r="E5297" s="46">
        <v>62.4</v>
      </c>
      <c r="F5297" s="47">
        <v>37.6</v>
      </c>
    </row>
    <row r="5298" spans="2:6" ht="21.6" x14ac:dyDescent="0.2">
      <c r="B5298" s="77"/>
      <c r="C5298" s="39" t="s">
        <v>47</v>
      </c>
      <c r="D5298" s="45">
        <v>441</v>
      </c>
      <c r="E5298" s="46">
        <v>67.599999999999994</v>
      </c>
      <c r="F5298" s="47">
        <v>32.4</v>
      </c>
    </row>
    <row r="5299" spans="2:6" ht="21.6" x14ac:dyDescent="0.2">
      <c r="B5299" s="77"/>
      <c r="C5299" s="39" t="s">
        <v>48</v>
      </c>
      <c r="D5299" s="45">
        <v>305</v>
      </c>
      <c r="E5299" s="46">
        <v>68.900000000000006</v>
      </c>
      <c r="F5299" s="47">
        <v>31.1</v>
      </c>
    </row>
    <row r="5300" spans="2:6" ht="21.6" x14ac:dyDescent="0.2">
      <c r="B5300" s="77"/>
      <c r="C5300" s="39" t="s">
        <v>49</v>
      </c>
      <c r="D5300" s="45">
        <v>223</v>
      </c>
      <c r="E5300" s="46">
        <v>75.3</v>
      </c>
      <c r="F5300" s="47">
        <v>24.7</v>
      </c>
    </row>
    <row r="5301" spans="2:6" ht="21.6" x14ac:dyDescent="0.2">
      <c r="B5301" s="77"/>
      <c r="C5301" s="39" t="s">
        <v>50</v>
      </c>
      <c r="D5301" s="45">
        <v>123</v>
      </c>
      <c r="E5301" s="46">
        <v>82.1</v>
      </c>
      <c r="F5301" s="47">
        <v>17.899999999999999</v>
      </c>
    </row>
    <row r="5302" spans="2:6" ht="21.6" x14ac:dyDescent="0.2">
      <c r="B5302" s="77"/>
      <c r="C5302" s="39" t="s">
        <v>51</v>
      </c>
      <c r="D5302" s="45">
        <v>124</v>
      </c>
      <c r="E5302" s="46">
        <v>75</v>
      </c>
      <c r="F5302" s="47">
        <v>25</v>
      </c>
    </row>
    <row r="5303" spans="2:6" ht="21.6" x14ac:dyDescent="0.2">
      <c r="B5303" s="77"/>
      <c r="C5303" s="39" t="s">
        <v>52</v>
      </c>
      <c r="D5303" s="45">
        <v>312</v>
      </c>
      <c r="E5303" s="46">
        <v>51.3</v>
      </c>
      <c r="F5303" s="47">
        <v>48.7</v>
      </c>
    </row>
    <row r="5304" spans="2:6" x14ac:dyDescent="0.2">
      <c r="B5304" s="77"/>
      <c r="C5304" s="39" t="s">
        <v>53</v>
      </c>
      <c r="D5304" s="45">
        <v>269</v>
      </c>
      <c r="E5304" s="46">
        <v>65.8</v>
      </c>
      <c r="F5304" s="47">
        <v>34.200000000000003</v>
      </c>
    </row>
    <row r="5305" spans="2:6" ht="21.6" x14ac:dyDescent="0.2">
      <c r="B5305" s="77"/>
      <c r="C5305" s="39" t="s">
        <v>54</v>
      </c>
      <c r="D5305" s="45">
        <v>511</v>
      </c>
      <c r="E5305" s="46">
        <v>74</v>
      </c>
      <c r="F5305" s="47">
        <v>26</v>
      </c>
    </row>
    <row r="5306" spans="2:6" ht="21.6" x14ac:dyDescent="0.2">
      <c r="B5306" s="77"/>
      <c r="C5306" s="39" t="s">
        <v>55</v>
      </c>
      <c r="D5306" s="45">
        <v>615</v>
      </c>
      <c r="E5306" s="46">
        <v>76.7</v>
      </c>
      <c r="F5306" s="47">
        <v>23.3</v>
      </c>
    </row>
    <row r="5307" spans="2:6" ht="21.6" x14ac:dyDescent="0.2">
      <c r="B5307" s="77"/>
      <c r="C5307" s="39" t="s">
        <v>56</v>
      </c>
      <c r="D5307" s="45">
        <v>800</v>
      </c>
      <c r="E5307" s="46">
        <v>75</v>
      </c>
      <c r="F5307" s="47">
        <v>25</v>
      </c>
    </row>
    <row r="5308" spans="2:6" x14ac:dyDescent="0.2">
      <c r="B5308" s="77"/>
      <c r="C5308" s="40" t="s">
        <v>57</v>
      </c>
      <c r="D5308" s="48">
        <v>798</v>
      </c>
      <c r="E5308" s="49">
        <v>64.900000000000006</v>
      </c>
      <c r="F5308" s="50">
        <v>35.1</v>
      </c>
    </row>
    <row r="5309" spans="2:6" x14ac:dyDescent="0.2">
      <c r="B5309" s="7" t="s">
        <v>71</v>
      </c>
      <c r="C5309" s="4" t="s">
        <v>224</v>
      </c>
    </row>
    <row r="5310" spans="2:6" x14ac:dyDescent="0.2">
      <c r="B5310" s="4"/>
      <c r="C5310" s="4" t="s">
        <v>73</v>
      </c>
    </row>
    <row r="5312" spans="2:6" x14ac:dyDescent="0.2">
      <c r="C5312" t="s">
        <v>35</v>
      </c>
    </row>
    <row r="5313" spans="1:25" x14ac:dyDescent="0.2">
      <c r="B5313" s="75" t="s">
        <v>361</v>
      </c>
      <c r="C5313" s="76"/>
      <c r="D5313" s="76"/>
      <c r="E5313" s="76"/>
      <c r="F5313" s="76"/>
      <c r="G5313" s="76"/>
      <c r="H5313" s="76"/>
      <c r="I5313" s="76"/>
      <c r="J5313" s="76"/>
      <c r="K5313" s="76"/>
      <c r="L5313" s="76"/>
      <c r="M5313" s="76"/>
      <c r="N5313" s="76"/>
      <c r="O5313" s="76"/>
      <c r="P5313" s="76"/>
      <c r="Q5313" s="76"/>
      <c r="R5313" s="76"/>
      <c r="S5313" s="76"/>
      <c r="T5313" s="76"/>
      <c r="U5313" s="76"/>
      <c r="V5313" s="76"/>
      <c r="W5313" s="76"/>
      <c r="X5313" s="76"/>
      <c r="Y5313" s="76"/>
    </row>
    <row r="5314" spans="1:25" s="32" customFormat="1" ht="36.450000000000003" customHeight="1" x14ac:dyDescent="0.15">
      <c r="A5314" s="31"/>
      <c r="D5314" s="33" t="s">
        <v>378</v>
      </c>
      <c r="E5314" s="36" t="s">
        <v>643</v>
      </c>
      <c r="F5314" s="37" t="s">
        <v>644</v>
      </c>
      <c r="G5314" s="35" t="s">
        <v>381</v>
      </c>
    </row>
    <row r="5315" spans="1:25" ht="21.6" x14ac:dyDescent="0.2">
      <c r="B5315" s="77" t="s">
        <v>37</v>
      </c>
      <c r="C5315" s="38" t="s">
        <v>58</v>
      </c>
      <c r="D5315" s="51">
        <v>609</v>
      </c>
      <c r="E5315" s="52">
        <v>71.900000000000006</v>
      </c>
      <c r="F5315" s="53">
        <v>28.1</v>
      </c>
    </row>
    <row r="5316" spans="1:25" ht="21.6" x14ac:dyDescent="0.2">
      <c r="B5316" s="77"/>
      <c r="C5316" s="39" t="s">
        <v>59</v>
      </c>
      <c r="D5316" s="45">
        <v>1391</v>
      </c>
      <c r="E5316" s="46">
        <v>64.099999999999994</v>
      </c>
      <c r="F5316" s="47">
        <v>35.9</v>
      </c>
    </row>
    <row r="5317" spans="1:25" x14ac:dyDescent="0.2">
      <c r="B5317" s="77"/>
      <c r="C5317" s="39" t="s">
        <v>60</v>
      </c>
      <c r="D5317" s="45">
        <v>1325</v>
      </c>
      <c r="E5317" s="46">
        <v>67.900000000000006</v>
      </c>
      <c r="F5317" s="47">
        <v>32.1</v>
      </c>
    </row>
    <row r="5318" spans="1:25" x14ac:dyDescent="0.2">
      <c r="B5318" s="77"/>
      <c r="C5318" s="39" t="s">
        <v>61</v>
      </c>
      <c r="D5318" s="45">
        <v>675</v>
      </c>
      <c r="E5318" s="46">
        <v>63.7</v>
      </c>
      <c r="F5318" s="47">
        <v>36.299999999999997</v>
      </c>
    </row>
    <row r="5319" spans="1:25" x14ac:dyDescent="0.2">
      <c r="B5319" s="77"/>
      <c r="C5319" s="39" t="s">
        <v>62</v>
      </c>
      <c r="D5319" s="45">
        <v>1086</v>
      </c>
      <c r="E5319" s="46">
        <v>66.3</v>
      </c>
      <c r="F5319" s="47">
        <v>33.700000000000003</v>
      </c>
    </row>
    <row r="5320" spans="1:25" ht="21.6" x14ac:dyDescent="0.2">
      <c r="B5320" s="77"/>
      <c r="C5320" s="39" t="s">
        <v>63</v>
      </c>
      <c r="D5320" s="45">
        <v>203</v>
      </c>
      <c r="E5320" s="46">
        <v>58.6</v>
      </c>
      <c r="F5320" s="47">
        <v>41.4</v>
      </c>
    </row>
    <row r="5321" spans="1:25" x14ac:dyDescent="0.2">
      <c r="B5321" s="77"/>
      <c r="C5321" s="39" t="s">
        <v>64</v>
      </c>
      <c r="D5321" s="45">
        <v>263</v>
      </c>
      <c r="E5321" s="46">
        <v>65.8</v>
      </c>
      <c r="F5321" s="47">
        <v>34.200000000000003</v>
      </c>
    </row>
    <row r="5322" spans="1:25" x14ac:dyDescent="0.2">
      <c r="B5322" s="77"/>
      <c r="C5322" s="39" t="s">
        <v>65</v>
      </c>
      <c r="D5322" s="45">
        <v>312</v>
      </c>
      <c r="E5322" s="46">
        <v>63.8</v>
      </c>
      <c r="F5322" s="47">
        <v>36.200000000000003</v>
      </c>
    </row>
    <row r="5323" spans="1:25" x14ac:dyDescent="0.2">
      <c r="B5323" s="77"/>
      <c r="C5323" s="39" t="s">
        <v>66</v>
      </c>
      <c r="D5323" s="45">
        <v>230</v>
      </c>
      <c r="E5323" s="46">
        <v>73</v>
      </c>
      <c r="F5323" s="47">
        <v>27</v>
      </c>
    </row>
    <row r="5324" spans="1:25" x14ac:dyDescent="0.2">
      <c r="B5324" s="77"/>
      <c r="C5324" s="39" t="s">
        <v>67</v>
      </c>
      <c r="D5324" s="45">
        <v>78</v>
      </c>
      <c r="E5324" s="46">
        <v>78.2</v>
      </c>
      <c r="F5324" s="47">
        <v>21.8</v>
      </c>
    </row>
    <row r="5325" spans="1:25" x14ac:dyDescent="0.2">
      <c r="B5325" s="77"/>
      <c r="C5325" s="39" t="s">
        <v>68</v>
      </c>
      <c r="D5325" s="45">
        <v>897</v>
      </c>
      <c r="E5325" s="46">
        <v>68.599999999999994</v>
      </c>
      <c r="F5325" s="47">
        <v>31.4</v>
      </c>
    </row>
    <row r="5326" spans="1:25" x14ac:dyDescent="0.2">
      <c r="B5326" s="77"/>
      <c r="C5326" s="39" t="s">
        <v>69</v>
      </c>
      <c r="D5326" s="45">
        <v>189</v>
      </c>
      <c r="E5326" s="46">
        <v>55.6</v>
      </c>
      <c r="F5326" s="47">
        <v>44.4</v>
      </c>
    </row>
    <row r="5327" spans="1:25" x14ac:dyDescent="0.2">
      <c r="B5327" s="77"/>
      <c r="C5327" s="39" t="s">
        <v>70</v>
      </c>
      <c r="D5327" s="45">
        <v>914</v>
      </c>
      <c r="E5327" s="46">
        <v>66.7</v>
      </c>
      <c r="F5327" s="47">
        <v>33.299999999999997</v>
      </c>
    </row>
    <row r="5328" spans="1:25" ht="21.6" x14ac:dyDescent="0.2">
      <c r="B5328" s="77"/>
      <c r="C5328" s="39" t="s">
        <v>63</v>
      </c>
      <c r="D5328" s="45">
        <v>193</v>
      </c>
      <c r="E5328" s="46">
        <v>61.1</v>
      </c>
      <c r="F5328" s="47">
        <v>38.9</v>
      </c>
    </row>
    <row r="5329" spans="1:25" x14ac:dyDescent="0.2">
      <c r="B5329" s="77"/>
      <c r="C5329" s="39" t="s">
        <v>64</v>
      </c>
      <c r="D5329" s="45">
        <v>203</v>
      </c>
      <c r="E5329" s="46">
        <v>65.5</v>
      </c>
      <c r="F5329" s="47">
        <v>34.5</v>
      </c>
    </row>
    <row r="5330" spans="1:25" x14ac:dyDescent="0.2">
      <c r="B5330" s="77"/>
      <c r="C5330" s="39" t="s">
        <v>65</v>
      </c>
      <c r="D5330" s="45">
        <v>263</v>
      </c>
      <c r="E5330" s="46">
        <v>68.099999999999994</v>
      </c>
      <c r="F5330" s="47">
        <v>31.9</v>
      </c>
    </row>
    <row r="5331" spans="1:25" x14ac:dyDescent="0.2">
      <c r="B5331" s="77"/>
      <c r="C5331" s="39" t="s">
        <v>66</v>
      </c>
      <c r="D5331" s="45">
        <v>194</v>
      </c>
      <c r="E5331" s="46">
        <v>71.599999999999994</v>
      </c>
      <c r="F5331" s="47">
        <v>28.4</v>
      </c>
    </row>
    <row r="5332" spans="1:25" x14ac:dyDescent="0.2">
      <c r="B5332" s="77"/>
      <c r="C5332" s="39" t="s">
        <v>67</v>
      </c>
      <c r="D5332" s="45">
        <v>61</v>
      </c>
      <c r="E5332" s="46">
        <v>67.2</v>
      </c>
      <c r="F5332" s="47">
        <v>32.799999999999997</v>
      </c>
    </row>
    <row r="5333" spans="1:25" x14ac:dyDescent="0.2">
      <c r="B5333" s="77"/>
      <c r="C5333" s="39" t="s">
        <v>68</v>
      </c>
      <c r="D5333" s="45">
        <v>416</v>
      </c>
      <c r="E5333" s="46">
        <v>70.400000000000006</v>
      </c>
      <c r="F5333" s="47">
        <v>29.6</v>
      </c>
    </row>
    <row r="5334" spans="1:25" x14ac:dyDescent="0.2">
      <c r="B5334" s="77"/>
      <c r="C5334" s="40" t="s">
        <v>69</v>
      </c>
      <c r="D5334" s="48">
        <v>498</v>
      </c>
      <c r="E5334" s="49">
        <v>63.7</v>
      </c>
      <c r="F5334" s="50">
        <v>36.299999999999997</v>
      </c>
    </row>
    <row r="5335" spans="1:25" x14ac:dyDescent="0.2">
      <c r="B5335" s="7" t="s">
        <v>71</v>
      </c>
      <c r="C5335" s="4" t="s">
        <v>224</v>
      </c>
    </row>
    <row r="5336" spans="1:25" x14ac:dyDescent="0.2">
      <c r="B5336" s="4"/>
      <c r="C5336" s="4" t="s">
        <v>73</v>
      </c>
    </row>
    <row r="5338" spans="1:25" x14ac:dyDescent="0.2">
      <c r="A5338" s="26" t="s">
        <v>25</v>
      </c>
      <c r="B5338" t="s">
        <v>35</v>
      </c>
      <c r="C5338" t="s">
        <v>35</v>
      </c>
    </row>
    <row r="5339" spans="1:25" x14ac:dyDescent="0.2">
      <c r="B5339" s="75" t="s">
        <v>225</v>
      </c>
      <c r="C5339" s="76"/>
      <c r="D5339" s="76"/>
      <c r="E5339" s="76"/>
      <c r="F5339" s="76"/>
      <c r="G5339" s="76"/>
      <c r="H5339" s="76"/>
      <c r="I5339" s="76"/>
      <c r="J5339" s="76"/>
      <c r="K5339" s="76"/>
      <c r="L5339" s="76"/>
      <c r="M5339" s="76"/>
      <c r="N5339" s="76"/>
      <c r="O5339" s="76"/>
      <c r="P5339" s="76"/>
      <c r="Q5339" s="76"/>
      <c r="R5339" s="76"/>
      <c r="S5339" s="76"/>
      <c r="T5339" s="76"/>
      <c r="U5339" s="76"/>
      <c r="V5339" s="76"/>
      <c r="W5339" s="76"/>
      <c r="X5339" s="76"/>
      <c r="Y5339" s="76"/>
    </row>
    <row r="5340" spans="1:25" s="32" customFormat="1" ht="36.450000000000003" customHeight="1" x14ac:dyDescent="0.15">
      <c r="A5340" s="31"/>
      <c r="D5340" s="33" t="s">
        <v>378</v>
      </c>
      <c r="E5340" s="36" t="s">
        <v>643</v>
      </c>
      <c r="F5340" s="37" t="s">
        <v>644</v>
      </c>
      <c r="G5340" s="35" t="s">
        <v>381</v>
      </c>
    </row>
    <row r="5341" spans="1:25" x14ac:dyDescent="0.2">
      <c r="B5341" s="5"/>
      <c r="C5341" s="41" t="s">
        <v>38</v>
      </c>
      <c r="D5341" s="42">
        <v>2000</v>
      </c>
      <c r="E5341" s="43">
        <v>63.5</v>
      </c>
      <c r="F5341" s="44">
        <v>36.6</v>
      </c>
    </row>
    <row r="5342" spans="1:25" x14ac:dyDescent="0.2">
      <c r="B5342" s="77" t="s">
        <v>37</v>
      </c>
      <c r="C5342" s="39" t="s">
        <v>39</v>
      </c>
      <c r="D5342" s="45">
        <v>111</v>
      </c>
      <c r="E5342" s="46">
        <v>62.2</v>
      </c>
      <c r="F5342" s="47">
        <v>37.799999999999997</v>
      </c>
    </row>
    <row r="5343" spans="1:25" x14ac:dyDescent="0.2">
      <c r="B5343" s="77"/>
      <c r="C5343" s="39" t="s">
        <v>40</v>
      </c>
      <c r="D5343" s="45">
        <v>450</v>
      </c>
      <c r="E5343" s="46">
        <v>70.7</v>
      </c>
      <c r="F5343" s="47">
        <v>29.3</v>
      </c>
    </row>
    <row r="5344" spans="1:25" ht="21.6" x14ac:dyDescent="0.2">
      <c r="B5344" s="77"/>
      <c r="C5344" s="39" t="s">
        <v>41</v>
      </c>
      <c r="D5344" s="45">
        <v>30</v>
      </c>
      <c r="E5344" s="46">
        <v>66.7</v>
      </c>
      <c r="F5344" s="47">
        <v>33.299999999999997</v>
      </c>
    </row>
    <row r="5345" spans="2:6" ht="21.6" x14ac:dyDescent="0.2">
      <c r="B5345" s="77"/>
      <c r="C5345" s="39" t="s">
        <v>42</v>
      </c>
      <c r="D5345" s="45">
        <v>336</v>
      </c>
      <c r="E5345" s="46">
        <v>70.8</v>
      </c>
      <c r="F5345" s="47">
        <v>29.2</v>
      </c>
    </row>
    <row r="5346" spans="2:6" ht="21.6" x14ac:dyDescent="0.2">
      <c r="B5346" s="77"/>
      <c r="C5346" s="39" t="s">
        <v>43</v>
      </c>
      <c r="D5346" s="45">
        <v>327</v>
      </c>
      <c r="E5346" s="46">
        <v>49.5</v>
      </c>
      <c r="F5346" s="47">
        <v>50.5</v>
      </c>
    </row>
    <row r="5347" spans="2:6" ht="21.6" x14ac:dyDescent="0.2">
      <c r="B5347" s="77"/>
      <c r="C5347" s="39" t="s">
        <v>44</v>
      </c>
      <c r="D5347" s="45">
        <v>181</v>
      </c>
      <c r="E5347" s="46">
        <v>68.5</v>
      </c>
      <c r="F5347" s="47">
        <v>31.5</v>
      </c>
    </row>
    <row r="5348" spans="2:6" ht="21.6" x14ac:dyDescent="0.2">
      <c r="B5348" s="77"/>
      <c r="C5348" s="39" t="s">
        <v>45</v>
      </c>
      <c r="D5348" s="45">
        <v>565</v>
      </c>
      <c r="E5348" s="46">
        <v>59.8</v>
      </c>
      <c r="F5348" s="47">
        <v>40.200000000000003</v>
      </c>
    </row>
    <row r="5349" spans="2:6" ht="21.6" x14ac:dyDescent="0.2">
      <c r="B5349" s="77"/>
      <c r="C5349" s="39" t="s">
        <v>46</v>
      </c>
      <c r="D5349" s="45">
        <v>473</v>
      </c>
      <c r="E5349" s="46">
        <v>56.7</v>
      </c>
      <c r="F5349" s="47">
        <v>43.3</v>
      </c>
    </row>
    <row r="5350" spans="2:6" ht="21.6" x14ac:dyDescent="0.2">
      <c r="B5350" s="77"/>
      <c r="C5350" s="39" t="s">
        <v>47</v>
      </c>
      <c r="D5350" s="45">
        <v>441</v>
      </c>
      <c r="E5350" s="46">
        <v>63.7</v>
      </c>
      <c r="F5350" s="47">
        <v>36.299999999999997</v>
      </c>
    </row>
    <row r="5351" spans="2:6" ht="21.6" x14ac:dyDescent="0.2">
      <c r="B5351" s="77"/>
      <c r="C5351" s="39" t="s">
        <v>48</v>
      </c>
      <c r="D5351" s="45">
        <v>305</v>
      </c>
      <c r="E5351" s="46">
        <v>68.2</v>
      </c>
      <c r="F5351" s="47">
        <v>31.8</v>
      </c>
    </row>
    <row r="5352" spans="2:6" ht="21.6" x14ac:dyDescent="0.2">
      <c r="B5352" s="77"/>
      <c r="C5352" s="39" t="s">
        <v>49</v>
      </c>
      <c r="D5352" s="45">
        <v>223</v>
      </c>
      <c r="E5352" s="46">
        <v>72.2</v>
      </c>
      <c r="F5352" s="47">
        <v>27.8</v>
      </c>
    </row>
    <row r="5353" spans="2:6" ht="21.6" x14ac:dyDescent="0.2">
      <c r="B5353" s="77"/>
      <c r="C5353" s="39" t="s">
        <v>50</v>
      </c>
      <c r="D5353" s="45">
        <v>123</v>
      </c>
      <c r="E5353" s="46">
        <v>82.9</v>
      </c>
      <c r="F5353" s="47">
        <v>17.100000000000001</v>
      </c>
    </row>
    <row r="5354" spans="2:6" ht="21.6" x14ac:dyDescent="0.2">
      <c r="B5354" s="77"/>
      <c r="C5354" s="39" t="s">
        <v>51</v>
      </c>
      <c r="D5354" s="45">
        <v>124</v>
      </c>
      <c r="E5354" s="46">
        <v>75.8</v>
      </c>
      <c r="F5354" s="47">
        <v>24.2</v>
      </c>
    </row>
    <row r="5355" spans="2:6" ht="21.6" x14ac:dyDescent="0.2">
      <c r="B5355" s="77"/>
      <c r="C5355" s="39" t="s">
        <v>52</v>
      </c>
      <c r="D5355" s="45">
        <v>312</v>
      </c>
      <c r="E5355" s="46">
        <v>50.6</v>
      </c>
      <c r="F5355" s="47">
        <v>49.4</v>
      </c>
    </row>
    <row r="5356" spans="2:6" x14ac:dyDescent="0.2">
      <c r="B5356" s="77"/>
      <c r="C5356" s="39" t="s">
        <v>53</v>
      </c>
      <c r="D5356" s="45">
        <v>269</v>
      </c>
      <c r="E5356" s="46">
        <v>61.7</v>
      </c>
      <c r="F5356" s="47">
        <v>38.299999999999997</v>
      </c>
    </row>
    <row r="5357" spans="2:6" ht="21.6" x14ac:dyDescent="0.2">
      <c r="B5357" s="77"/>
      <c r="C5357" s="39" t="s">
        <v>54</v>
      </c>
      <c r="D5357" s="45">
        <v>511</v>
      </c>
      <c r="E5357" s="46">
        <v>69.5</v>
      </c>
      <c r="F5357" s="47">
        <v>30.5</v>
      </c>
    </row>
    <row r="5358" spans="2:6" ht="21.6" x14ac:dyDescent="0.2">
      <c r="B5358" s="77"/>
      <c r="C5358" s="39" t="s">
        <v>55</v>
      </c>
      <c r="D5358" s="45">
        <v>615</v>
      </c>
      <c r="E5358" s="46">
        <v>74.5</v>
      </c>
      <c r="F5358" s="47">
        <v>25.5</v>
      </c>
    </row>
    <row r="5359" spans="2:6" ht="21.6" x14ac:dyDescent="0.2">
      <c r="B5359" s="77"/>
      <c r="C5359" s="39" t="s">
        <v>56</v>
      </c>
      <c r="D5359" s="45">
        <v>800</v>
      </c>
      <c r="E5359" s="46">
        <v>72.3</v>
      </c>
      <c r="F5359" s="47">
        <v>27.8</v>
      </c>
    </row>
    <row r="5360" spans="2:6" x14ac:dyDescent="0.2">
      <c r="B5360" s="77"/>
      <c r="C5360" s="40" t="s">
        <v>57</v>
      </c>
      <c r="D5360" s="48">
        <v>798</v>
      </c>
      <c r="E5360" s="49">
        <v>63.2</v>
      </c>
      <c r="F5360" s="50">
        <v>36.799999999999997</v>
      </c>
    </row>
    <row r="5361" spans="1:25" x14ac:dyDescent="0.2">
      <c r="B5361" s="7" t="s">
        <v>71</v>
      </c>
      <c r="C5361" s="4" t="s">
        <v>226</v>
      </c>
    </row>
    <row r="5362" spans="1:25" x14ac:dyDescent="0.2">
      <c r="B5362" s="4"/>
      <c r="C5362" s="4" t="s">
        <v>73</v>
      </c>
    </row>
    <row r="5364" spans="1:25" x14ac:dyDescent="0.2">
      <c r="C5364" t="s">
        <v>35</v>
      </c>
    </row>
    <row r="5365" spans="1:25" x14ac:dyDescent="0.2">
      <c r="B5365" s="75" t="s">
        <v>362</v>
      </c>
      <c r="C5365" s="76"/>
      <c r="D5365" s="76"/>
      <c r="E5365" s="76"/>
      <c r="F5365" s="76"/>
      <c r="G5365" s="76"/>
      <c r="H5365" s="76"/>
      <c r="I5365" s="76"/>
      <c r="J5365" s="76"/>
      <c r="K5365" s="76"/>
      <c r="L5365" s="76"/>
      <c r="M5365" s="76"/>
      <c r="N5365" s="76"/>
      <c r="O5365" s="76"/>
      <c r="P5365" s="76"/>
      <c r="Q5365" s="76"/>
      <c r="R5365" s="76"/>
      <c r="S5365" s="76"/>
      <c r="T5365" s="76"/>
      <c r="U5365" s="76"/>
      <c r="V5365" s="76"/>
      <c r="W5365" s="76"/>
      <c r="X5365" s="76"/>
      <c r="Y5365" s="76"/>
    </row>
    <row r="5366" spans="1:25" s="32" customFormat="1" ht="36.450000000000003" customHeight="1" x14ac:dyDescent="0.15">
      <c r="A5366" s="31"/>
      <c r="D5366" s="33" t="s">
        <v>378</v>
      </c>
      <c r="E5366" s="36" t="s">
        <v>643</v>
      </c>
      <c r="F5366" s="37" t="s">
        <v>644</v>
      </c>
      <c r="G5366" s="35" t="s">
        <v>381</v>
      </c>
    </row>
    <row r="5367" spans="1:25" ht="21.6" x14ac:dyDescent="0.2">
      <c r="B5367" s="77" t="s">
        <v>37</v>
      </c>
      <c r="C5367" s="38" t="s">
        <v>58</v>
      </c>
      <c r="D5367" s="51">
        <v>609</v>
      </c>
      <c r="E5367" s="52">
        <v>69</v>
      </c>
      <c r="F5367" s="53">
        <v>31</v>
      </c>
    </row>
    <row r="5368" spans="1:25" ht="21.6" x14ac:dyDescent="0.2">
      <c r="B5368" s="77"/>
      <c r="C5368" s="39" t="s">
        <v>59</v>
      </c>
      <c r="D5368" s="45">
        <v>1391</v>
      </c>
      <c r="E5368" s="46">
        <v>61</v>
      </c>
      <c r="F5368" s="47">
        <v>39</v>
      </c>
    </row>
    <row r="5369" spans="1:25" x14ac:dyDescent="0.2">
      <c r="B5369" s="77"/>
      <c r="C5369" s="39" t="s">
        <v>60</v>
      </c>
      <c r="D5369" s="45">
        <v>1325</v>
      </c>
      <c r="E5369" s="46">
        <v>64.900000000000006</v>
      </c>
      <c r="F5369" s="47">
        <v>35.1</v>
      </c>
    </row>
    <row r="5370" spans="1:25" x14ac:dyDescent="0.2">
      <c r="B5370" s="77"/>
      <c r="C5370" s="39" t="s">
        <v>61</v>
      </c>
      <c r="D5370" s="45">
        <v>675</v>
      </c>
      <c r="E5370" s="46">
        <v>60.6</v>
      </c>
      <c r="F5370" s="47">
        <v>39.4</v>
      </c>
    </row>
    <row r="5371" spans="1:25" x14ac:dyDescent="0.2">
      <c r="B5371" s="77"/>
      <c r="C5371" s="39" t="s">
        <v>62</v>
      </c>
      <c r="D5371" s="45">
        <v>1086</v>
      </c>
      <c r="E5371" s="46">
        <v>64.2</v>
      </c>
      <c r="F5371" s="47">
        <v>35.799999999999997</v>
      </c>
    </row>
    <row r="5372" spans="1:25" ht="21.6" x14ac:dyDescent="0.2">
      <c r="B5372" s="77"/>
      <c r="C5372" s="39" t="s">
        <v>63</v>
      </c>
      <c r="D5372" s="45">
        <v>203</v>
      </c>
      <c r="E5372" s="46">
        <v>54.2</v>
      </c>
      <c r="F5372" s="47">
        <v>45.8</v>
      </c>
    </row>
    <row r="5373" spans="1:25" x14ac:dyDescent="0.2">
      <c r="B5373" s="77"/>
      <c r="C5373" s="39" t="s">
        <v>64</v>
      </c>
      <c r="D5373" s="45">
        <v>263</v>
      </c>
      <c r="E5373" s="46">
        <v>64.3</v>
      </c>
      <c r="F5373" s="47">
        <v>35.700000000000003</v>
      </c>
    </row>
    <row r="5374" spans="1:25" x14ac:dyDescent="0.2">
      <c r="B5374" s="77"/>
      <c r="C5374" s="39" t="s">
        <v>65</v>
      </c>
      <c r="D5374" s="45">
        <v>312</v>
      </c>
      <c r="E5374" s="46">
        <v>63.1</v>
      </c>
      <c r="F5374" s="47">
        <v>36.9</v>
      </c>
    </row>
    <row r="5375" spans="1:25" x14ac:dyDescent="0.2">
      <c r="B5375" s="77"/>
      <c r="C5375" s="39" t="s">
        <v>66</v>
      </c>
      <c r="D5375" s="45">
        <v>230</v>
      </c>
      <c r="E5375" s="46">
        <v>70.900000000000006</v>
      </c>
      <c r="F5375" s="47">
        <v>29.1</v>
      </c>
    </row>
    <row r="5376" spans="1:25" x14ac:dyDescent="0.2">
      <c r="B5376" s="77"/>
      <c r="C5376" s="39" t="s">
        <v>67</v>
      </c>
      <c r="D5376" s="45">
        <v>78</v>
      </c>
      <c r="E5376" s="46">
        <v>74.400000000000006</v>
      </c>
      <c r="F5376" s="47">
        <v>25.6</v>
      </c>
    </row>
    <row r="5377" spans="1:25" x14ac:dyDescent="0.2">
      <c r="B5377" s="77"/>
      <c r="C5377" s="39" t="s">
        <v>68</v>
      </c>
      <c r="D5377" s="45">
        <v>897</v>
      </c>
      <c r="E5377" s="46">
        <v>67.099999999999994</v>
      </c>
      <c r="F5377" s="47">
        <v>32.9</v>
      </c>
    </row>
    <row r="5378" spans="1:25" x14ac:dyDescent="0.2">
      <c r="B5378" s="77"/>
      <c r="C5378" s="39" t="s">
        <v>69</v>
      </c>
      <c r="D5378" s="45">
        <v>189</v>
      </c>
      <c r="E5378" s="46">
        <v>50.3</v>
      </c>
      <c r="F5378" s="47">
        <v>49.7</v>
      </c>
    </row>
    <row r="5379" spans="1:25" x14ac:dyDescent="0.2">
      <c r="B5379" s="77"/>
      <c r="C5379" s="39" t="s">
        <v>70</v>
      </c>
      <c r="D5379" s="45">
        <v>914</v>
      </c>
      <c r="E5379" s="46">
        <v>62.6</v>
      </c>
      <c r="F5379" s="47">
        <v>37.4</v>
      </c>
    </row>
    <row r="5380" spans="1:25" ht="21.6" x14ac:dyDescent="0.2">
      <c r="B5380" s="77"/>
      <c r="C5380" s="39" t="s">
        <v>63</v>
      </c>
      <c r="D5380" s="45">
        <v>193</v>
      </c>
      <c r="E5380" s="46">
        <v>57</v>
      </c>
      <c r="F5380" s="47">
        <v>43</v>
      </c>
    </row>
    <row r="5381" spans="1:25" x14ac:dyDescent="0.2">
      <c r="B5381" s="77"/>
      <c r="C5381" s="39" t="s">
        <v>64</v>
      </c>
      <c r="D5381" s="45">
        <v>203</v>
      </c>
      <c r="E5381" s="46">
        <v>61.1</v>
      </c>
      <c r="F5381" s="47">
        <v>38.9</v>
      </c>
    </row>
    <row r="5382" spans="1:25" x14ac:dyDescent="0.2">
      <c r="B5382" s="77"/>
      <c r="C5382" s="39" t="s">
        <v>65</v>
      </c>
      <c r="D5382" s="45">
        <v>263</v>
      </c>
      <c r="E5382" s="46">
        <v>62.4</v>
      </c>
      <c r="F5382" s="47">
        <v>37.6</v>
      </c>
    </row>
    <row r="5383" spans="1:25" x14ac:dyDescent="0.2">
      <c r="B5383" s="77"/>
      <c r="C5383" s="39" t="s">
        <v>66</v>
      </c>
      <c r="D5383" s="45">
        <v>194</v>
      </c>
      <c r="E5383" s="46">
        <v>69.099999999999994</v>
      </c>
      <c r="F5383" s="47">
        <v>30.9</v>
      </c>
    </row>
    <row r="5384" spans="1:25" x14ac:dyDescent="0.2">
      <c r="B5384" s="77"/>
      <c r="C5384" s="39" t="s">
        <v>67</v>
      </c>
      <c r="D5384" s="45">
        <v>61</v>
      </c>
      <c r="E5384" s="46">
        <v>65.599999999999994</v>
      </c>
      <c r="F5384" s="47">
        <v>34.4</v>
      </c>
    </row>
    <row r="5385" spans="1:25" x14ac:dyDescent="0.2">
      <c r="B5385" s="77"/>
      <c r="C5385" s="39" t="s">
        <v>68</v>
      </c>
      <c r="D5385" s="45">
        <v>416</v>
      </c>
      <c r="E5385" s="46">
        <v>68.5</v>
      </c>
      <c r="F5385" s="47">
        <v>31.5</v>
      </c>
    </row>
    <row r="5386" spans="1:25" x14ac:dyDescent="0.2">
      <c r="B5386" s="77"/>
      <c r="C5386" s="40" t="s">
        <v>69</v>
      </c>
      <c r="D5386" s="48">
        <v>498</v>
      </c>
      <c r="E5386" s="49">
        <v>57.6</v>
      </c>
      <c r="F5386" s="50">
        <v>42.4</v>
      </c>
    </row>
    <row r="5387" spans="1:25" x14ac:dyDescent="0.2">
      <c r="B5387" s="7" t="s">
        <v>71</v>
      </c>
      <c r="C5387" s="4" t="s">
        <v>226</v>
      </c>
    </row>
    <row r="5388" spans="1:25" x14ac:dyDescent="0.2">
      <c r="B5388" s="4"/>
      <c r="C5388" s="4" t="s">
        <v>73</v>
      </c>
    </row>
    <row r="5390" spans="1:25" x14ac:dyDescent="0.2">
      <c r="A5390" s="26" t="s">
        <v>25</v>
      </c>
      <c r="B5390" t="s">
        <v>35</v>
      </c>
      <c r="C5390" t="s">
        <v>35</v>
      </c>
    </row>
    <row r="5391" spans="1:25" x14ac:dyDescent="0.2">
      <c r="B5391" s="75" t="s">
        <v>227</v>
      </c>
      <c r="C5391" s="76"/>
      <c r="D5391" s="76"/>
      <c r="E5391" s="76"/>
      <c r="F5391" s="76"/>
      <c r="G5391" s="76"/>
      <c r="H5391" s="76"/>
      <c r="I5391" s="76"/>
      <c r="J5391" s="76"/>
      <c r="K5391" s="76"/>
      <c r="L5391" s="76"/>
      <c r="M5391" s="76"/>
      <c r="N5391" s="76"/>
      <c r="O5391" s="76"/>
      <c r="P5391" s="76"/>
      <c r="Q5391" s="76"/>
      <c r="R5391" s="76"/>
      <c r="S5391" s="76"/>
      <c r="T5391" s="76"/>
      <c r="U5391" s="76"/>
      <c r="V5391" s="76"/>
      <c r="W5391" s="76"/>
      <c r="X5391" s="76"/>
      <c r="Y5391" s="76"/>
    </row>
    <row r="5392" spans="1:25" s="32" customFormat="1" ht="36.450000000000003" customHeight="1" x14ac:dyDescent="0.15">
      <c r="A5392" s="31"/>
      <c r="D5392" s="33" t="s">
        <v>378</v>
      </c>
      <c r="E5392" s="36" t="s">
        <v>643</v>
      </c>
      <c r="F5392" s="37" t="s">
        <v>644</v>
      </c>
      <c r="G5392" s="35" t="s">
        <v>381</v>
      </c>
    </row>
    <row r="5393" spans="2:6" x14ac:dyDescent="0.2">
      <c r="B5393" s="5"/>
      <c r="C5393" s="41" t="s">
        <v>38</v>
      </c>
      <c r="D5393" s="42">
        <v>2000</v>
      </c>
      <c r="E5393" s="43">
        <v>60.6</v>
      </c>
      <c r="F5393" s="44">
        <v>39.4</v>
      </c>
    </row>
    <row r="5394" spans="2:6" x14ac:dyDescent="0.2">
      <c r="B5394" s="77" t="s">
        <v>37</v>
      </c>
      <c r="C5394" s="39" t="s">
        <v>39</v>
      </c>
      <c r="D5394" s="45">
        <v>111</v>
      </c>
      <c r="E5394" s="46">
        <v>59.5</v>
      </c>
      <c r="F5394" s="47">
        <v>40.5</v>
      </c>
    </row>
    <row r="5395" spans="2:6" x14ac:dyDescent="0.2">
      <c r="B5395" s="77"/>
      <c r="C5395" s="39" t="s">
        <v>40</v>
      </c>
      <c r="D5395" s="45">
        <v>450</v>
      </c>
      <c r="E5395" s="46">
        <v>68.400000000000006</v>
      </c>
      <c r="F5395" s="47">
        <v>31.6</v>
      </c>
    </row>
    <row r="5396" spans="2:6" ht="21.6" x14ac:dyDescent="0.2">
      <c r="B5396" s="77"/>
      <c r="C5396" s="39" t="s">
        <v>41</v>
      </c>
      <c r="D5396" s="45">
        <v>30</v>
      </c>
      <c r="E5396" s="46">
        <v>66.7</v>
      </c>
      <c r="F5396" s="47">
        <v>33.299999999999997</v>
      </c>
    </row>
    <row r="5397" spans="2:6" ht="21.6" x14ac:dyDescent="0.2">
      <c r="B5397" s="77"/>
      <c r="C5397" s="39" t="s">
        <v>42</v>
      </c>
      <c r="D5397" s="45">
        <v>336</v>
      </c>
      <c r="E5397" s="46">
        <v>68.5</v>
      </c>
      <c r="F5397" s="47">
        <v>31.5</v>
      </c>
    </row>
    <row r="5398" spans="2:6" ht="21.6" x14ac:dyDescent="0.2">
      <c r="B5398" s="77"/>
      <c r="C5398" s="39" t="s">
        <v>43</v>
      </c>
      <c r="D5398" s="45">
        <v>327</v>
      </c>
      <c r="E5398" s="46">
        <v>45.9</v>
      </c>
      <c r="F5398" s="47">
        <v>54.1</v>
      </c>
    </row>
    <row r="5399" spans="2:6" ht="21.6" x14ac:dyDescent="0.2">
      <c r="B5399" s="77"/>
      <c r="C5399" s="39" t="s">
        <v>44</v>
      </c>
      <c r="D5399" s="45">
        <v>181</v>
      </c>
      <c r="E5399" s="46">
        <v>62.4</v>
      </c>
      <c r="F5399" s="47">
        <v>37.6</v>
      </c>
    </row>
    <row r="5400" spans="2:6" ht="21.6" x14ac:dyDescent="0.2">
      <c r="B5400" s="77"/>
      <c r="C5400" s="39" t="s">
        <v>45</v>
      </c>
      <c r="D5400" s="45">
        <v>565</v>
      </c>
      <c r="E5400" s="46">
        <v>57.5</v>
      </c>
      <c r="F5400" s="47">
        <v>42.5</v>
      </c>
    </row>
    <row r="5401" spans="2:6" ht="21.6" x14ac:dyDescent="0.2">
      <c r="B5401" s="77"/>
      <c r="C5401" s="39" t="s">
        <v>46</v>
      </c>
      <c r="D5401" s="45">
        <v>473</v>
      </c>
      <c r="E5401" s="46">
        <v>56.2</v>
      </c>
      <c r="F5401" s="47">
        <v>43.8</v>
      </c>
    </row>
    <row r="5402" spans="2:6" ht="21.6" x14ac:dyDescent="0.2">
      <c r="B5402" s="77"/>
      <c r="C5402" s="39" t="s">
        <v>47</v>
      </c>
      <c r="D5402" s="45">
        <v>441</v>
      </c>
      <c r="E5402" s="46">
        <v>59.9</v>
      </c>
      <c r="F5402" s="47">
        <v>40.1</v>
      </c>
    </row>
    <row r="5403" spans="2:6" ht="21.6" x14ac:dyDescent="0.2">
      <c r="B5403" s="77"/>
      <c r="C5403" s="39" t="s">
        <v>48</v>
      </c>
      <c r="D5403" s="45">
        <v>305</v>
      </c>
      <c r="E5403" s="46">
        <v>64.599999999999994</v>
      </c>
      <c r="F5403" s="47">
        <v>35.4</v>
      </c>
    </row>
    <row r="5404" spans="2:6" ht="21.6" x14ac:dyDescent="0.2">
      <c r="B5404" s="77"/>
      <c r="C5404" s="39" t="s">
        <v>49</v>
      </c>
      <c r="D5404" s="45">
        <v>223</v>
      </c>
      <c r="E5404" s="46">
        <v>70.400000000000006</v>
      </c>
      <c r="F5404" s="47">
        <v>29.6</v>
      </c>
    </row>
    <row r="5405" spans="2:6" ht="21.6" x14ac:dyDescent="0.2">
      <c r="B5405" s="77"/>
      <c r="C5405" s="39" t="s">
        <v>50</v>
      </c>
      <c r="D5405" s="45">
        <v>123</v>
      </c>
      <c r="E5405" s="46">
        <v>75.599999999999994</v>
      </c>
      <c r="F5405" s="47">
        <v>24.4</v>
      </c>
    </row>
    <row r="5406" spans="2:6" ht="21.6" x14ac:dyDescent="0.2">
      <c r="B5406" s="77"/>
      <c r="C5406" s="39" t="s">
        <v>51</v>
      </c>
      <c r="D5406" s="45">
        <v>124</v>
      </c>
      <c r="E5406" s="46">
        <v>73.400000000000006</v>
      </c>
      <c r="F5406" s="47">
        <v>26.6</v>
      </c>
    </row>
    <row r="5407" spans="2:6" ht="21.6" x14ac:dyDescent="0.2">
      <c r="B5407" s="77"/>
      <c r="C5407" s="39" t="s">
        <v>52</v>
      </c>
      <c r="D5407" s="45">
        <v>312</v>
      </c>
      <c r="E5407" s="46">
        <v>48.4</v>
      </c>
      <c r="F5407" s="47">
        <v>51.6</v>
      </c>
    </row>
    <row r="5408" spans="2:6" x14ac:dyDescent="0.2">
      <c r="B5408" s="77"/>
      <c r="C5408" s="39" t="s">
        <v>53</v>
      </c>
      <c r="D5408" s="45">
        <v>269</v>
      </c>
      <c r="E5408" s="46">
        <v>57.2</v>
      </c>
      <c r="F5408" s="47">
        <v>42.8</v>
      </c>
    </row>
    <row r="5409" spans="1:25" ht="21.6" x14ac:dyDescent="0.2">
      <c r="B5409" s="77"/>
      <c r="C5409" s="39" t="s">
        <v>54</v>
      </c>
      <c r="D5409" s="45">
        <v>511</v>
      </c>
      <c r="E5409" s="46">
        <v>68.7</v>
      </c>
      <c r="F5409" s="47">
        <v>31.3</v>
      </c>
    </row>
    <row r="5410" spans="1:25" ht="21.6" x14ac:dyDescent="0.2">
      <c r="B5410" s="77"/>
      <c r="C5410" s="39" t="s">
        <v>55</v>
      </c>
      <c r="D5410" s="45">
        <v>615</v>
      </c>
      <c r="E5410" s="46">
        <v>69.900000000000006</v>
      </c>
      <c r="F5410" s="47">
        <v>30.1</v>
      </c>
    </row>
    <row r="5411" spans="1:25" ht="21.6" x14ac:dyDescent="0.2">
      <c r="B5411" s="77"/>
      <c r="C5411" s="39" t="s">
        <v>56</v>
      </c>
      <c r="D5411" s="45">
        <v>800</v>
      </c>
      <c r="E5411" s="46">
        <v>67.3</v>
      </c>
      <c r="F5411" s="47">
        <v>32.799999999999997</v>
      </c>
    </row>
    <row r="5412" spans="1:25" x14ac:dyDescent="0.2">
      <c r="B5412" s="77"/>
      <c r="C5412" s="40" t="s">
        <v>57</v>
      </c>
      <c r="D5412" s="48">
        <v>798</v>
      </c>
      <c r="E5412" s="49">
        <v>61.3</v>
      </c>
      <c r="F5412" s="50">
        <v>38.700000000000003</v>
      </c>
    </row>
    <row r="5413" spans="1:25" x14ac:dyDescent="0.2">
      <c r="B5413" s="7" t="s">
        <v>71</v>
      </c>
      <c r="C5413" s="4" t="s">
        <v>228</v>
      </c>
    </row>
    <row r="5414" spans="1:25" x14ac:dyDescent="0.2">
      <c r="B5414" s="4"/>
      <c r="C5414" s="4" t="s">
        <v>73</v>
      </c>
    </row>
    <row r="5416" spans="1:25" x14ac:dyDescent="0.2">
      <c r="C5416" t="s">
        <v>35</v>
      </c>
    </row>
    <row r="5417" spans="1:25" x14ac:dyDescent="0.2">
      <c r="B5417" s="75" t="s">
        <v>363</v>
      </c>
      <c r="C5417" s="76"/>
      <c r="D5417" s="76"/>
      <c r="E5417" s="76"/>
      <c r="F5417" s="76"/>
      <c r="G5417" s="76"/>
      <c r="H5417" s="76"/>
      <c r="I5417" s="76"/>
      <c r="J5417" s="76"/>
      <c r="K5417" s="76"/>
      <c r="L5417" s="76"/>
      <c r="M5417" s="76"/>
      <c r="N5417" s="76"/>
      <c r="O5417" s="76"/>
      <c r="P5417" s="76"/>
      <c r="Q5417" s="76"/>
      <c r="R5417" s="76"/>
      <c r="S5417" s="76"/>
      <c r="T5417" s="76"/>
      <c r="U5417" s="76"/>
      <c r="V5417" s="76"/>
      <c r="W5417" s="76"/>
      <c r="X5417" s="76"/>
      <c r="Y5417" s="76"/>
    </row>
    <row r="5418" spans="1:25" s="32" customFormat="1" ht="36.450000000000003" customHeight="1" x14ac:dyDescent="0.15">
      <c r="A5418" s="31"/>
      <c r="D5418" s="33" t="s">
        <v>378</v>
      </c>
      <c r="E5418" s="36" t="s">
        <v>643</v>
      </c>
      <c r="F5418" s="37" t="s">
        <v>644</v>
      </c>
      <c r="G5418" s="35" t="s">
        <v>381</v>
      </c>
    </row>
    <row r="5419" spans="1:25" ht="21.6" x14ac:dyDescent="0.2">
      <c r="B5419" s="77" t="s">
        <v>37</v>
      </c>
      <c r="C5419" s="38" t="s">
        <v>58</v>
      </c>
      <c r="D5419" s="51">
        <v>609</v>
      </c>
      <c r="E5419" s="52">
        <v>63.4</v>
      </c>
      <c r="F5419" s="53">
        <v>36.6</v>
      </c>
    </row>
    <row r="5420" spans="1:25" ht="21.6" x14ac:dyDescent="0.2">
      <c r="B5420" s="77"/>
      <c r="C5420" s="39" t="s">
        <v>59</v>
      </c>
      <c r="D5420" s="45">
        <v>1391</v>
      </c>
      <c r="E5420" s="46">
        <v>59.4</v>
      </c>
      <c r="F5420" s="47">
        <v>40.6</v>
      </c>
    </row>
    <row r="5421" spans="1:25" x14ac:dyDescent="0.2">
      <c r="B5421" s="77"/>
      <c r="C5421" s="39" t="s">
        <v>60</v>
      </c>
      <c r="D5421" s="45">
        <v>1325</v>
      </c>
      <c r="E5421" s="46">
        <v>62.1</v>
      </c>
      <c r="F5421" s="47">
        <v>37.9</v>
      </c>
    </row>
    <row r="5422" spans="1:25" x14ac:dyDescent="0.2">
      <c r="B5422" s="77"/>
      <c r="C5422" s="39" t="s">
        <v>61</v>
      </c>
      <c r="D5422" s="45">
        <v>675</v>
      </c>
      <c r="E5422" s="46">
        <v>57.6</v>
      </c>
      <c r="F5422" s="47">
        <v>42.4</v>
      </c>
    </row>
    <row r="5423" spans="1:25" x14ac:dyDescent="0.2">
      <c r="B5423" s="77"/>
      <c r="C5423" s="39" t="s">
        <v>62</v>
      </c>
      <c r="D5423" s="45">
        <v>1086</v>
      </c>
      <c r="E5423" s="46">
        <v>61.1</v>
      </c>
      <c r="F5423" s="47">
        <v>38.9</v>
      </c>
    </row>
    <row r="5424" spans="1:25" ht="21.6" x14ac:dyDescent="0.2">
      <c r="B5424" s="77"/>
      <c r="C5424" s="39" t="s">
        <v>63</v>
      </c>
      <c r="D5424" s="45">
        <v>203</v>
      </c>
      <c r="E5424" s="46">
        <v>53.2</v>
      </c>
      <c r="F5424" s="47">
        <v>46.8</v>
      </c>
    </row>
    <row r="5425" spans="2:6" x14ac:dyDescent="0.2">
      <c r="B5425" s="77"/>
      <c r="C5425" s="39" t="s">
        <v>64</v>
      </c>
      <c r="D5425" s="45">
        <v>263</v>
      </c>
      <c r="E5425" s="46">
        <v>61.6</v>
      </c>
      <c r="F5425" s="47">
        <v>38.4</v>
      </c>
    </row>
    <row r="5426" spans="2:6" x14ac:dyDescent="0.2">
      <c r="B5426" s="77"/>
      <c r="C5426" s="39" t="s">
        <v>65</v>
      </c>
      <c r="D5426" s="45">
        <v>312</v>
      </c>
      <c r="E5426" s="46">
        <v>58.3</v>
      </c>
      <c r="F5426" s="47">
        <v>41.7</v>
      </c>
    </row>
    <row r="5427" spans="2:6" x14ac:dyDescent="0.2">
      <c r="B5427" s="77"/>
      <c r="C5427" s="39" t="s">
        <v>66</v>
      </c>
      <c r="D5427" s="45">
        <v>230</v>
      </c>
      <c r="E5427" s="46">
        <v>66.5</v>
      </c>
      <c r="F5427" s="47">
        <v>33.5</v>
      </c>
    </row>
    <row r="5428" spans="2:6" x14ac:dyDescent="0.2">
      <c r="B5428" s="77"/>
      <c r="C5428" s="39" t="s">
        <v>67</v>
      </c>
      <c r="D5428" s="45">
        <v>78</v>
      </c>
      <c r="E5428" s="46">
        <v>75.599999999999994</v>
      </c>
      <c r="F5428" s="47">
        <v>24.4</v>
      </c>
    </row>
    <row r="5429" spans="2:6" x14ac:dyDescent="0.2">
      <c r="B5429" s="77"/>
      <c r="C5429" s="39" t="s">
        <v>68</v>
      </c>
      <c r="D5429" s="45">
        <v>897</v>
      </c>
      <c r="E5429" s="46">
        <v>63.4</v>
      </c>
      <c r="F5429" s="47">
        <v>36.6</v>
      </c>
    </row>
    <row r="5430" spans="2:6" x14ac:dyDescent="0.2">
      <c r="B5430" s="77"/>
      <c r="C5430" s="39" t="s">
        <v>69</v>
      </c>
      <c r="D5430" s="45">
        <v>189</v>
      </c>
      <c r="E5430" s="46">
        <v>50.3</v>
      </c>
      <c r="F5430" s="47">
        <v>49.7</v>
      </c>
    </row>
    <row r="5431" spans="2:6" x14ac:dyDescent="0.2">
      <c r="B5431" s="77"/>
      <c r="C5431" s="39" t="s">
        <v>70</v>
      </c>
      <c r="D5431" s="45">
        <v>914</v>
      </c>
      <c r="E5431" s="46">
        <v>60</v>
      </c>
      <c r="F5431" s="47">
        <v>40</v>
      </c>
    </row>
    <row r="5432" spans="2:6" ht="21.6" x14ac:dyDescent="0.2">
      <c r="B5432" s="77"/>
      <c r="C5432" s="39" t="s">
        <v>63</v>
      </c>
      <c r="D5432" s="45">
        <v>193</v>
      </c>
      <c r="E5432" s="46">
        <v>50.8</v>
      </c>
      <c r="F5432" s="47">
        <v>49.2</v>
      </c>
    </row>
    <row r="5433" spans="2:6" x14ac:dyDescent="0.2">
      <c r="B5433" s="77"/>
      <c r="C5433" s="39" t="s">
        <v>64</v>
      </c>
      <c r="D5433" s="45">
        <v>203</v>
      </c>
      <c r="E5433" s="46">
        <v>56.7</v>
      </c>
      <c r="F5433" s="47">
        <v>43.3</v>
      </c>
    </row>
    <row r="5434" spans="2:6" x14ac:dyDescent="0.2">
      <c r="B5434" s="77"/>
      <c r="C5434" s="39" t="s">
        <v>65</v>
      </c>
      <c r="D5434" s="45">
        <v>263</v>
      </c>
      <c r="E5434" s="46">
        <v>61.2</v>
      </c>
      <c r="F5434" s="47">
        <v>38.799999999999997</v>
      </c>
    </row>
    <row r="5435" spans="2:6" x14ac:dyDescent="0.2">
      <c r="B5435" s="77"/>
      <c r="C5435" s="39" t="s">
        <v>66</v>
      </c>
      <c r="D5435" s="45">
        <v>194</v>
      </c>
      <c r="E5435" s="46">
        <v>69.099999999999994</v>
      </c>
      <c r="F5435" s="47">
        <v>30.9</v>
      </c>
    </row>
    <row r="5436" spans="2:6" x14ac:dyDescent="0.2">
      <c r="B5436" s="77"/>
      <c r="C5436" s="39" t="s">
        <v>67</v>
      </c>
      <c r="D5436" s="45">
        <v>61</v>
      </c>
      <c r="E5436" s="46">
        <v>65.599999999999994</v>
      </c>
      <c r="F5436" s="47">
        <v>34.4</v>
      </c>
    </row>
    <row r="5437" spans="2:6" x14ac:dyDescent="0.2">
      <c r="B5437" s="77"/>
      <c r="C5437" s="39" t="s">
        <v>68</v>
      </c>
      <c r="D5437" s="45">
        <v>416</v>
      </c>
      <c r="E5437" s="46">
        <v>64.7</v>
      </c>
      <c r="F5437" s="47">
        <v>35.299999999999997</v>
      </c>
    </row>
    <row r="5438" spans="2:6" x14ac:dyDescent="0.2">
      <c r="B5438" s="77"/>
      <c r="C5438" s="40" t="s">
        <v>69</v>
      </c>
      <c r="D5438" s="48">
        <v>498</v>
      </c>
      <c r="E5438" s="49">
        <v>56</v>
      </c>
      <c r="F5438" s="50">
        <v>44</v>
      </c>
    </row>
    <row r="5439" spans="2:6" x14ac:dyDescent="0.2">
      <c r="B5439" s="7" t="s">
        <v>71</v>
      </c>
      <c r="C5439" s="4" t="s">
        <v>228</v>
      </c>
    </row>
    <row r="5440" spans="2:6" x14ac:dyDescent="0.2">
      <c r="B5440" s="4"/>
      <c r="C5440" s="4" t="s">
        <v>73</v>
      </c>
    </row>
    <row r="5442" spans="1:25" x14ac:dyDescent="0.2">
      <c r="A5442" s="26" t="s">
        <v>25</v>
      </c>
      <c r="B5442" t="s">
        <v>35</v>
      </c>
      <c r="C5442" t="s">
        <v>35</v>
      </c>
    </row>
    <row r="5443" spans="1:25" x14ac:dyDescent="0.2">
      <c r="B5443" s="75" t="s">
        <v>229</v>
      </c>
      <c r="C5443" s="76"/>
      <c r="D5443" s="76"/>
      <c r="E5443" s="76"/>
      <c r="F5443" s="76"/>
      <c r="G5443" s="76"/>
      <c r="H5443" s="76"/>
      <c r="I5443" s="76"/>
      <c r="J5443" s="76"/>
      <c r="K5443" s="76"/>
      <c r="L5443" s="76"/>
      <c r="M5443" s="76"/>
      <c r="N5443" s="76"/>
      <c r="O5443" s="76"/>
      <c r="P5443" s="76"/>
      <c r="Q5443" s="76"/>
      <c r="R5443" s="76"/>
      <c r="S5443" s="76"/>
      <c r="T5443" s="76"/>
      <c r="U5443" s="76"/>
      <c r="V5443" s="76"/>
      <c r="W5443" s="76"/>
      <c r="X5443" s="76"/>
      <c r="Y5443" s="76"/>
    </row>
    <row r="5444" spans="1:25" s="32" customFormat="1" ht="90.45" customHeight="1" x14ac:dyDescent="0.15">
      <c r="A5444" s="31"/>
      <c r="D5444" s="33" t="s">
        <v>378</v>
      </c>
      <c r="E5444" s="36" t="s">
        <v>645</v>
      </c>
      <c r="F5444" s="55" t="s">
        <v>646</v>
      </c>
      <c r="G5444" s="55" t="s">
        <v>647</v>
      </c>
      <c r="H5444" s="55" t="s">
        <v>648</v>
      </c>
      <c r="I5444" s="55" t="s">
        <v>649</v>
      </c>
      <c r="J5444" s="55" t="s">
        <v>650</v>
      </c>
      <c r="K5444" s="37" t="s">
        <v>480</v>
      </c>
      <c r="L5444" s="35" t="s">
        <v>381</v>
      </c>
    </row>
    <row r="5445" spans="1:25" x14ac:dyDescent="0.2">
      <c r="B5445" s="5"/>
      <c r="C5445" s="41" t="s">
        <v>38</v>
      </c>
      <c r="D5445" s="42">
        <v>2000</v>
      </c>
      <c r="E5445" s="43">
        <v>14.1</v>
      </c>
      <c r="F5445" s="43">
        <v>16.8</v>
      </c>
      <c r="G5445" s="43">
        <v>20.6</v>
      </c>
      <c r="H5445" s="43">
        <v>22.1</v>
      </c>
      <c r="I5445" s="43">
        <v>9.5</v>
      </c>
      <c r="J5445" s="43">
        <v>9.3000000000000007</v>
      </c>
      <c r="K5445" s="44">
        <v>7.7</v>
      </c>
    </row>
    <row r="5446" spans="1:25" x14ac:dyDescent="0.2">
      <c r="B5446" s="77" t="s">
        <v>37</v>
      </c>
      <c r="C5446" s="39" t="s">
        <v>39</v>
      </c>
      <c r="D5446" s="45">
        <v>111</v>
      </c>
      <c r="E5446" s="46">
        <v>7.2</v>
      </c>
      <c r="F5446" s="46">
        <v>19.8</v>
      </c>
      <c r="G5446" s="46">
        <v>17.100000000000001</v>
      </c>
      <c r="H5446" s="46">
        <v>28.8</v>
      </c>
      <c r="I5446" s="46">
        <v>13.5</v>
      </c>
      <c r="J5446" s="46">
        <v>7.2</v>
      </c>
      <c r="K5446" s="47">
        <v>6.3</v>
      </c>
    </row>
    <row r="5447" spans="1:25" x14ac:dyDescent="0.2">
      <c r="B5447" s="77"/>
      <c r="C5447" s="39" t="s">
        <v>40</v>
      </c>
      <c r="D5447" s="45">
        <v>450</v>
      </c>
      <c r="E5447" s="46">
        <v>13.8</v>
      </c>
      <c r="F5447" s="46">
        <v>19.8</v>
      </c>
      <c r="G5447" s="46">
        <v>22.7</v>
      </c>
      <c r="H5447" s="46">
        <v>27.6</v>
      </c>
      <c r="I5447" s="46">
        <v>6.2</v>
      </c>
      <c r="J5447" s="46">
        <v>5.0999999999999996</v>
      </c>
      <c r="K5447" s="47">
        <v>4.9000000000000004</v>
      </c>
    </row>
    <row r="5448" spans="1:25" ht="21.6" x14ac:dyDescent="0.2">
      <c r="B5448" s="77"/>
      <c r="C5448" s="39" t="s">
        <v>41</v>
      </c>
      <c r="D5448" s="45">
        <v>30</v>
      </c>
      <c r="E5448" s="46">
        <v>20</v>
      </c>
      <c r="F5448" s="46">
        <v>16.7</v>
      </c>
      <c r="G5448" s="46">
        <v>10</v>
      </c>
      <c r="H5448" s="46">
        <v>16.7</v>
      </c>
      <c r="I5448" s="46">
        <v>13.3</v>
      </c>
      <c r="J5448" s="46">
        <v>10</v>
      </c>
      <c r="K5448" s="47">
        <v>13.3</v>
      </c>
    </row>
    <row r="5449" spans="1:25" ht="21.6" x14ac:dyDescent="0.2">
      <c r="B5449" s="77"/>
      <c r="C5449" s="39" t="s">
        <v>42</v>
      </c>
      <c r="D5449" s="45">
        <v>336</v>
      </c>
      <c r="E5449" s="46">
        <v>17</v>
      </c>
      <c r="F5449" s="46">
        <v>17</v>
      </c>
      <c r="G5449" s="46">
        <v>24.4</v>
      </c>
      <c r="H5449" s="46">
        <v>23.5</v>
      </c>
      <c r="I5449" s="46">
        <v>6.5</v>
      </c>
      <c r="J5449" s="46">
        <v>6.8</v>
      </c>
      <c r="K5449" s="47">
        <v>4.8</v>
      </c>
    </row>
    <row r="5450" spans="1:25" ht="21.6" x14ac:dyDescent="0.2">
      <c r="B5450" s="77"/>
      <c r="C5450" s="39" t="s">
        <v>43</v>
      </c>
      <c r="D5450" s="45">
        <v>327</v>
      </c>
      <c r="E5450" s="46">
        <v>13.8</v>
      </c>
      <c r="F5450" s="46">
        <v>14.7</v>
      </c>
      <c r="G5450" s="46">
        <v>15</v>
      </c>
      <c r="H5450" s="46">
        <v>16.5</v>
      </c>
      <c r="I5450" s="46">
        <v>16.5</v>
      </c>
      <c r="J5450" s="46">
        <v>12.5</v>
      </c>
      <c r="K5450" s="47">
        <v>11</v>
      </c>
    </row>
    <row r="5451" spans="1:25" ht="21.6" x14ac:dyDescent="0.2">
      <c r="B5451" s="77"/>
      <c r="C5451" s="39" t="s">
        <v>44</v>
      </c>
      <c r="D5451" s="45">
        <v>181</v>
      </c>
      <c r="E5451" s="46">
        <v>14.9</v>
      </c>
      <c r="F5451" s="46">
        <v>21</v>
      </c>
      <c r="G5451" s="46">
        <v>23.8</v>
      </c>
      <c r="H5451" s="46">
        <v>21</v>
      </c>
      <c r="I5451" s="46">
        <v>5.5</v>
      </c>
      <c r="J5451" s="46">
        <v>7.7</v>
      </c>
      <c r="K5451" s="47">
        <v>6.1</v>
      </c>
    </row>
    <row r="5452" spans="1:25" ht="21.6" x14ac:dyDescent="0.2">
      <c r="B5452" s="77"/>
      <c r="C5452" s="39" t="s">
        <v>45</v>
      </c>
      <c r="D5452" s="45">
        <v>565</v>
      </c>
      <c r="E5452" s="46">
        <v>13.6</v>
      </c>
      <c r="F5452" s="46">
        <v>13.5</v>
      </c>
      <c r="G5452" s="46">
        <v>20.2</v>
      </c>
      <c r="H5452" s="46">
        <v>19.3</v>
      </c>
      <c r="I5452" s="46">
        <v>10.1</v>
      </c>
      <c r="J5452" s="46">
        <v>13.1</v>
      </c>
      <c r="K5452" s="47">
        <v>10.3</v>
      </c>
    </row>
    <row r="5453" spans="1:25" ht="21.6" x14ac:dyDescent="0.2">
      <c r="B5453" s="77"/>
      <c r="C5453" s="39" t="s">
        <v>46</v>
      </c>
      <c r="D5453" s="45">
        <v>473</v>
      </c>
      <c r="E5453" s="46">
        <v>18.600000000000001</v>
      </c>
      <c r="F5453" s="46">
        <v>15.4</v>
      </c>
      <c r="G5453" s="46">
        <v>14.2</v>
      </c>
      <c r="H5453" s="46">
        <v>15.9</v>
      </c>
      <c r="I5453" s="46">
        <v>10.6</v>
      </c>
      <c r="J5453" s="46">
        <v>16.5</v>
      </c>
      <c r="K5453" s="47">
        <v>8.9</v>
      </c>
    </row>
    <row r="5454" spans="1:25" ht="21.6" x14ac:dyDescent="0.2">
      <c r="B5454" s="77"/>
      <c r="C5454" s="39" t="s">
        <v>47</v>
      </c>
      <c r="D5454" s="45">
        <v>441</v>
      </c>
      <c r="E5454" s="46">
        <v>15</v>
      </c>
      <c r="F5454" s="46">
        <v>17</v>
      </c>
      <c r="G5454" s="46">
        <v>22.7</v>
      </c>
      <c r="H5454" s="46">
        <v>24</v>
      </c>
      <c r="I5454" s="46">
        <v>11.6</v>
      </c>
      <c r="J5454" s="46">
        <v>5.2</v>
      </c>
      <c r="K5454" s="47">
        <v>4.5</v>
      </c>
    </row>
    <row r="5455" spans="1:25" ht="21.6" x14ac:dyDescent="0.2">
      <c r="B5455" s="77"/>
      <c r="C5455" s="39" t="s">
        <v>48</v>
      </c>
      <c r="D5455" s="45">
        <v>305</v>
      </c>
      <c r="E5455" s="46">
        <v>10.199999999999999</v>
      </c>
      <c r="F5455" s="46">
        <v>19</v>
      </c>
      <c r="G5455" s="46">
        <v>23</v>
      </c>
      <c r="H5455" s="46">
        <v>28.2</v>
      </c>
      <c r="I5455" s="46">
        <v>7.5</v>
      </c>
      <c r="J5455" s="46">
        <v>5.9</v>
      </c>
      <c r="K5455" s="47">
        <v>6.2</v>
      </c>
    </row>
    <row r="5456" spans="1:25" ht="21.6" x14ac:dyDescent="0.2">
      <c r="B5456" s="77"/>
      <c r="C5456" s="39" t="s">
        <v>49</v>
      </c>
      <c r="D5456" s="45">
        <v>223</v>
      </c>
      <c r="E5456" s="46">
        <v>11.2</v>
      </c>
      <c r="F5456" s="46">
        <v>23.3</v>
      </c>
      <c r="G5456" s="46">
        <v>22.9</v>
      </c>
      <c r="H5456" s="46">
        <v>26.9</v>
      </c>
      <c r="I5456" s="46">
        <v>8.1</v>
      </c>
      <c r="J5456" s="46">
        <v>5.4</v>
      </c>
      <c r="K5456" s="47">
        <v>2.2000000000000002</v>
      </c>
    </row>
    <row r="5457" spans="1:25" ht="21.6" x14ac:dyDescent="0.2">
      <c r="B5457" s="77"/>
      <c r="C5457" s="39" t="s">
        <v>50</v>
      </c>
      <c r="D5457" s="45">
        <v>123</v>
      </c>
      <c r="E5457" s="46">
        <v>12.2</v>
      </c>
      <c r="F5457" s="46">
        <v>18.7</v>
      </c>
      <c r="G5457" s="46">
        <v>29.3</v>
      </c>
      <c r="H5457" s="46">
        <v>26.8</v>
      </c>
      <c r="I5457" s="46">
        <v>7.3</v>
      </c>
      <c r="J5457" s="46">
        <v>3.3</v>
      </c>
      <c r="K5457" s="47">
        <v>2.4</v>
      </c>
    </row>
    <row r="5458" spans="1:25" ht="21.6" x14ac:dyDescent="0.2">
      <c r="B5458" s="77"/>
      <c r="C5458" s="39" t="s">
        <v>51</v>
      </c>
      <c r="D5458" s="45">
        <v>124</v>
      </c>
      <c r="E5458" s="46">
        <v>12.9</v>
      </c>
      <c r="F5458" s="46">
        <v>16.100000000000001</v>
      </c>
      <c r="G5458" s="46">
        <v>26.6</v>
      </c>
      <c r="H5458" s="46">
        <v>22.6</v>
      </c>
      <c r="I5458" s="46">
        <v>9.6999999999999993</v>
      </c>
      <c r="J5458" s="46">
        <v>7.3</v>
      </c>
      <c r="K5458" s="47">
        <v>4.8</v>
      </c>
    </row>
    <row r="5459" spans="1:25" ht="21.6" x14ac:dyDescent="0.2">
      <c r="B5459" s="77"/>
      <c r="C5459" s="39" t="s">
        <v>52</v>
      </c>
      <c r="D5459" s="45">
        <v>312</v>
      </c>
      <c r="E5459" s="46">
        <v>9.3000000000000007</v>
      </c>
      <c r="F5459" s="46">
        <v>9.6</v>
      </c>
      <c r="G5459" s="46">
        <v>11.9</v>
      </c>
      <c r="H5459" s="46">
        <v>21.5</v>
      </c>
      <c r="I5459" s="46">
        <v>19.600000000000001</v>
      </c>
      <c r="J5459" s="46">
        <v>16.3</v>
      </c>
      <c r="K5459" s="47">
        <v>11.9</v>
      </c>
    </row>
    <row r="5460" spans="1:25" x14ac:dyDescent="0.2">
      <c r="B5460" s="77"/>
      <c r="C5460" s="39" t="s">
        <v>53</v>
      </c>
      <c r="D5460" s="45">
        <v>269</v>
      </c>
      <c r="E5460" s="46">
        <v>13.4</v>
      </c>
      <c r="F5460" s="46">
        <v>13.8</v>
      </c>
      <c r="G5460" s="46">
        <v>20.100000000000001</v>
      </c>
      <c r="H5460" s="46">
        <v>23.4</v>
      </c>
      <c r="I5460" s="46">
        <v>11.5</v>
      </c>
      <c r="J5460" s="46">
        <v>9.6999999999999993</v>
      </c>
      <c r="K5460" s="47">
        <v>8.1999999999999993</v>
      </c>
    </row>
    <row r="5461" spans="1:25" ht="21.6" x14ac:dyDescent="0.2">
      <c r="B5461" s="77"/>
      <c r="C5461" s="39" t="s">
        <v>54</v>
      </c>
      <c r="D5461" s="45">
        <v>511</v>
      </c>
      <c r="E5461" s="46">
        <v>13.5</v>
      </c>
      <c r="F5461" s="46">
        <v>18.8</v>
      </c>
      <c r="G5461" s="46">
        <v>25.2</v>
      </c>
      <c r="H5461" s="46">
        <v>27</v>
      </c>
      <c r="I5461" s="46">
        <v>7.4</v>
      </c>
      <c r="J5461" s="46">
        <v>4.7</v>
      </c>
      <c r="K5461" s="47">
        <v>3.3</v>
      </c>
    </row>
    <row r="5462" spans="1:25" ht="21.6" x14ac:dyDescent="0.2">
      <c r="B5462" s="77"/>
      <c r="C5462" s="39" t="s">
        <v>55</v>
      </c>
      <c r="D5462" s="45">
        <v>615</v>
      </c>
      <c r="E5462" s="46">
        <v>16.3</v>
      </c>
      <c r="F5462" s="46">
        <v>22.1</v>
      </c>
      <c r="G5462" s="46">
        <v>25.7</v>
      </c>
      <c r="H5462" s="46">
        <v>23.3</v>
      </c>
      <c r="I5462" s="46">
        <v>5.5</v>
      </c>
      <c r="J5462" s="46">
        <v>4.9000000000000004</v>
      </c>
      <c r="K5462" s="47">
        <v>2.2999999999999998</v>
      </c>
    </row>
    <row r="5463" spans="1:25" ht="21.6" x14ac:dyDescent="0.2">
      <c r="B5463" s="77"/>
      <c r="C5463" s="39" t="s">
        <v>56</v>
      </c>
      <c r="D5463" s="45">
        <v>800</v>
      </c>
      <c r="E5463" s="46">
        <v>17.399999999999999</v>
      </c>
      <c r="F5463" s="46">
        <v>21.3</v>
      </c>
      <c r="G5463" s="46">
        <v>24.5</v>
      </c>
      <c r="H5463" s="46">
        <v>23</v>
      </c>
      <c r="I5463" s="46">
        <v>6</v>
      </c>
      <c r="J5463" s="46">
        <v>5</v>
      </c>
      <c r="K5463" s="47">
        <v>2.9</v>
      </c>
    </row>
    <row r="5464" spans="1:25" x14ac:dyDescent="0.2">
      <c r="B5464" s="77"/>
      <c r="C5464" s="40" t="s">
        <v>57</v>
      </c>
      <c r="D5464" s="48">
        <v>798</v>
      </c>
      <c r="E5464" s="49">
        <v>11.4</v>
      </c>
      <c r="F5464" s="49">
        <v>13.5</v>
      </c>
      <c r="G5464" s="49">
        <v>20.6</v>
      </c>
      <c r="H5464" s="49">
        <v>25.2</v>
      </c>
      <c r="I5464" s="49">
        <v>12</v>
      </c>
      <c r="J5464" s="49">
        <v>10.3</v>
      </c>
      <c r="K5464" s="50">
        <v>7</v>
      </c>
    </row>
    <row r="5465" spans="1:25" x14ac:dyDescent="0.2">
      <c r="B5465" s="7" t="s">
        <v>71</v>
      </c>
      <c r="C5465" s="4" t="s">
        <v>230</v>
      </c>
    </row>
    <row r="5466" spans="1:25" x14ac:dyDescent="0.2">
      <c r="B5466" s="4"/>
      <c r="C5466" s="4" t="s">
        <v>73</v>
      </c>
    </row>
    <row r="5468" spans="1:25" x14ac:dyDescent="0.2">
      <c r="C5468" t="s">
        <v>35</v>
      </c>
    </row>
    <row r="5469" spans="1:25" x14ac:dyDescent="0.2">
      <c r="B5469" s="75" t="s">
        <v>364</v>
      </c>
      <c r="C5469" s="76"/>
      <c r="D5469" s="76"/>
      <c r="E5469" s="76"/>
      <c r="F5469" s="76"/>
      <c r="G5469" s="76"/>
      <c r="H5469" s="76"/>
      <c r="I5469" s="76"/>
      <c r="J5469" s="76"/>
      <c r="K5469" s="76"/>
      <c r="L5469" s="76"/>
      <c r="M5469" s="76"/>
      <c r="N5469" s="76"/>
      <c r="O5469" s="76"/>
      <c r="P5469" s="76"/>
      <c r="Q5469" s="76"/>
      <c r="R5469" s="76"/>
      <c r="S5469" s="76"/>
      <c r="T5469" s="76"/>
      <c r="U5469" s="76"/>
      <c r="V5469" s="76"/>
      <c r="W5469" s="76"/>
      <c r="X5469" s="76"/>
      <c r="Y5469" s="76"/>
    </row>
    <row r="5470" spans="1:25" s="32" customFormat="1" ht="90.45" customHeight="1" x14ac:dyDescent="0.15">
      <c r="A5470" s="31"/>
      <c r="D5470" s="33" t="s">
        <v>378</v>
      </c>
      <c r="E5470" s="36" t="s">
        <v>645</v>
      </c>
      <c r="F5470" s="55" t="s">
        <v>646</v>
      </c>
      <c r="G5470" s="55" t="s">
        <v>647</v>
      </c>
      <c r="H5470" s="55" t="s">
        <v>648</v>
      </c>
      <c r="I5470" s="55" t="s">
        <v>649</v>
      </c>
      <c r="J5470" s="55" t="s">
        <v>650</v>
      </c>
      <c r="K5470" s="37" t="s">
        <v>480</v>
      </c>
      <c r="L5470" s="35" t="s">
        <v>381</v>
      </c>
    </row>
    <row r="5471" spans="1:25" ht="21.6" x14ac:dyDescent="0.2">
      <c r="B5471" s="77" t="s">
        <v>37</v>
      </c>
      <c r="C5471" s="38" t="s">
        <v>58</v>
      </c>
      <c r="D5471" s="51">
        <v>609</v>
      </c>
      <c r="E5471" s="52">
        <v>18.899999999999999</v>
      </c>
      <c r="F5471" s="52">
        <v>20.7</v>
      </c>
      <c r="G5471" s="52">
        <v>23.6</v>
      </c>
      <c r="H5471" s="52">
        <v>22.7</v>
      </c>
      <c r="I5471" s="52">
        <v>5.7</v>
      </c>
      <c r="J5471" s="52">
        <v>4.8</v>
      </c>
      <c r="K5471" s="53">
        <v>3.6</v>
      </c>
    </row>
    <row r="5472" spans="1:25" ht="21.6" x14ac:dyDescent="0.2">
      <c r="B5472" s="77"/>
      <c r="C5472" s="39" t="s">
        <v>59</v>
      </c>
      <c r="D5472" s="45">
        <v>1391</v>
      </c>
      <c r="E5472" s="46">
        <v>12</v>
      </c>
      <c r="F5472" s="46">
        <v>15</v>
      </c>
      <c r="G5472" s="46">
        <v>19.3</v>
      </c>
      <c r="H5472" s="46">
        <v>21.8</v>
      </c>
      <c r="I5472" s="46">
        <v>11.1</v>
      </c>
      <c r="J5472" s="46">
        <v>11.3</v>
      </c>
      <c r="K5472" s="47">
        <v>9.5</v>
      </c>
    </row>
    <row r="5473" spans="2:11" x14ac:dyDescent="0.2">
      <c r="B5473" s="77"/>
      <c r="C5473" s="39" t="s">
        <v>60</v>
      </c>
      <c r="D5473" s="45">
        <v>1325</v>
      </c>
      <c r="E5473" s="46">
        <v>13.9</v>
      </c>
      <c r="F5473" s="46">
        <v>16.5</v>
      </c>
      <c r="G5473" s="46">
        <v>22</v>
      </c>
      <c r="H5473" s="46">
        <v>22.6</v>
      </c>
      <c r="I5473" s="46">
        <v>8.6</v>
      </c>
      <c r="J5473" s="46">
        <v>9.3000000000000007</v>
      </c>
      <c r="K5473" s="47">
        <v>7.1</v>
      </c>
    </row>
    <row r="5474" spans="2:11" x14ac:dyDescent="0.2">
      <c r="B5474" s="77"/>
      <c r="C5474" s="39" t="s">
        <v>61</v>
      </c>
      <c r="D5474" s="45">
        <v>675</v>
      </c>
      <c r="E5474" s="46">
        <v>14.5</v>
      </c>
      <c r="F5474" s="46">
        <v>17.2</v>
      </c>
      <c r="G5474" s="46">
        <v>17.8</v>
      </c>
      <c r="H5474" s="46">
        <v>21</v>
      </c>
      <c r="I5474" s="46">
        <v>11.3</v>
      </c>
      <c r="J5474" s="46">
        <v>9.3000000000000007</v>
      </c>
      <c r="K5474" s="47">
        <v>8.9</v>
      </c>
    </row>
    <row r="5475" spans="2:11" x14ac:dyDescent="0.2">
      <c r="B5475" s="77"/>
      <c r="C5475" s="39" t="s">
        <v>62</v>
      </c>
      <c r="D5475" s="45">
        <v>1086</v>
      </c>
      <c r="E5475" s="46">
        <v>12</v>
      </c>
      <c r="F5475" s="46">
        <v>16</v>
      </c>
      <c r="G5475" s="46">
        <v>22.2</v>
      </c>
      <c r="H5475" s="46">
        <v>28</v>
      </c>
      <c r="I5475" s="46">
        <v>9.1999999999999993</v>
      </c>
      <c r="J5475" s="46">
        <v>4.8</v>
      </c>
      <c r="K5475" s="47">
        <v>7.8</v>
      </c>
    </row>
    <row r="5476" spans="2:11" ht="21.6" x14ac:dyDescent="0.2">
      <c r="B5476" s="77"/>
      <c r="C5476" s="39" t="s">
        <v>63</v>
      </c>
      <c r="D5476" s="45">
        <v>203</v>
      </c>
      <c r="E5476" s="46">
        <v>12.8</v>
      </c>
      <c r="F5476" s="46">
        <v>13.3</v>
      </c>
      <c r="G5476" s="46">
        <v>19.7</v>
      </c>
      <c r="H5476" s="46">
        <v>22.2</v>
      </c>
      <c r="I5476" s="46">
        <v>4.4000000000000004</v>
      </c>
      <c r="J5476" s="46">
        <v>12.3</v>
      </c>
      <c r="K5476" s="47">
        <v>15.3</v>
      </c>
    </row>
    <row r="5477" spans="2:11" x14ac:dyDescent="0.2">
      <c r="B5477" s="77"/>
      <c r="C5477" s="39" t="s">
        <v>64</v>
      </c>
      <c r="D5477" s="45">
        <v>263</v>
      </c>
      <c r="E5477" s="46">
        <v>13.7</v>
      </c>
      <c r="F5477" s="46">
        <v>14.4</v>
      </c>
      <c r="G5477" s="46">
        <v>21.3</v>
      </c>
      <c r="H5477" s="46">
        <v>31.9</v>
      </c>
      <c r="I5477" s="46">
        <v>9.9</v>
      </c>
      <c r="J5477" s="46">
        <v>2.7</v>
      </c>
      <c r="K5477" s="47">
        <v>6.1</v>
      </c>
    </row>
    <row r="5478" spans="2:11" x14ac:dyDescent="0.2">
      <c r="B5478" s="77"/>
      <c r="C5478" s="39" t="s">
        <v>65</v>
      </c>
      <c r="D5478" s="45">
        <v>312</v>
      </c>
      <c r="E5478" s="46">
        <v>9.9</v>
      </c>
      <c r="F5478" s="46">
        <v>17.3</v>
      </c>
      <c r="G5478" s="46">
        <v>22.8</v>
      </c>
      <c r="H5478" s="46">
        <v>27.6</v>
      </c>
      <c r="I5478" s="46">
        <v>9.9</v>
      </c>
      <c r="J5478" s="46">
        <v>3.5</v>
      </c>
      <c r="K5478" s="47">
        <v>9</v>
      </c>
    </row>
    <row r="5479" spans="2:11" x14ac:dyDescent="0.2">
      <c r="B5479" s="77"/>
      <c r="C5479" s="39" t="s">
        <v>66</v>
      </c>
      <c r="D5479" s="45">
        <v>230</v>
      </c>
      <c r="E5479" s="46">
        <v>10</v>
      </c>
      <c r="F5479" s="46">
        <v>16.5</v>
      </c>
      <c r="G5479" s="46">
        <v>23.9</v>
      </c>
      <c r="H5479" s="46">
        <v>32.6</v>
      </c>
      <c r="I5479" s="46">
        <v>10.9</v>
      </c>
      <c r="J5479" s="46">
        <v>2.6</v>
      </c>
      <c r="K5479" s="47">
        <v>3.5</v>
      </c>
    </row>
    <row r="5480" spans="2:11" x14ac:dyDescent="0.2">
      <c r="B5480" s="77"/>
      <c r="C5480" s="39" t="s">
        <v>67</v>
      </c>
      <c r="D5480" s="45">
        <v>78</v>
      </c>
      <c r="E5480" s="46">
        <v>17.899999999999999</v>
      </c>
      <c r="F5480" s="46">
        <v>21.8</v>
      </c>
      <c r="G5480" s="46">
        <v>24.4</v>
      </c>
      <c r="H5480" s="46">
        <v>17.899999999999999</v>
      </c>
      <c r="I5480" s="46">
        <v>11.5</v>
      </c>
      <c r="J5480" s="46">
        <v>3.8</v>
      </c>
      <c r="K5480" s="47">
        <v>2.6</v>
      </c>
    </row>
    <row r="5481" spans="2:11" x14ac:dyDescent="0.2">
      <c r="B5481" s="77"/>
      <c r="C5481" s="39" t="s">
        <v>68</v>
      </c>
      <c r="D5481" s="45">
        <v>897</v>
      </c>
      <c r="E5481" s="46">
        <v>11</v>
      </c>
      <c r="F5481" s="46">
        <v>16.5</v>
      </c>
      <c r="G5481" s="46">
        <v>24.5</v>
      </c>
      <c r="H5481" s="46">
        <v>30.4</v>
      </c>
      <c r="I5481" s="46">
        <v>8.9</v>
      </c>
      <c r="J5481" s="46">
        <v>2.7</v>
      </c>
      <c r="K5481" s="47">
        <v>5.9</v>
      </c>
    </row>
    <row r="5482" spans="2:11" x14ac:dyDescent="0.2">
      <c r="B5482" s="77"/>
      <c r="C5482" s="39" t="s">
        <v>69</v>
      </c>
      <c r="D5482" s="45">
        <v>189</v>
      </c>
      <c r="E5482" s="46">
        <v>16.399999999999999</v>
      </c>
      <c r="F5482" s="46">
        <v>13.8</v>
      </c>
      <c r="G5482" s="46">
        <v>11.1</v>
      </c>
      <c r="H5482" s="46">
        <v>16.399999999999999</v>
      </c>
      <c r="I5482" s="46">
        <v>10.6</v>
      </c>
      <c r="J5482" s="46">
        <v>14.8</v>
      </c>
      <c r="K5482" s="47">
        <v>16.899999999999999</v>
      </c>
    </row>
    <row r="5483" spans="2:11" x14ac:dyDescent="0.2">
      <c r="B5483" s="77"/>
      <c r="C5483" s="39" t="s">
        <v>70</v>
      </c>
      <c r="D5483" s="45">
        <v>914</v>
      </c>
      <c r="E5483" s="46">
        <v>16.600000000000001</v>
      </c>
      <c r="F5483" s="46">
        <v>17.600000000000001</v>
      </c>
      <c r="G5483" s="46">
        <v>18.7</v>
      </c>
      <c r="H5483" s="46">
        <v>15</v>
      </c>
      <c r="I5483" s="46">
        <v>9.8000000000000007</v>
      </c>
      <c r="J5483" s="46">
        <v>14.7</v>
      </c>
      <c r="K5483" s="47">
        <v>7.5</v>
      </c>
    </row>
    <row r="5484" spans="2:11" ht="21.6" x14ac:dyDescent="0.2">
      <c r="B5484" s="77"/>
      <c r="C5484" s="39" t="s">
        <v>63</v>
      </c>
      <c r="D5484" s="45">
        <v>193</v>
      </c>
      <c r="E5484" s="46">
        <v>14</v>
      </c>
      <c r="F5484" s="46">
        <v>17.600000000000001</v>
      </c>
      <c r="G5484" s="46">
        <v>16.600000000000001</v>
      </c>
      <c r="H5484" s="46">
        <v>10.4</v>
      </c>
      <c r="I5484" s="46">
        <v>8.3000000000000007</v>
      </c>
      <c r="J5484" s="46">
        <v>22.8</v>
      </c>
      <c r="K5484" s="47">
        <v>10.4</v>
      </c>
    </row>
    <row r="5485" spans="2:11" x14ac:dyDescent="0.2">
      <c r="B5485" s="77"/>
      <c r="C5485" s="39" t="s">
        <v>64</v>
      </c>
      <c r="D5485" s="45">
        <v>203</v>
      </c>
      <c r="E5485" s="46">
        <v>19.7</v>
      </c>
      <c r="F5485" s="46">
        <v>16.3</v>
      </c>
      <c r="G5485" s="46">
        <v>18.7</v>
      </c>
      <c r="H5485" s="46">
        <v>20.7</v>
      </c>
      <c r="I5485" s="46">
        <v>10.3</v>
      </c>
      <c r="J5485" s="46">
        <v>11.3</v>
      </c>
      <c r="K5485" s="47">
        <v>3</v>
      </c>
    </row>
    <row r="5486" spans="2:11" x14ac:dyDescent="0.2">
      <c r="B5486" s="77"/>
      <c r="C5486" s="39" t="s">
        <v>65</v>
      </c>
      <c r="D5486" s="45">
        <v>263</v>
      </c>
      <c r="E5486" s="46">
        <v>16.3</v>
      </c>
      <c r="F5486" s="46">
        <v>19.399999999999999</v>
      </c>
      <c r="G5486" s="46">
        <v>16.3</v>
      </c>
      <c r="H5486" s="46">
        <v>16.7</v>
      </c>
      <c r="I5486" s="46">
        <v>8</v>
      </c>
      <c r="J5486" s="46">
        <v>13.3</v>
      </c>
      <c r="K5486" s="47">
        <v>9.9</v>
      </c>
    </row>
    <row r="5487" spans="2:11" x14ac:dyDescent="0.2">
      <c r="B5487" s="77"/>
      <c r="C5487" s="39" t="s">
        <v>66</v>
      </c>
      <c r="D5487" s="45">
        <v>194</v>
      </c>
      <c r="E5487" s="46">
        <v>18.600000000000001</v>
      </c>
      <c r="F5487" s="46">
        <v>16</v>
      </c>
      <c r="G5487" s="46">
        <v>21.6</v>
      </c>
      <c r="H5487" s="46">
        <v>12.9</v>
      </c>
      <c r="I5487" s="46">
        <v>11.9</v>
      </c>
      <c r="J5487" s="46">
        <v>12.4</v>
      </c>
      <c r="K5487" s="47">
        <v>6.7</v>
      </c>
    </row>
    <row r="5488" spans="2:11" x14ac:dyDescent="0.2">
      <c r="B5488" s="77"/>
      <c r="C5488" s="39" t="s">
        <v>67</v>
      </c>
      <c r="D5488" s="45">
        <v>61</v>
      </c>
      <c r="E5488" s="46">
        <v>9.8000000000000007</v>
      </c>
      <c r="F5488" s="46">
        <v>19.7</v>
      </c>
      <c r="G5488" s="46">
        <v>26.2</v>
      </c>
      <c r="H5488" s="46">
        <v>9.8000000000000007</v>
      </c>
      <c r="I5488" s="46">
        <v>14.8</v>
      </c>
      <c r="J5488" s="46">
        <v>13.1</v>
      </c>
      <c r="K5488" s="47">
        <v>6.6</v>
      </c>
    </row>
    <row r="5489" spans="1:25" x14ac:dyDescent="0.2">
      <c r="B5489" s="77"/>
      <c r="C5489" s="39" t="s">
        <v>68</v>
      </c>
      <c r="D5489" s="45">
        <v>416</v>
      </c>
      <c r="E5489" s="46">
        <v>12.5</v>
      </c>
      <c r="F5489" s="46">
        <v>20</v>
      </c>
      <c r="G5489" s="46">
        <v>25</v>
      </c>
      <c r="H5489" s="46">
        <v>20.7</v>
      </c>
      <c r="I5489" s="46">
        <v>8.9</v>
      </c>
      <c r="J5489" s="46">
        <v>8.4</v>
      </c>
      <c r="K5489" s="47">
        <v>4.5999999999999996</v>
      </c>
    </row>
    <row r="5490" spans="1:25" x14ac:dyDescent="0.2">
      <c r="B5490" s="77"/>
      <c r="C5490" s="40" t="s">
        <v>69</v>
      </c>
      <c r="D5490" s="48">
        <v>498</v>
      </c>
      <c r="E5490" s="49">
        <v>20.100000000000001</v>
      </c>
      <c r="F5490" s="49">
        <v>15.7</v>
      </c>
      <c r="G5490" s="49">
        <v>13.5</v>
      </c>
      <c r="H5490" s="49">
        <v>10.199999999999999</v>
      </c>
      <c r="I5490" s="49">
        <v>10.6</v>
      </c>
      <c r="J5490" s="49">
        <v>19.899999999999999</v>
      </c>
      <c r="K5490" s="50">
        <v>10</v>
      </c>
    </row>
    <row r="5491" spans="1:25" x14ac:dyDescent="0.2">
      <c r="B5491" s="7" t="s">
        <v>71</v>
      </c>
      <c r="C5491" s="4" t="s">
        <v>230</v>
      </c>
    </row>
    <row r="5492" spans="1:25" x14ac:dyDescent="0.2">
      <c r="B5492" s="4"/>
      <c r="C5492" s="4" t="s">
        <v>73</v>
      </c>
    </row>
    <row r="5494" spans="1:25" x14ac:dyDescent="0.2">
      <c r="A5494" s="26" t="s">
        <v>25</v>
      </c>
      <c r="B5494" t="s">
        <v>35</v>
      </c>
      <c r="C5494" t="s">
        <v>35</v>
      </c>
    </row>
    <row r="5495" spans="1:25" x14ac:dyDescent="0.2">
      <c r="B5495" s="75" t="s">
        <v>231</v>
      </c>
      <c r="C5495" s="76"/>
      <c r="D5495" s="76"/>
      <c r="E5495" s="76"/>
      <c r="F5495" s="76"/>
      <c r="G5495" s="76"/>
      <c r="H5495" s="76"/>
      <c r="I5495" s="76"/>
      <c r="J5495" s="76"/>
      <c r="K5495" s="76"/>
      <c r="L5495" s="76"/>
      <c r="M5495" s="76"/>
      <c r="N5495" s="76"/>
      <c r="O5495" s="76"/>
      <c r="P5495" s="76"/>
      <c r="Q5495" s="76"/>
      <c r="R5495" s="76"/>
      <c r="S5495" s="76"/>
      <c r="T5495" s="76"/>
      <c r="U5495" s="76"/>
      <c r="V5495" s="76"/>
      <c r="W5495" s="76"/>
      <c r="X5495" s="76"/>
      <c r="Y5495" s="76"/>
    </row>
    <row r="5496" spans="1:25" s="32" customFormat="1" ht="36.450000000000003" customHeight="1" x14ac:dyDescent="0.15">
      <c r="A5496" s="31"/>
      <c r="D5496" s="33" t="s">
        <v>378</v>
      </c>
      <c r="E5496" s="36" t="s">
        <v>651</v>
      </c>
      <c r="F5496" s="37" t="s">
        <v>652</v>
      </c>
      <c r="G5496" s="35" t="s">
        <v>381</v>
      </c>
    </row>
    <row r="5497" spans="1:25" x14ac:dyDescent="0.2">
      <c r="B5497" s="5"/>
      <c r="C5497" s="41" t="s">
        <v>38</v>
      </c>
      <c r="D5497" s="42">
        <v>2000</v>
      </c>
      <c r="E5497" s="43">
        <v>18.7</v>
      </c>
      <c r="F5497" s="44">
        <v>81.400000000000006</v>
      </c>
    </row>
    <row r="5498" spans="1:25" x14ac:dyDescent="0.2">
      <c r="B5498" s="77" t="s">
        <v>37</v>
      </c>
      <c r="C5498" s="39" t="s">
        <v>39</v>
      </c>
      <c r="D5498" s="45">
        <v>111</v>
      </c>
      <c r="E5498" s="46">
        <v>12.6</v>
      </c>
      <c r="F5498" s="47">
        <v>87.4</v>
      </c>
    </row>
    <row r="5499" spans="1:25" x14ac:dyDescent="0.2">
      <c r="B5499" s="77"/>
      <c r="C5499" s="39" t="s">
        <v>40</v>
      </c>
      <c r="D5499" s="45">
        <v>450</v>
      </c>
      <c r="E5499" s="46">
        <v>14.9</v>
      </c>
      <c r="F5499" s="47">
        <v>85.1</v>
      </c>
    </row>
    <row r="5500" spans="1:25" ht="21.6" x14ac:dyDescent="0.2">
      <c r="B5500" s="77"/>
      <c r="C5500" s="39" t="s">
        <v>41</v>
      </c>
      <c r="D5500" s="45">
        <v>30</v>
      </c>
      <c r="E5500" s="46">
        <v>20</v>
      </c>
      <c r="F5500" s="47">
        <v>80</v>
      </c>
    </row>
    <row r="5501" spans="1:25" ht="21.6" x14ac:dyDescent="0.2">
      <c r="B5501" s="77"/>
      <c r="C5501" s="39" t="s">
        <v>42</v>
      </c>
      <c r="D5501" s="45">
        <v>336</v>
      </c>
      <c r="E5501" s="46">
        <v>19.600000000000001</v>
      </c>
      <c r="F5501" s="47">
        <v>80.400000000000006</v>
      </c>
    </row>
    <row r="5502" spans="1:25" ht="21.6" x14ac:dyDescent="0.2">
      <c r="B5502" s="77"/>
      <c r="C5502" s="39" t="s">
        <v>43</v>
      </c>
      <c r="D5502" s="45">
        <v>327</v>
      </c>
      <c r="E5502" s="46">
        <v>22.6</v>
      </c>
      <c r="F5502" s="47">
        <v>77.400000000000006</v>
      </c>
    </row>
    <row r="5503" spans="1:25" ht="21.6" x14ac:dyDescent="0.2">
      <c r="B5503" s="77"/>
      <c r="C5503" s="39" t="s">
        <v>44</v>
      </c>
      <c r="D5503" s="45">
        <v>181</v>
      </c>
      <c r="E5503" s="46">
        <v>16</v>
      </c>
      <c r="F5503" s="47">
        <v>84</v>
      </c>
    </row>
    <row r="5504" spans="1:25" ht="21.6" x14ac:dyDescent="0.2">
      <c r="B5504" s="77"/>
      <c r="C5504" s="39" t="s">
        <v>45</v>
      </c>
      <c r="D5504" s="45">
        <v>565</v>
      </c>
      <c r="E5504" s="46">
        <v>20.7</v>
      </c>
      <c r="F5504" s="47">
        <v>79.3</v>
      </c>
    </row>
    <row r="5505" spans="2:6" ht="21.6" x14ac:dyDescent="0.2">
      <c r="B5505" s="77"/>
      <c r="C5505" s="39" t="s">
        <v>46</v>
      </c>
      <c r="D5505" s="45">
        <v>473</v>
      </c>
      <c r="E5505" s="46">
        <v>23.5</v>
      </c>
      <c r="F5505" s="47">
        <v>76.5</v>
      </c>
    </row>
    <row r="5506" spans="2:6" ht="21.6" x14ac:dyDescent="0.2">
      <c r="B5506" s="77"/>
      <c r="C5506" s="39" t="s">
        <v>47</v>
      </c>
      <c r="D5506" s="45">
        <v>441</v>
      </c>
      <c r="E5506" s="46">
        <v>17.899999999999999</v>
      </c>
      <c r="F5506" s="47">
        <v>82.1</v>
      </c>
    </row>
    <row r="5507" spans="2:6" ht="21.6" x14ac:dyDescent="0.2">
      <c r="B5507" s="77"/>
      <c r="C5507" s="39" t="s">
        <v>48</v>
      </c>
      <c r="D5507" s="45">
        <v>305</v>
      </c>
      <c r="E5507" s="46">
        <v>20.3</v>
      </c>
      <c r="F5507" s="47">
        <v>79.7</v>
      </c>
    </row>
    <row r="5508" spans="2:6" ht="21.6" x14ac:dyDescent="0.2">
      <c r="B5508" s="77"/>
      <c r="C5508" s="39" t="s">
        <v>49</v>
      </c>
      <c r="D5508" s="45">
        <v>223</v>
      </c>
      <c r="E5508" s="46">
        <v>15.7</v>
      </c>
      <c r="F5508" s="47">
        <v>84.3</v>
      </c>
    </row>
    <row r="5509" spans="2:6" ht="21.6" x14ac:dyDescent="0.2">
      <c r="B5509" s="77"/>
      <c r="C5509" s="39" t="s">
        <v>50</v>
      </c>
      <c r="D5509" s="45">
        <v>123</v>
      </c>
      <c r="E5509" s="46">
        <v>11.4</v>
      </c>
      <c r="F5509" s="47">
        <v>88.6</v>
      </c>
    </row>
    <row r="5510" spans="2:6" ht="21.6" x14ac:dyDescent="0.2">
      <c r="B5510" s="77"/>
      <c r="C5510" s="39" t="s">
        <v>51</v>
      </c>
      <c r="D5510" s="45">
        <v>124</v>
      </c>
      <c r="E5510" s="46">
        <v>14.5</v>
      </c>
      <c r="F5510" s="47">
        <v>85.5</v>
      </c>
    </row>
    <row r="5511" spans="2:6" ht="21.6" x14ac:dyDescent="0.2">
      <c r="B5511" s="77"/>
      <c r="C5511" s="39" t="s">
        <v>52</v>
      </c>
      <c r="D5511" s="45">
        <v>312</v>
      </c>
      <c r="E5511" s="46">
        <v>13.8</v>
      </c>
      <c r="F5511" s="47">
        <v>86.2</v>
      </c>
    </row>
    <row r="5512" spans="2:6" x14ac:dyDescent="0.2">
      <c r="B5512" s="77"/>
      <c r="C5512" s="39" t="s">
        <v>53</v>
      </c>
      <c r="D5512" s="45">
        <v>269</v>
      </c>
      <c r="E5512" s="46">
        <v>14.5</v>
      </c>
      <c r="F5512" s="47">
        <v>85.5</v>
      </c>
    </row>
    <row r="5513" spans="2:6" ht="21.6" x14ac:dyDescent="0.2">
      <c r="B5513" s="77"/>
      <c r="C5513" s="39" t="s">
        <v>54</v>
      </c>
      <c r="D5513" s="45">
        <v>511</v>
      </c>
      <c r="E5513" s="46">
        <v>20.9</v>
      </c>
      <c r="F5513" s="47">
        <v>79.099999999999994</v>
      </c>
    </row>
    <row r="5514" spans="2:6" ht="21.6" x14ac:dyDescent="0.2">
      <c r="B5514" s="77"/>
      <c r="C5514" s="39" t="s">
        <v>55</v>
      </c>
      <c r="D5514" s="45">
        <v>615</v>
      </c>
      <c r="E5514" s="46">
        <v>20.7</v>
      </c>
      <c r="F5514" s="47">
        <v>79.3</v>
      </c>
    </row>
    <row r="5515" spans="2:6" ht="21.6" x14ac:dyDescent="0.2">
      <c r="B5515" s="77"/>
      <c r="C5515" s="39" t="s">
        <v>56</v>
      </c>
      <c r="D5515" s="45">
        <v>800</v>
      </c>
      <c r="E5515" s="46">
        <v>22.4</v>
      </c>
      <c r="F5515" s="47">
        <v>77.599999999999994</v>
      </c>
    </row>
    <row r="5516" spans="2:6" x14ac:dyDescent="0.2">
      <c r="B5516" s="77"/>
      <c r="C5516" s="40" t="s">
        <v>57</v>
      </c>
      <c r="D5516" s="48">
        <v>798</v>
      </c>
      <c r="E5516" s="49">
        <v>14.8</v>
      </c>
      <c r="F5516" s="50">
        <v>85.2</v>
      </c>
    </row>
    <row r="5517" spans="2:6" x14ac:dyDescent="0.2">
      <c r="B5517" s="7" t="s">
        <v>71</v>
      </c>
      <c r="C5517" s="4" t="s">
        <v>232</v>
      </c>
    </row>
    <row r="5518" spans="2:6" x14ac:dyDescent="0.2">
      <c r="B5518" s="4"/>
      <c r="C5518" s="4" t="s">
        <v>73</v>
      </c>
    </row>
    <row r="5520" spans="2:6" x14ac:dyDescent="0.2">
      <c r="C5520" t="s">
        <v>35</v>
      </c>
    </row>
    <row r="5521" spans="1:25" x14ac:dyDescent="0.2">
      <c r="B5521" s="75" t="s">
        <v>365</v>
      </c>
      <c r="C5521" s="76"/>
      <c r="D5521" s="76"/>
      <c r="E5521" s="76"/>
      <c r="F5521" s="76"/>
      <c r="G5521" s="76"/>
      <c r="H5521" s="76"/>
      <c r="I5521" s="76"/>
      <c r="J5521" s="76"/>
      <c r="K5521" s="76"/>
      <c r="L5521" s="76"/>
      <c r="M5521" s="76"/>
      <c r="N5521" s="76"/>
      <c r="O5521" s="76"/>
      <c r="P5521" s="76"/>
      <c r="Q5521" s="76"/>
      <c r="R5521" s="76"/>
      <c r="S5521" s="76"/>
      <c r="T5521" s="76"/>
      <c r="U5521" s="76"/>
      <c r="V5521" s="76"/>
      <c r="W5521" s="76"/>
      <c r="X5521" s="76"/>
      <c r="Y5521" s="76"/>
    </row>
    <row r="5522" spans="1:25" s="32" customFormat="1" ht="36.450000000000003" customHeight="1" x14ac:dyDescent="0.15">
      <c r="A5522" s="31"/>
      <c r="D5522" s="33" t="s">
        <v>378</v>
      </c>
      <c r="E5522" s="36" t="s">
        <v>651</v>
      </c>
      <c r="F5522" s="37" t="s">
        <v>652</v>
      </c>
      <c r="G5522" s="35" t="s">
        <v>381</v>
      </c>
    </row>
    <row r="5523" spans="1:25" ht="21.6" x14ac:dyDescent="0.2">
      <c r="B5523" s="77" t="s">
        <v>37</v>
      </c>
      <c r="C5523" s="38" t="s">
        <v>58</v>
      </c>
      <c r="D5523" s="51">
        <v>609</v>
      </c>
      <c r="E5523" s="52">
        <v>24.8</v>
      </c>
      <c r="F5523" s="53">
        <v>75.2</v>
      </c>
    </row>
    <row r="5524" spans="1:25" ht="21.6" x14ac:dyDescent="0.2">
      <c r="B5524" s="77"/>
      <c r="C5524" s="39" t="s">
        <v>59</v>
      </c>
      <c r="D5524" s="45">
        <v>1391</v>
      </c>
      <c r="E5524" s="46">
        <v>16</v>
      </c>
      <c r="F5524" s="47">
        <v>84</v>
      </c>
    </row>
    <row r="5525" spans="1:25" x14ac:dyDescent="0.2">
      <c r="B5525" s="77"/>
      <c r="C5525" s="39" t="s">
        <v>60</v>
      </c>
      <c r="D5525" s="45">
        <v>1325</v>
      </c>
      <c r="E5525" s="46">
        <v>18.899999999999999</v>
      </c>
      <c r="F5525" s="47">
        <v>81.099999999999994</v>
      </c>
    </row>
    <row r="5526" spans="1:25" x14ac:dyDescent="0.2">
      <c r="B5526" s="77"/>
      <c r="C5526" s="39" t="s">
        <v>61</v>
      </c>
      <c r="D5526" s="45">
        <v>675</v>
      </c>
      <c r="E5526" s="46">
        <v>18.100000000000001</v>
      </c>
      <c r="F5526" s="47">
        <v>81.900000000000006</v>
      </c>
    </row>
    <row r="5527" spans="1:25" x14ac:dyDescent="0.2">
      <c r="B5527" s="77"/>
      <c r="C5527" s="39" t="s">
        <v>62</v>
      </c>
      <c r="D5527" s="45">
        <v>1086</v>
      </c>
      <c r="E5527" s="46">
        <v>19.5</v>
      </c>
      <c r="F5527" s="47">
        <v>80.5</v>
      </c>
    </row>
    <row r="5528" spans="1:25" ht="21.6" x14ac:dyDescent="0.2">
      <c r="B5528" s="77"/>
      <c r="C5528" s="39" t="s">
        <v>63</v>
      </c>
      <c r="D5528" s="45">
        <v>203</v>
      </c>
      <c r="E5528" s="46">
        <v>22.2</v>
      </c>
      <c r="F5528" s="47">
        <v>77.8</v>
      </c>
    </row>
    <row r="5529" spans="1:25" x14ac:dyDescent="0.2">
      <c r="B5529" s="77"/>
      <c r="C5529" s="39" t="s">
        <v>64</v>
      </c>
      <c r="D5529" s="45">
        <v>263</v>
      </c>
      <c r="E5529" s="46">
        <v>24.3</v>
      </c>
      <c r="F5529" s="47">
        <v>75.7</v>
      </c>
    </row>
    <row r="5530" spans="1:25" x14ac:dyDescent="0.2">
      <c r="B5530" s="77"/>
      <c r="C5530" s="39" t="s">
        <v>65</v>
      </c>
      <c r="D5530" s="45">
        <v>312</v>
      </c>
      <c r="E5530" s="46">
        <v>19.600000000000001</v>
      </c>
      <c r="F5530" s="47">
        <v>80.400000000000006</v>
      </c>
    </row>
    <row r="5531" spans="1:25" x14ac:dyDescent="0.2">
      <c r="B5531" s="77"/>
      <c r="C5531" s="39" t="s">
        <v>66</v>
      </c>
      <c r="D5531" s="45">
        <v>230</v>
      </c>
      <c r="E5531" s="46">
        <v>14.8</v>
      </c>
      <c r="F5531" s="47">
        <v>85.2</v>
      </c>
    </row>
    <row r="5532" spans="1:25" x14ac:dyDescent="0.2">
      <c r="B5532" s="77"/>
      <c r="C5532" s="39" t="s">
        <v>67</v>
      </c>
      <c r="D5532" s="45">
        <v>78</v>
      </c>
      <c r="E5532" s="46">
        <v>10.3</v>
      </c>
      <c r="F5532" s="47">
        <v>89.7</v>
      </c>
    </row>
    <row r="5533" spans="1:25" x14ac:dyDescent="0.2">
      <c r="B5533" s="77"/>
      <c r="C5533" s="39" t="s">
        <v>68</v>
      </c>
      <c r="D5533" s="45">
        <v>897</v>
      </c>
      <c r="E5533" s="46">
        <v>20</v>
      </c>
      <c r="F5533" s="47">
        <v>80</v>
      </c>
    </row>
    <row r="5534" spans="1:25" x14ac:dyDescent="0.2">
      <c r="B5534" s="77"/>
      <c r="C5534" s="39" t="s">
        <v>69</v>
      </c>
      <c r="D5534" s="45">
        <v>189</v>
      </c>
      <c r="E5534" s="46">
        <v>17.5</v>
      </c>
      <c r="F5534" s="47">
        <v>82.5</v>
      </c>
    </row>
    <row r="5535" spans="1:25" x14ac:dyDescent="0.2">
      <c r="B5535" s="77"/>
      <c r="C5535" s="39" t="s">
        <v>70</v>
      </c>
      <c r="D5535" s="45">
        <v>914</v>
      </c>
      <c r="E5535" s="46">
        <v>17.600000000000001</v>
      </c>
      <c r="F5535" s="47">
        <v>82.4</v>
      </c>
    </row>
    <row r="5536" spans="1:25" ht="21.6" x14ac:dyDescent="0.2">
      <c r="B5536" s="77"/>
      <c r="C5536" s="39" t="s">
        <v>63</v>
      </c>
      <c r="D5536" s="45">
        <v>193</v>
      </c>
      <c r="E5536" s="46">
        <v>23.3</v>
      </c>
      <c r="F5536" s="47">
        <v>76.7</v>
      </c>
    </row>
    <row r="5537" spans="1:25" x14ac:dyDescent="0.2">
      <c r="B5537" s="77"/>
      <c r="C5537" s="39" t="s">
        <v>64</v>
      </c>
      <c r="D5537" s="45">
        <v>203</v>
      </c>
      <c r="E5537" s="46">
        <v>16.7</v>
      </c>
      <c r="F5537" s="47">
        <v>83.3</v>
      </c>
    </row>
    <row r="5538" spans="1:25" x14ac:dyDescent="0.2">
      <c r="B5538" s="77"/>
      <c r="C5538" s="39" t="s">
        <v>65</v>
      </c>
      <c r="D5538" s="45">
        <v>263</v>
      </c>
      <c r="E5538" s="46">
        <v>16</v>
      </c>
      <c r="F5538" s="47">
        <v>84</v>
      </c>
    </row>
    <row r="5539" spans="1:25" x14ac:dyDescent="0.2">
      <c r="B5539" s="77"/>
      <c r="C5539" s="39" t="s">
        <v>66</v>
      </c>
      <c r="D5539" s="45">
        <v>194</v>
      </c>
      <c r="E5539" s="46">
        <v>12.4</v>
      </c>
      <c r="F5539" s="47">
        <v>87.6</v>
      </c>
    </row>
    <row r="5540" spans="1:25" x14ac:dyDescent="0.2">
      <c r="B5540" s="77"/>
      <c r="C5540" s="39" t="s">
        <v>67</v>
      </c>
      <c r="D5540" s="45">
        <v>61</v>
      </c>
      <c r="E5540" s="46">
        <v>26.2</v>
      </c>
      <c r="F5540" s="47">
        <v>73.8</v>
      </c>
    </row>
    <row r="5541" spans="1:25" x14ac:dyDescent="0.2">
      <c r="B5541" s="77"/>
      <c r="C5541" s="39" t="s">
        <v>68</v>
      </c>
      <c r="D5541" s="45">
        <v>416</v>
      </c>
      <c r="E5541" s="46">
        <v>12</v>
      </c>
      <c r="F5541" s="47">
        <v>88</v>
      </c>
    </row>
    <row r="5542" spans="1:25" x14ac:dyDescent="0.2">
      <c r="B5542" s="77"/>
      <c r="C5542" s="40" t="s">
        <v>69</v>
      </c>
      <c r="D5542" s="48">
        <v>498</v>
      </c>
      <c r="E5542" s="49">
        <v>22.3</v>
      </c>
      <c r="F5542" s="50">
        <v>77.7</v>
      </c>
    </row>
    <row r="5543" spans="1:25" x14ac:dyDescent="0.2">
      <c r="B5543" s="7" t="s">
        <v>71</v>
      </c>
      <c r="C5543" s="4" t="s">
        <v>232</v>
      </c>
    </row>
    <row r="5544" spans="1:25" x14ac:dyDescent="0.2">
      <c r="B5544" s="4"/>
      <c r="C5544" s="4" t="s">
        <v>73</v>
      </c>
    </row>
    <row r="5546" spans="1:25" x14ac:dyDescent="0.2">
      <c r="A5546" s="26" t="s">
        <v>25</v>
      </c>
      <c r="B5546" t="s">
        <v>35</v>
      </c>
      <c r="C5546" t="s">
        <v>35</v>
      </c>
    </row>
    <row r="5547" spans="1:25" x14ac:dyDescent="0.2">
      <c r="B5547" s="75" t="s">
        <v>233</v>
      </c>
      <c r="C5547" s="76"/>
      <c r="D5547" s="76"/>
      <c r="E5547" s="76"/>
      <c r="F5547" s="76"/>
      <c r="G5547" s="76"/>
      <c r="H5547" s="76"/>
      <c r="I5547" s="76"/>
      <c r="J5547" s="76"/>
      <c r="K5547" s="76"/>
      <c r="L5547" s="76"/>
      <c r="M5547" s="76"/>
      <c r="N5547" s="76"/>
      <c r="O5547" s="76"/>
      <c r="P5547" s="76"/>
      <c r="Q5547" s="76"/>
      <c r="R5547" s="76"/>
      <c r="S5547" s="76"/>
      <c r="T5547" s="76"/>
      <c r="U5547" s="76"/>
      <c r="V5547" s="76"/>
      <c r="W5547" s="76"/>
      <c r="X5547" s="76"/>
      <c r="Y5547" s="76"/>
    </row>
    <row r="5548" spans="1:25" s="32" customFormat="1" ht="25.65" customHeight="1" x14ac:dyDescent="0.15">
      <c r="A5548" s="31"/>
      <c r="D5548" s="33" t="s">
        <v>378</v>
      </c>
      <c r="E5548" s="36" t="s">
        <v>653</v>
      </c>
      <c r="F5548" s="37" t="s">
        <v>654</v>
      </c>
      <c r="G5548" s="35" t="s">
        <v>381</v>
      </c>
    </row>
    <row r="5549" spans="1:25" x14ac:dyDescent="0.2">
      <c r="B5549" s="5"/>
      <c r="C5549" s="41" t="s">
        <v>38</v>
      </c>
      <c r="D5549" s="42">
        <v>2000</v>
      </c>
      <c r="E5549" s="43">
        <v>17.8</v>
      </c>
      <c r="F5549" s="44">
        <v>82.2</v>
      </c>
    </row>
    <row r="5550" spans="1:25" x14ac:dyDescent="0.2">
      <c r="B5550" s="77" t="s">
        <v>37</v>
      </c>
      <c r="C5550" s="39" t="s">
        <v>39</v>
      </c>
      <c r="D5550" s="45">
        <v>111</v>
      </c>
      <c r="E5550" s="46">
        <v>24.3</v>
      </c>
      <c r="F5550" s="47">
        <v>75.7</v>
      </c>
    </row>
    <row r="5551" spans="1:25" x14ac:dyDescent="0.2">
      <c r="B5551" s="77"/>
      <c r="C5551" s="39" t="s">
        <v>40</v>
      </c>
      <c r="D5551" s="45">
        <v>450</v>
      </c>
      <c r="E5551" s="46">
        <v>16.2</v>
      </c>
      <c r="F5551" s="47">
        <v>83.8</v>
      </c>
    </row>
    <row r="5552" spans="1:25" ht="21.6" x14ac:dyDescent="0.2">
      <c r="B5552" s="77"/>
      <c r="C5552" s="39" t="s">
        <v>41</v>
      </c>
      <c r="D5552" s="45">
        <v>30</v>
      </c>
      <c r="E5552" s="46">
        <v>23.3</v>
      </c>
      <c r="F5552" s="47">
        <v>76.7</v>
      </c>
    </row>
    <row r="5553" spans="2:6" ht="21.6" x14ac:dyDescent="0.2">
      <c r="B5553" s="77"/>
      <c r="C5553" s="39" t="s">
        <v>42</v>
      </c>
      <c r="D5553" s="45">
        <v>336</v>
      </c>
      <c r="E5553" s="46">
        <v>27.1</v>
      </c>
      <c r="F5553" s="47">
        <v>72.900000000000006</v>
      </c>
    </row>
    <row r="5554" spans="2:6" ht="21.6" x14ac:dyDescent="0.2">
      <c r="B5554" s="77"/>
      <c r="C5554" s="39" t="s">
        <v>43</v>
      </c>
      <c r="D5554" s="45">
        <v>327</v>
      </c>
      <c r="E5554" s="46">
        <v>12.8</v>
      </c>
      <c r="F5554" s="47">
        <v>87.2</v>
      </c>
    </row>
    <row r="5555" spans="2:6" ht="21.6" x14ac:dyDescent="0.2">
      <c r="B5555" s="77"/>
      <c r="C5555" s="39" t="s">
        <v>44</v>
      </c>
      <c r="D5555" s="45">
        <v>181</v>
      </c>
      <c r="E5555" s="46">
        <v>12.2</v>
      </c>
      <c r="F5555" s="47">
        <v>87.8</v>
      </c>
    </row>
    <row r="5556" spans="2:6" ht="21.6" x14ac:dyDescent="0.2">
      <c r="B5556" s="77"/>
      <c r="C5556" s="39" t="s">
        <v>45</v>
      </c>
      <c r="D5556" s="45">
        <v>565</v>
      </c>
      <c r="E5556" s="46">
        <v>16.600000000000001</v>
      </c>
      <c r="F5556" s="47">
        <v>83.4</v>
      </c>
    </row>
    <row r="5557" spans="2:6" ht="21.6" x14ac:dyDescent="0.2">
      <c r="B5557" s="77"/>
      <c r="C5557" s="39" t="s">
        <v>46</v>
      </c>
      <c r="D5557" s="45">
        <v>473</v>
      </c>
      <c r="E5557" s="46">
        <v>16.899999999999999</v>
      </c>
      <c r="F5557" s="47">
        <v>83.1</v>
      </c>
    </row>
    <row r="5558" spans="2:6" ht="21.6" x14ac:dyDescent="0.2">
      <c r="B5558" s="77"/>
      <c r="C5558" s="39" t="s">
        <v>47</v>
      </c>
      <c r="D5558" s="45">
        <v>441</v>
      </c>
      <c r="E5558" s="46">
        <v>19</v>
      </c>
      <c r="F5558" s="47">
        <v>81</v>
      </c>
    </row>
    <row r="5559" spans="2:6" ht="21.6" x14ac:dyDescent="0.2">
      <c r="B5559" s="77"/>
      <c r="C5559" s="39" t="s">
        <v>48</v>
      </c>
      <c r="D5559" s="45">
        <v>305</v>
      </c>
      <c r="E5559" s="46">
        <v>19.3</v>
      </c>
      <c r="F5559" s="47">
        <v>80.7</v>
      </c>
    </row>
    <row r="5560" spans="2:6" ht="21.6" x14ac:dyDescent="0.2">
      <c r="B5560" s="77"/>
      <c r="C5560" s="39" t="s">
        <v>49</v>
      </c>
      <c r="D5560" s="45">
        <v>223</v>
      </c>
      <c r="E5560" s="46">
        <v>18.399999999999999</v>
      </c>
      <c r="F5560" s="47">
        <v>81.599999999999994</v>
      </c>
    </row>
    <row r="5561" spans="2:6" ht="21.6" x14ac:dyDescent="0.2">
      <c r="B5561" s="77"/>
      <c r="C5561" s="39" t="s">
        <v>50</v>
      </c>
      <c r="D5561" s="45">
        <v>123</v>
      </c>
      <c r="E5561" s="46">
        <v>15.4</v>
      </c>
      <c r="F5561" s="47">
        <v>84.6</v>
      </c>
    </row>
    <row r="5562" spans="2:6" ht="21.6" x14ac:dyDescent="0.2">
      <c r="B5562" s="77"/>
      <c r="C5562" s="39" t="s">
        <v>51</v>
      </c>
      <c r="D5562" s="45">
        <v>124</v>
      </c>
      <c r="E5562" s="46">
        <v>20.2</v>
      </c>
      <c r="F5562" s="47">
        <v>79.8</v>
      </c>
    </row>
    <row r="5563" spans="2:6" ht="21.6" x14ac:dyDescent="0.2">
      <c r="B5563" s="77"/>
      <c r="C5563" s="39" t="s">
        <v>52</v>
      </c>
      <c r="D5563" s="45">
        <v>312</v>
      </c>
      <c r="E5563" s="46">
        <v>12.8</v>
      </c>
      <c r="F5563" s="47">
        <v>87.2</v>
      </c>
    </row>
    <row r="5564" spans="2:6" x14ac:dyDescent="0.2">
      <c r="B5564" s="77"/>
      <c r="C5564" s="39" t="s">
        <v>53</v>
      </c>
      <c r="D5564" s="45">
        <v>269</v>
      </c>
      <c r="E5564" s="46">
        <v>17.8</v>
      </c>
      <c r="F5564" s="47">
        <v>82.2</v>
      </c>
    </row>
    <row r="5565" spans="2:6" ht="21.6" x14ac:dyDescent="0.2">
      <c r="B5565" s="77"/>
      <c r="C5565" s="39" t="s">
        <v>54</v>
      </c>
      <c r="D5565" s="45">
        <v>511</v>
      </c>
      <c r="E5565" s="46">
        <v>22.3</v>
      </c>
      <c r="F5565" s="47">
        <v>77.7</v>
      </c>
    </row>
    <row r="5566" spans="2:6" ht="21.6" x14ac:dyDescent="0.2">
      <c r="B5566" s="77"/>
      <c r="C5566" s="39" t="s">
        <v>55</v>
      </c>
      <c r="D5566" s="45">
        <v>615</v>
      </c>
      <c r="E5566" s="46">
        <v>20.2</v>
      </c>
      <c r="F5566" s="47">
        <v>79.8</v>
      </c>
    </row>
    <row r="5567" spans="2:6" ht="21.6" x14ac:dyDescent="0.2">
      <c r="B5567" s="77"/>
      <c r="C5567" s="39" t="s">
        <v>56</v>
      </c>
      <c r="D5567" s="45">
        <v>800</v>
      </c>
      <c r="E5567" s="46">
        <v>21.4</v>
      </c>
      <c r="F5567" s="47">
        <v>78.599999999999994</v>
      </c>
    </row>
    <row r="5568" spans="2:6" x14ac:dyDescent="0.2">
      <c r="B5568" s="77"/>
      <c r="C5568" s="40" t="s">
        <v>57</v>
      </c>
      <c r="D5568" s="48">
        <v>798</v>
      </c>
      <c r="E5568" s="49">
        <v>17.399999999999999</v>
      </c>
      <c r="F5568" s="50">
        <v>82.6</v>
      </c>
    </row>
    <row r="5569" spans="1:25" x14ac:dyDescent="0.2">
      <c r="B5569" s="7" t="s">
        <v>71</v>
      </c>
      <c r="C5569" s="4" t="s">
        <v>234</v>
      </c>
    </row>
    <row r="5570" spans="1:25" x14ac:dyDescent="0.2">
      <c r="B5570" s="4"/>
      <c r="C5570" s="4" t="s">
        <v>73</v>
      </c>
    </row>
    <row r="5572" spans="1:25" x14ac:dyDescent="0.2">
      <c r="C5572" t="s">
        <v>35</v>
      </c>
    </row>
    <row r="5573" spans="1:25" x14ac:dyDescent="0.2">
      <c r="B5573" s="75" t="s">
        <v>366</v>
      </c>
      <c r="C5573" s="76"/>
      <c r="D5573" s="76"/>
      <c r="E5573" s="76"/>
      <c r="F5573" s="76"/>
      <c r="G5573" s="76"/>
      <c r="H5573" s="76"/>
      <c r="I5573" s="76"/>
      <c r="J5573" s="76"/>
      <c r="K5573" s="76"/>
      <c r="L5573" s="76"/>
      <c r="M5573" s="76"/>
      <c r="N5573" s="76"/>
      <c r="O5573" s="76"/>
      <c r="P5573" s="76"/>
      <c r="Q5573" s="76"/>
      <c r="R5573" s="76"/>
      <c r="S5573" s="76"/>
      <c r="T5573" s="76"/>
      <c r="U5573" s="76"/>
      <c r="V5573" s="76"/>
      <c r="W5573" s="76"/>
      <c r="X5573" s="76"/>
      <c r="Y5573" s="76"/>
    </row>
    <row r="5574" spans="1:25" s="32" customFormat="1" ht="25.65" customHeight="1" x14ac:dyDescent="0.15">
      <c r="A5574" s="31"/>
      <c r="D5574" s="33" t="s">
        <v>378</v>
      </c>
      <c r="E5574" s="36" t="s">
        <v>653</v>
      </c>
      <c r="F5574" s="37" t="s">
        <v>654</v>
      </c>
      <c r="G5574" s="35" t="s">
        <v>381</v>
      </c>
    </row>
    <row r="5575" spans="1:25" ht="21.6" x14ac:dyDescent="0.2">
      <c r="B5575" s="77" t="s">
        <v>37</v>
      </c>
      <c r="C5575" s="38" t="s">
        <v>58</v>
      </c>
      <c r="D5575" s="51">
        <v>609</v>
      </c>
      <c r="E5575" s="52">
        <v>23.6</v>
      </c>
      <c r="F5575" s="53">
        <v>76.400000000000006</v>
      </c>
    </row>
    <row r="5576" spans="1:25" ht="21.6" x14ac:dyDescent="0.2">
      <c r="B5576" s="77"/>
      <c r="C5576" s="39" t="s">
        <v>59</v>
      </c>
      <c r="D5576" s="45">
        <v>1391</v>
      </c>
      <c r="E5576" s="46">
        <v>15.2</v>
      </c>
      <c r="F5576" s="47">
        <v>84.8</v>
      </c>
    </row>
    <row r="5577" spans="1:25" x14ac:dyDescent="0.2">
      <c r="B5577" s="77"/>
      <c r="C5577" s="39" t="s">
        <v>60</v>
      </c>
      <c r="D5577" s="45">
        <v>1325</v>
      </c>
      <c r="E5577" s="46">
        <v>18</v>
      </c>
      <c r="F5577" s="47">
        <v>82</v>
      </c>
    </row>
    <row r="5578" spans="1:25" x14ac:dyDescent="0.2">
      <c r="B5578" s="77"/>
      <c r="C5578" s="39" t="s">
        <v>61</v>
      </c>
      <c r="D5578" s="45">
        <v>675</v>
      </c>
      <c r="E5578" s="46">
        <v>17.5</v>
      </c>
      <c r="F5578" s="47">
        <v>82.5</v>
      </c>
    </row>
    <row r="5579" spans="1:25" x14ac:dyDescent="0.2">
      <c r="B5579" s="77"/>
      <c r="C5579" s="39" t="s">
        <v>62</v>
      </c>
      <c r="D5579" s="45">
        <v>1086</v>
      </c>
      <c r="E5579" s="46">
        <v>25</v>
      </c>
      <c r="F5579" s="47">
        <v>75</v>
      </c>
    </row>
    <row r="5580" spans="1:25" ht="21.6" x14ac:dyDescent="0.2">
      <c r="B5580" s="77"/>
      <c r="C5580" s="39" t="s">
        <v>63</v>
      </c>
      <c r="D5580" s="45">
        <v>203</v>
      </c>
      <c r="E5580" s="46">
        <v>25.1</v>
      </c>
      <c r="F5580" s="47">
        <v>74.900000000000006</v>
      </c>
    </row>
    <row r="5581" spans="1:25" x14ac:dyDescent="0.2">
      <c r="B5581" s="77"/>
      <c r="C5581" s="39" t="s">
        <v>64</v>
      </c>
      <c r="D5581" s="45">
        <v>263</v>
      </c>
      <c r="E5581" s="46">
        <v>30.4</v>
      </c>
      <c r="F5581" s="47">
        <v>69.599999999999994</v>
      </c>
    </row>
    <row r="5582" spans="1:25" x14ac:dyDescent="0.2">
      <c r="B5582" s="77"/>
      <c r="C5582" s="39" t="s">
        <v>65</v>
      </c>
      <c r="D5582" s="45">
        <v>312</v>
      </c>
      <c r="E5582" s="46">
        <v>25.3</v>
      </c>
      <c r="F5582" s="47">
        <v>74.7</v>
      </c>
    </row>
    <row r="5583" spans="1:25" x14ac:dyDescent="0.2">
      <c r="B5583" s="77"/>
      <c r="C5583" s="39" t="s">
        <v>66</v>
      </c>
      <c r="D5583" s="45">
        <v>230</v>
      </c>
      <c r="E5583" s="46">
        <v>22.6</v>
      </c>
      <c r="F5583" s="47">
        <v>77.400000000000006</v>
      </c>
    </row>
    <row r="5584" spans="1:25" x14ac:dyDescent="0.2">
      <c r="B5584" s="77"/>
      <c r="C5584" s="39" t="s">
        <v>67</v>
      </c>
      <c r="D5584" s="45">
        <v>78</v>
      </c>
      <c r="E5584" s="46">
        <v>12.8</v>
      </c>
      <c r="F5584" s="47">
        <v>87.2</v>
      </c>
    </row>
    <row r="5585" spans="1:25" x14ac:dyDescent="0.2">
      <c r="B5585" s="77"/>
      <c r="C5585" s="39" t="s">
        <v>68</v>
      </c>
      <c r="D5585" s="45">
        <v>897</v>
      </c>
      <c r="E5585" s="46">
        <v>26</v>
      </c>
      <c r="F5585" s="47">
        <v>74</v>
      </c>
    </row>
    <row r="5586" spans="1:25" x14ac:dyDescent="0.2">
      <c r="B5586" s="77"/>
      <c r="C5586" s="39" t="s">
        <v>69</v>
      </c>
      <c r="D5586" s="45">
        <v>189</v>
      </c>
      <c r="E5586" s="46">
        <v>20.6</v>
      </c>
      <c r="F5586" s="47">
        <v>79.400000000000006</v>
      </c>
    </row>
    <row r="5587" spans="1:25" x14ac:dyDescent="0.2">
      <c r="B5587" s="77"/>
      <c r="C5587" s="39" t="s">
        <v>70</v>
      </c>
      <c r="D5587" s="45">
        <v>914</v>
      </c>
      <c r="E5587" s="46">
        <v>9.1999999999999993</v>
      </c>
      <c r="F5587" s="47">
        <v>90.8</v>
      </c>
    </row>
    <row r="5588" spans="1:25" ht="21.6" x14ac:dyDescent="0.2">
      <c r="B5588" s="77"/>
      <c r="C5588" s="39" t="s">
        <v>63</v>
      </c>
      <c r="D5588" s="45">
        <v>193</v>
      </c>
      <c r="E5588" s="46">
        <v>10.4</v>
      </c>
      <c r="F5588" s="47">
        <v>89.6</v>
      </c>
    </row>
    <row r="5589" spans="1:25" x14ac:dyDescent="0.2">
      <c r="B5589" s="77"/>
      <c r="C5589" s="39" t="s">
        <v>64</v>
      </c>
      <c r="D5589" s="45">
        <v>203</v>
      </c>
      <c r="E5589" s="46">
        <v>11.8</v>
      </c>
      <c r="F5589" s="47">
        <v>88.2</v>
      </c>
    </row>
    <row r="5590" spans="1:25" x14ac:dyDescent="0.2">
      <c r="B5590" s="77"/>
      <c r="C5590" s="39" t="s">
        <v>65</v>
      </c>
      <c r="D5590" s="45">
        <v>263</v>
      </c>
      <c r="E5590" s="46">
        <v>8</v>
      </c>
      <c r="F5590" s="47">
        <v>92</v>
      </c>
    </row>
    <row r="5591" spans="1:25" x14ac:dyDescent="0.2">
      <c r="B5591" s="77"/>
      <c r="C5591" s="39" t="s">
        <v>66</v>
      </c>
      <c r="D5591" s="45">
        <v>194</v>
      </c>
      <c r="E5591" s="46">
        <v>6.2</v>
      </c>
      <c r="F5591" s="47">
        <v>93.8</v>
      </c>
    </row>
    <row r="5592" spans="1:25" x14ac:dyDescent="0.2">
      <c r="B5592" s="77"/>
      <c r="C5592" s="39" t="s">
        <v>67</v>
      </c>
      <c r="D5592" s="45">
        <v>61</v>
      </c>
      <c r="E5592" s="46">
        <v>11.5</v>
      </c>
      <c r="F5592" s="47">
        <v>88.5</v>
      </c>
    </row>
    <row r="5593" spans="1:25" x14ac:dyDescent="0.2">
      <c r="B5593" s="77"/>
      <c r="C5593" s="39" t="s">
        <v>68</v>
      </c>
      <c r="D5593" s="45">
        <v>416</v>
      </c>
      <c r="E5593" s="46">
        <v>10.3</v>
      </c>
      <c r="F5593" s="47">
        <v>89.7</v>
      </c>
    </row>
    <row r="5594" spans="1:25" x14ac:dyDescent="0.2">
      <c r="B5594" s="77"/>
      <c r="C5594" s="40" t="s">
        <v>69</v>
      </c>
      <c r="D5594" s="48">
        <v>498</v>
      </c>
      <c r="E5594" s="49">
        <v>8.1999999999999993</v>
      </c>
      <c r="F5594" s="50">
        <v>91.8</v>
      </c>
    </row>
    <row r="5595" spans="1:25" x14ac:dyDescent="0.2">
      <c r="B5595" s="7" t="s">
        <v>71</v>
      </c>
      <c r="C5595" s="4" t="s">
        <v>234</v>
      </c>
    </row>
    <row r="5596" spans="1:25" x14ac:dyDescent="0.2">
      <c r="B5596" s="4"/>
      <c r="C5596" s="4" t="s">
        <v>73</v>
      </c>
    </row>
    <row r="5598" spans="1:25" x14ac:dyDescent="0.2">
      <c r="A5598" s="26" t="s">
        <v>25</v>
      </c>
      <c r="B5598" t="s">
        <v>35</v>
      </c>
      <c r="C5598" t="s">
        <v>35</v>
      </c>
    </row>
    <row r="5599" spans="1:25" x14ac:dyDescent="0.2">
      <c r="B5599" s="75" t="s">
        <v>235</v>
      </c>
      <c r="C5599" s="76"/>
      <c r="D5599" s="76"/>
      <c r="E5599" s="76"/>
      <c r="F5599" s="76"/>
      <c r="G5599" s="76"/>
      <c r="H5599" s="76"/>
      <c r="I5599" s="76"/>
      <c r="J5599" s="76"/>
      <c r="K5599" s="76"/>
      <c r="L5599" s="76"/>
      <c r="M5599" s="76"/>
      <c r="N5599" s="76"/>
      <c r="O5599" s="76"/>
      <c r="P5599" s="76"/>
      <c r="Q5599" s="76"/>
      <c r="R5599" s="76"/>
      <c r="S5599" s="76"/>
      <c r="T5599" s="76"/>
      <c r="U5599" s="76"/>
      <c r="V5599" s="76"/>
      <c r="W5599" s="76"/>
      <c r="X5599" s="76"/>
      <c r="Y5599" s="76"/>
    </row>
    <row r="5600" spans="1:25" s="32" customFormat="1" ht="58.05" customHeight="1" x14ac:dyDescent="0.15">
      <c r="A5600" s="31"/>
      <c r="D5600" s="33" t="s">
        <v>378</v>
      </c>
      <c r="E5600" s="36" t="s">
        <v>655</v>
      </c>
      <c r="F5600" s="55" t="s">
        <v>656</v>
      </c>
      <c r="G5600" s="55" t="s">
        <v>657</v>
      </c>
      <c r="H5600" s="55" t="s">
        <v>658</v>
      </c>
      <c r="I5600" s="55" t="s">
        <v>659</v>
      </c>
      <c r="J5600" s="55" t="s">
        <v>660</v>
      </c>
      <c r="K5600" s="37" t="s">
        <v>480</v>
      </c>
      <c r="L5600" s="35" t="s">
        <v>381</v>
      </c>
    </row>
    <row r="5601" spans="2:11" x14ac:dyDescent="0.2">
      <c r="B5601" s="5"/>
      <c r="C5601" s="41" t="s">
        <v>38</v>
      </c>
      <c r="D5601" s="42">
        <v>2000</v>
      </c>
      <c r="E5601" s="43">
        <v>62.9</v>
      </c>
      <c r="F5601" s="43">
        <v>16.399999999999999</v>
      </c>
      <c r="G5601" s="43">
        <v>8.6</v>
      </c>
      <c r="H5601" s="43">
        <v>1.5</v>
      </c>
      <c r="I5601" s="43">
        <v>2.2000000000000002</v>
      </c>
      <c r="J5601" s="43">
        <v>1.3</v>
      </c>
      <c r="K5601" s="44">
        <v>7.4</v>
      </c>
    </row>
    <row r="5602" spans="2:11" x14ac:dyDescent="0.2">
      <c r="B5602" s="77" t="s">
        <v>37</v>
      </c>
      <c r="C5602" s="39" t="s">
        <v>39</v>
      </c>
      <c r="D5602" s="45">
        <v>111</v>
      </c>
      <c r="E5602" s="46">
        <v>74.8</v>
      </c>
      <c r="F5602" s="46">
        <v>12.6</v>
      </c>
      <c r="G5602" s="46">
        <v>5.4</v>
      </c>
      <c r="H5602" s="46">
        <v>1.8</v>
      </c>
      <c r="I5602" s="46">
        <v>0</v>
      </c>
      <c r="J5602" s="46">
        <v>0</v>
      </c>
      <c r="K5602" s="47">
        <v>5.4</v>
      </c>
    </row>
    <row r="5603" spans="2:11" x14ac:dyDescent="0.2">
      <c r="B5603" s="77"/>
      <c r="C5603" s="39" t="s">
        <v>40</v>
      </c>
      <c r="D5603" s="45">
        <v>450</v>
      </c>
      <c r="E5603" s="46">
        <v>58.2</v>
      </c>
      <c r="F5603" s="46">
        <v>25.6</v>
      </c>
      <c r="G5603" s="46">
        <v>4.9000000000000004</v>
      </c>
      <c r="H5603" s="46">
        <v>2</v>
      </c>
      <c r="I5603" s="46">
        <v>3.8</v>
      </c>
      <c r="J5603" s="46">
        <v>2</v>
      </c>
      <c r="K5603" s="47">
        <v>3.6</v>
      </c>
    </row>
    <row r="5604" spans="2:11" ht="21.6" x14ac:dyDescent="0.2">
      <c r="B5604" s="77"/>
      <c r="C5604" s="39" t="s">
        <v>41</v>
      </c>
      <c r="D5604" s="45">
        <v>30</v>
      </c>
      <c r="E5604" s="46">
        <v>63.3</v>
      </c>
      <c r="F5604" s="46">
        <v>20</v>
      </c>
      <c r="G5604" s="46">
        <v>0</v>
      </c>
      <c r="H5604" s="46">
        <v>3.3</v>
      </c>
      <c r="I5604" s="46">
        <v>0</v>
      </c>
      <c r="J5604" s="46">
        <v>0</v>
      </c>
      <c r="K5604" s="47">
        <v>13.3</v>
      </c>
    </row>
    <row r="5605" spans="2:11" ht="21.6" x14ac:dyDescent="0.2">
      <c r="B5605" s="77"/>
      <c r="C5605" s="39" t="s">
        <v>42</v>
      </c>
      <c r="D5605" s="45">
        <v>336</v>
      </c>
      <c r="E5605" s="46">
        <v>54.8</v>
      </c>
      <c r="F5605" s="46">
        <v>22.3</v>
      </c>
      <c r="G5605" s="46">
        <v>10.4</v>
      </c>
      <c r="H5605" s="46">
        <v>0.9</v>
      </c>
      <c r="I5605" s="46">
        <v>3.9</v>
      </c>
      <c r="J5605" s="46">
        <v>1.8</v>
      </c>
      <c r="K5605" s="47">
        <v>6</v>
      </c>
    </row>
    <row r="5606" spans="2:11" ht="21.6" x14ac:dyDescent="0.2">
      <c r="B5606" s="77"/>
      <c r="C5606" s="39" t="s">
        <v>43</v>
      </c>
      <c r="D5606" s="45">
        <v>327</v>
      </c>
      <c r="E5606" s="46">
        <v>65.400000000000006</v>
      </c>
      <c r="F5606" s="46">
        <v>10.7</v>
      </c>
      <c r="G5606" s="46">
        <v>11.3</v>
      </c>
      <c r="H5606" s="46">
        <v>0.9</v>
      </c>
      <c r="I5606" s="46">
        <v>0.9</v>
      </c>
      <c r="J5606" s="46">
        <v>0.3</v>
      </c>
      <c r="K5606" s="47">
        <v>10.4</v>
      </c>
    </row>
    <row r="5607" spans="2:11" ht="21.6" x14ac:dyDescent="0.2">
      <c r="B5607" s="77"/>
      <c r="C5607" s="39" t="s">
        <v>44</v>
      </c>
      <c r="D5607" s="45">
        <v>181</v>
      </c>
      <c r="E5607" s="46">
        <v>73.5</v>
      </c>
      <c r="F5607" s="46">
        <v>9.4</v>
      </c>
      <c r="G5607" s="46">
        <v>5</v>
      </c>
      <c r="H5607" s="46">
        <v>0.6</v>
      </c>
      <c r="I5607" s="46">
        <v>1.7</v>
      </c>
      <c r="J5607" s="46">
        <v>1.7</v>
      </c>
      <c r="K5607" s="47">
        <v>8.3000000000000007</v>
      </c>
    </row>
    <row r="5608" spans="2:11" ht="21.6" x14ac:dyDescent="0.2">
      <c r="B5608" s="77"/>
      <c r="C5608" s="39" t="s">
        <v>45</v>
      </c>
      <c r="D5608" s="45">
        <v>565</v>
      </c>
      <c r="E5608" s="46">
        <v>64.099999999999994</v>
      </c>
      <c r="F5608" s="46">
        <v>11.5</v>
      </c>
      <c r="G5608" s="46">
        <v>11.2</v>
      </c>
      <c r="H5608" s="46">
        <v>1.8</v>
      </c>
      <c r="I5608" s="46">
        <v>1.2</v>
      </c>
      <c r="J5608" s="46">
        <v>1.1000000000000001</v>
      </c>
      <c r="K5608" s="47">
        <v>9.1999999999999993</v>
      </c>
    </row>
    <row r="5609" spans="2:11" ht="21.6" x14ac:dyDescent="0.2">
      <c r="B5609" s="77"/>
      <c r="C5609" s="39" t="s">
        <v>46</v>
      </c>
      <c r="D5609" s="45">
        <v>473</v>
      </c>
      <c r="E5609" s="46">
        <v>64.099999999999994</v>
      </c>
      <c r="F5609" s="46">
        <v>12.5</v>
      </c>
      <c r="G5609" s="46">
        <v>12.1</v>
      </c>
      <c r="H5609" s="46">
        <v>1.5</v>
      </c>
      <c r="I5609" s="46">
        <v>0.2</v>
      </c>
      <c r="J5609" s="46">
        <v>0.4</v>
      </c>
      <c r="K5609" s="47">
        <v>9.3000000000000007</v>
      </c>
    </row>
    <row r="5610" spans="2:11" ht="21.6" x14ac:dyDescent="0.2">
      <c r="B5610" s="77"/>
      <c r="C5610" s="39" t="s">
        <v>47</v>
      </c>
      <c r="D5610" s="45">
        <v>441</v>
      </c>
      <c r="E5610" s="46">
        <v>70.3</v>
      </c>
      <c r="F5610" s="46">
        <v>14.3</v>
      </c>
      <c r="G5610" s="46">
        <v>8.8000000000000007</v>
      </c>
      <c r="H5610" s="46">
        <v>0.9</v>
      </c>
      <c r="I5610" s="46">
        <v>1.1000000000000001</v>
      </c>
      <c r="J5610" s="46">
        <v>0.5</v>
      </c>
      <c r="K5610" s="47">
        <v>4.0999999999999996</v>
      </c>
    </row>
    <row r="5611" spans="2:11" ht="21.6" x14ac:dyDescent="0.2">
      <c r="B5611" s="77"/>
      <c r="C5611" s="39" t="s">
        <v>48</v>
      </c>
      <c r="D5611" s="45">
        <v>305</v>
      </c>
      <c r="E5611" s="46">
        <v>61.3</v>
      </c>
      <c r="F5611" s="46">
        <v>21.6</v>
      </c>
      <c r="G5611" s="46">
        <v>9.1999999999999993</v>
      </c>
      <c r="H5611" s="46">
        <v>1.6</v>
      </c>
      <c r="I5611" s="46">
        <v>2</v>
      </c>
      <c r="J5611" s="46">
        <v>1.3</v>
      </c>
      <c r="K5611" s="47">
        <v>3</v>
      </c>
    </row>
    <row r="5612" spans="2:11" ht="21.6" x14ac:dyDescent="0.2">
      <c r="B5612" s="77"/>
      <c r="C5612" s="39" t="s">
        <v>49</v>
      </c>
      <c r="D5612" s="45">
        <v>223</v>
      </c>
      <c r="E5612" s="46">
        <v>58.3</v>
      </c>
      <c r="F5612" s="46">
        <v>22.9</v>
      </c>
      <c r="G5612" s="46">
        <v>8.1</v>
      </c>
      <c r="H5612" s="46">
        <v>2.7</v>
      </c>
      <c r="I5612" s="46">
        <v>3.6</v>
      </c>
      <c r="J5612" s="46">
        <v>0.9</v>
      </c>
      <c r="K5612" s="47">
        <v>3.6</v>
      </c>
    </row>
    <row r="5613" spans="2:11" ht="21.6" x14ac:dyDescent="0.2">
      <c r="B5613" s="77"/>
      <c r="C5613" s="39" t="s">
        <v>50</v>
      </c>
      <c r="D5613" s="45">
        <v>123</v>
      </c>
      <c r="E5613" s="46">
        <v>57.7</v>
      </c>
      <c r="F5613" s="46">
        <v>19.5</v>
      </c>
      <c r="G5613" s="46">
        <v>3.3</v>
      </c>
      <c r="H5613" s="46">
        <v>1.6</v>
      </c>
      <c r="I5613" s="46">
        <v>8.1</v>
      </c>
      <c r="J5613" s="46">
        <v>7.3</v>
      </c>
      <c r="K5613" s="47">
        <v>2.4</v>
      </c>
    </row>
    <row r="5614" spans="2:11" ht="21.6" x14ac:dyDescent="0.2">
      <c r="B5614" s="77"/>
      <c r="C5614" s="39" t="s">
        <v>51</v>
      </c>
      <c r="D5614" s="45">
        <v>124</v>
      </c>
      <c r="E5614" s="46">
        <v>53.2</v>
      </c>
      <c r="F5614" s="46">
        <v>24.2</v>
      </c>
      <c r="G5614" s="46">
        <v>6.5</v>
      </c>
      <c r="H5614" s="46">
        <v>1.6</v>
      </c>
      <c r="I5614" s="46">
        <v>7.3</v>
      </c>
      <c r="J5614" s="46">
        <v>4</v>
      </c>
      <c r="K5614" s="47">
        <v>3.2</v>
      </c>
    </row>
    <row r="5615" spans="2:11" ht="21.6" x14ac:dyDescent="0.2">
      <c r="B5615" s="77"/>
      <c r="C5615" s="39" t="s">
        <v>52</v>
      </c>
      <c r="D5615" s="45">
        <v>312</v>
      </c>
      <c r="E5615" s="46">
        <v>71.5</v>
      </c>
      <c r="F5615" s="46">
        <v>10.3</v>
      </c>
      <c r="G5615" s="46">
        <v>5.8</v>
      </c>
      <c r="H5615" s="46">
        <v>1.9</v>
      </c>
      <c r="I5615" s="46">
        <v>0.6</v>
      </c>
      <c r="J5615" s="46">
        <v>0.6</v>
      </c>
      <c r="K5615" s="47">
        <v>9.3000000000000007</v>
      </c>
    </row>
    <row r="5616" spans="2:11" x14ac:dyDescent="0.2">
      <c r="B5616" s="77"/>
      <c r="C5616" s="39" t="s">
        <v>53</v>
      </c>
      <c r="D5616" s="45">
        <v>269</v>
      </c>
      <c r="E5616" s="46">
        <v>72.5</v>
      </c>
      <c r="F5616" s="46">
        <v>8.6</v>
      </c>
      <c r="G5616" s="46">
        <v>8.1999999999999993</v>
      </c>
      <c r="H5616" s="46">
        <v>1.1000000000000001</v>
      </c>
      <c r="I5616" s="46">
        <v>1.5</v>
      </c>
      <c r="J5616" s="46">
        <v>0.7</v>
      </c>
      <c r="K5616" s="47">
        <v>7.4</v>
      </c>
    </row>
    <row r="5617" spans="1:25" ht="21.6" x14ac:dyDescent="0.2">
      <c r="B5617" s="77"/>
      <c r="C5617" s="39" t="s">
        <v>54</v>
      </c>
      <c r="D5617" s="45">
        <v>511</v>
      </c>
      <c r="E5617" s="46">
        <v>67.099999999999994</v>
      </c>
      <c r="F5617" s="46">
        <v>16.399999999999999</v>
      </c>
      <c r="G5617" s="46">
        <v>9</v>
      </c>
      <c r="H5617" s="46">
        <v>3.1</v>
      </c>
      <c r="I5617" s="46">
        <v>1.8</v>
      </c>
      <c r="J5617" s="46">
        <v>0.4</v>
      </c>
      <c r="K5617" s="47">
        <v>2.2000000000000002</v>
      </c>
    </row>
    <row r="5618" spans="1:25" ht="21.6" x14ac:dyDescent="0.2">
      <c r="B5618" s="77"/>
      <c r="C5618" s="39" t="s">
        <v>55</v>
      </c>
      <c r="D5618" s="45">
        <v>615</v>
      </c>
      <c r="E5618" s="46">
        <v>53.3</v>
      </c>
      <c r="F5618" s="46">
        <v>26.2</v>
      </c>
      <c r="G5618" s="46">
        <v>9.6</v>
      </c>
      <c r="H5618" s="46">
        <v>0.5</v>
      </c>
      <c r="I5618" s="46">
        <v>4.2</v>
      </c>
      <c r="J5618" s="46">
        <v>2.6</v>
      </c>
      <c r="K5618" s="47">
        <v>3.6</v>
      </c>
    </row>
    <row r="5619" spans="1:25" ht="21.6" x14ac:dyDescent="0.2">
      <c r="B5619" s="77"/>
      <c r="C5619" s="39" t="s">
        <v>56</v>
      </c>
      <c r="D5619" s="45">
        <v>800</v>
      </c>
      <c r="E5619" s="46">
        <v>58.4</v>
      </c>
      <c r="F5619" s="46">
        <v>21</v>
      </c>
      <c r="G5619" s="46">
        <v>10.4</v>
      </c>
      <c r="H5619" s="46">
        <v>1.3</v>
      </c>
      <c r="I5619" s="46">
        <v>3.1</v>
      </c>
      <c r="J5619" s="46">
        <v>1.9</v>
      </c>
      <c r="K5619" s="47">
        <v>4</v>
      </c>
    </row>
    <row r="5620" spans="1:25" x14ac:dyDescent="0.2">
      <c r="B5620" s="77"/>
      <c r="C5620" s="40" t="s">
        <v>57</v>
      </c>
      <c r="D5620" s="48">
        <v>798</v>
      </c>
      <c r="E5620" s="49">
        <v>68.5</v>
      </c>
      <c r="F5620" s="49">
        <v>14.2</v>
      </c>
      <c r="G5620" s="49">
        <v>7.3</v>
      </c>
      <c r="H5620" s="49">
        <v>1.6</v>
      </c>
      <c r="I5620" s="49">
        <v>2.2999999999999998</v>
      </c>
      <c r="J5620" s="49">
        <v>0.9</v>
      </c>
      <c r="K5620" s="50">
        <v>5.3</v>
      </c>
    </row>
    <row r="5621" spans="1:25" x14ac:dyDescent="0.2">
      <c r="B5621" s="7" t="s">
        <v>71</v>
      </c>
      <c r="C5621" s="4" t="s">
        <v>236</v>
      </c>
    </row>
    <row r="5622" spans="1:25" x14ac:dyDescent="0.2">
      <c r="B5622" s="4"/>
      <c r="C5622" s="4" t="s">
        <v>73</v>
      </c>
    </row>
    <row r="5624" spans="1:25" x14ac:dyDescent="0.2">
      <c r="C5624" t="s">
        <v>35</v>
      </c>
    </row>
    <row r="5625" spans="1:25" x14ac:dyDescent="0.2">
      <c r="B5625" s="75" t="s">
        <v>367</v>
      </c>
      <c r="C5625" s="76"/>
      <c r="D5625" s="76"/>
      <c r="E5625" s="76"/>
      <c r="F5625" s="76"/>
      <c r="G5625" s="76"/>
      <c r="H5625" s="76"/>
      <c r="I5625" s="76"/>
      <c r="J5625" s="76"/>
      <c r="K5625" s="76"/>
      <c r="L5625" s="76"/>
      <c r="M5625" s="76"/>
      <c r="N5625" s="76"/>
      <c r="O5625" s="76"/>
      <c r="P5625" s="76"/>
      <c r="Q5625" s="76"/>
      <c r="R5625" s="76"/>
      <c r="S5625" s="76"/>
      <c r="T5625" s="76"/>
      <c r="U5625" s="76"/>
      <c r="V5625" s="76"/>
      <c r="W5625" s="76"/>
      <c r="X5625" s="76"/>
      <c r="Y5625" s="76"/>
    </row>
    <row r="5626" spans="1:25" s="32" customFormat="1" ht="58.05" customHeight="1" x14ac:dyDescent="0.15">
      <c r="A5626" s="31"/>
      <c r="D5626" s="33" t="s">
        <v>378</v>
      </c>
      <c r="E5626" s="36" t="s">
        <v>655</v>
      </c>
      <c r="F5626" s="55" t="s">
        <v>656</v>
      </c>
      <c r="G5626" s="55" t="s">
        <v>657</v>
      </c>
      <c r="H5626" s="55" t="s">
        <v>658</v>
      </c>
      <c r="I5626" s="55" t="s">
        <v>659</v>
      </c>
      <c r="J5626" s="55" t="s">
        <v>660</v>
      </c>
      <c r="K5626" s="37" t="s">
        <v>480</v>
      </c>
      <c r="L5626" s="35" t="s">
        <v>381</v>
      </c>
    </row>
    <row r="5627" spans="1:25" ht="21.6" x14ac:dyDescent="0.2">
      <c r="B5627" s="77" t="s">
        <v>37</v>
      </c>
      <c r="C5627" s="38" t="s">
        <v>58</v>
      </c>
      <c r="D5627" s="51">
        <v>609</v>
      </c>
      <c r="E5627" s="52">
        <v>58</v>
      </c>
      <c r="F5627" s="52">
        <v>21.7</v>
      </c>
      <c r="G5627" s="52">
        <v>10.5</v>
      </c>
      <c r="H5627" s="52">
        <v>2.1</v>
      </c>
      <c r="I5627" s="52">
        <v>2.5</v>
      </c>
      <c r="J5627" s="52">
        <v>0.3</v>
      </c>
      <c r="K5627" s="53">
        <v>4.9000000000000004</v>
      </c>
    </row>
    <row r="5628" spans="1:25" ht="21.6" x14ac:dyDescent="0.2">
      <c r="B5628" s="77"/>
      <c r="C5628" s="39" t="s">
        <v>59</v>
      </c>
      <c r="D5628" s="45">
        <v>1391</v>
      </c>
      <c r="E5628" s="46">
        <v>65</v>
      </c>
      <c r="F5628" s="46">
        <v>14</v>
      </c>
      <c r="G5628" s="46">
        <v>7.8</v>
      </c>
      <c r="H5628" s="46">
        <v>1.2</v>
      </c>
      <c r="I5628" s="46">
        <v>2</v>
      </c>
      <c r="J5628" s="46">
        <v>1.7</v>
      </c>
      <c r="K5628" s="47">
        <v>8.4</v>
      </c>
    </row>
    <row r="5629" spans="1:25" x14ac:dyDescent="0.2">
      <c r="B5629" s="77"/>
      <c r="C5629" s="39" t="s">
        <v>60</v>
      </c>
      <c r="D5629" s="45">
        <v>1325</v>
      </c>
      <c r="E5629" s="46">
        <v>62</v>
      </c>
      <c r="F5629" s="46">
        <v>17</v>
      </c>
      <c r="G5629" s="46">
        <v>8.8000000000000007</v>
      </c>
      <c r="H5629" s="46">
        <v>1.4</v>
      </c>
      <c r="I5629" s="46">
        <v>2.6</v>
      </c>
      <c r="J5629" s="46">
        <v>1.1000000000000001</v>
      </c>
      <c r="K5629" s="47">
        <v>7.1</v>
      </c>
    </row>
    <row r="5630" spans="1:25" x14ac:dyDescent="0.2">
      <c r="B5630" s="77"/>
      <c r="C5630" s="39" t="s">
        <v>61</v>
      </c>
      <c r="D5630" s="45">
        <v>675</v>
      </c>
      <c r="E5630" s="46">
        <v>64.400000000000006</v>
      </c>
      <c r="F5630" s="46">
        <v>15.1</v>
      </c>
      <c r="G5630" s="46">
        <v>8.1</v>
      </c>
      <c r="H5630" s="46">
        <v>1.5</v>
      </c>
      <c r="I5630" s="46">
        <v>1.3</v>
      </c>
      <c r="J5630" s="46">
        <v>1.6</v>
      </c>
      <c r="K5630" s="47">
        <v>7.9</v>
      </c>
    </row>
    <row r="5631" spans="1:25" x14ac:dyDescent="0.2">
      <c r="B5631" s="77"/>
      <c r="C5631" s="39" t="s">
        <v>62</v>
      </c>
      <c r="D5631" s="45">
        <v>1086</v>
      </c>
      <c r="E5631" s="46">
        <v>59</v>
      </c>
      <c r="F5631" s="46">
        <v>18.5</v>
      </c>
      <c r="G5631" s="46">
        <v>8.6999999999999993</v>
      </c>
      <c r="H5631" s="46">
        <v>1.9</v>
      </c>
      <c r="I5631" s="46">
        <v>3.2</v>
      </c>
      <c r="J5631" s="46">
        <v>1.7</v>
      </c>
      <c r="K5631" s="47">
        <v>6.9</v>
      </c>
    </row>
    <row r="5632" spans="1:25" ht="21.6" x14ac:dyDescent="0.2">
      <c r="B5632" s="77"/>
      <c r="C5632" s="39" t="s">
        <v>63</v>
      </c>
      <c r="D5632" s="45">
        <v>203</v>
      </c>
      <c r="E5632" s="46">
        <v>64.5</v>
      </c>
      <c r="F5632" s="46">
        <v>12.3</v>
      </c>
      <c r="G5632" s="46">
        <v>10.3</v>
      </c>
      <c r="H5632" s="46">
        <v>1.5</v>
      </c>
      <c r="I5632" s="46">
        <v>1</v>
      </c>
      <c r="J5632" s="46">
        <v>0.5</v>
      </c>
      <c r="K5632" s="47">
        <v>9.9</v>
      </c>
    </row>
    <row r="5633" spans="2:11" x14ac:dyDescent="0.2">
      <c r="B5633" s="77"/>
      <c r="C5633" s="39" t="s">
        <v>64</v>
      </c>
      <c r="D5633" s="45">
        <v>263</v>
      </c>
      <c r="E5633" s="46">
        <v>58.9</v>
      </c>
      <c r="F5633" s="46">
        <v>21.7</v>
      </c>
      <c r="G5633" s="46">
        <v>8.4</v>
      </c>
      <c r="H5633" s="46">
        <v>2.7</v>
      </c>
      <c r="I5633" s="46">
        <v>1.9</v>
      </c>
      <c r="J5633" s="46">
        <v>0.4</v>
      </c>
      <c r="K5633" s="47">
        <v>6.1</v>
      </c>
    </row>
    <row r="5634" spans="2:11" x14ac:dyDescent="0.2">
      <c r="B5634" s="77"/>
      <c r="C5634" s="39" t="s">
        <v>65</v>
      </c>
      <c r="D5634" s="45">
        <v>312</v>
      </c>
      <c r="E5634" s="46">
        <v>57.7</v>
      </c>
      <c r="F5634" s="46">
        <v>19.600000000000001</v>
      </c>
      <c r="G5634" s="46">
        <v>8.6999999999999993</v>
      </c>
      <c r="H5634" s="46">
        <v>0.6</v>
      </c>
      <c r="I5634" s="46">
        <v>4.8</v>
      </c>
      <c r="J5634" s="46">
        <v>1</v>
      </c>
      <c r="K5634" s="47">
        <v>7.7</v>
      </c>
    </row>
    <row r="5635" spans="2:11" x14ac:dyDescent="0.2">
      <c r="B5635" s="77"/>
      <c r="C5635" s="39" t="s">
        <v>66</v>
      </c>
      <c r="D5635" s="45">
        <v>230</v>
      </c>
      <c r="E5635" s="46">
        <v>52.6</v>
      </c>
      <c r="F5635" s="46">
        <v>20.399999999999999</v>
      </c>
      <c r="G5635" s="46">
        <v>9.1</v>
      </c>
      <c r="H5635" s="46">
        <v>3.9</v>
      </c>
      <c r="I5635" s="46">
        <v>4.3</v>
      </c>
      <c r="J5635" s="46">
        <v>4.8</v>
      </c>
      <c r="K5635" s="47">
        <v>4.8</v>
      </c>
    </row>
    <row r="5636" spans="2:11" x14ac:dyDescent="0.2">
      <c r="B5636" s="77"/>
      <c r="C5636" s="39" t="s">
        <v>67</v>
      </c>
      <c r="D5636" s="45">
        <v>78</v>
      </c>
      <c r="E5636" s="46">
        <v>69.2</v>
      </c>
      <c r="F5636" s="46">
        <v>14.1</v>
      </c>
      <c r="G5636" s="46">
        <v>5.0999999999999996</v>
      </c>
      <c r="H5636" s="46">
        <v>0</v>
      </c>
      <c r="I5636" s="46">
        <v>3.8</v>
      </c>
      <c r="J5636" s="46">
        <v>2.6</v>
      </c>
      <c r="K5636" s="47">
        <v>5.0999999999999996</v>
      </c>
    </row>
    <row r="5637" spans="2:11" x14ac:dyDescent="0.2">
      <c r="B5637" s="77"/>
      <c r="C5637" s="39" t="s">
        <v>68</v>
      </c>
      <c r="D5637" s="45">
        <v>897</v>
      </c>
      <c r="E5637" s="46">
        <v>58.6</v>
      </c>
      <c r="F5637" s="46">
        <v>19.7</v>
      </c>
      <c r="G5637" s="46">
        <v>9.1</v>
      </c>
      <c r="H5637" s="46">
        <v>2.1</v>
      </c>
      <c r="I5637" s="46">
        <v>3.7</v>
      </c>
      <c r="J5637" s="46">
        <v>1.9</v>
      </c>
      <c r="K5637" s="47">
        <v>4.8</v>
      </c>
    </row>
    <row r="5638" spans="2:11" x14ac:dyDescent="0.2">
      <c r="B5638" s="77"/>
      <c r="C5638" s="39" t="s">
        <v>69</v>
      </c>
      <c r="D5638" s="45">
        <v>189</v>
      </c>
      <c r="E5638" s="46">
        <v>60.8</v>
      </c>
      <c r="F5638" s="46">
        <v>12.7</v>
      </c>
      <c r="G5638" s="46">
        <v>6.9</v>
      </c>
      <c r="H5638" s="46">
        <v>1.1000000000000001</v>
      </c>
      <c r="I5638" s="46">
        <v>1.1000000000000001</v>
      </c>
      <c r="J5638" s="46">
        <v>0.5</v>
      </c>
      <c r="K5638" s="47">
        <v>16.899999999999999</v>
      </c>
    </row>
    <row r="5639" spans="2:11" x14ac:dyDescent="0.2">
      <c r="B5639" s="77"/>
      <c r="C5639" s="39" t="s">
        <v>70</v>
      </c>
      <c r="D5639" s="45">
        <v>914</v>
      </c>
      <c r="E5639" s="46">
        <v>67.400000000000006</v>
      </c>
      <c r="F5639" s="46">
        <v>13.8</v>
      </c>
      <c r="G5639" s="46">
        <v>8.4</v>
      </c>
      <c r="H5639" s="46">
        <v>0.9</v>
      </c>
      <c r="I5639" s="46">
        <v>0.9</v>
      </c>
      <c r="J5639" s="46">
        <v>0.8</v>
      </c>
      <c r="K5639" s="47">
        <v>7.9</v>
      </c>
    </row>
    <row r="5640" spans="2:11" ht="21.6" x14ac:dyDescent="0.2">
      <c r="B5640" s="77"/>
      <c r="C5640" s="39" t="s">
        <v>63</v>
      </c>
      <c r="D5640" s="45">
        <v>193</v>
      </c>
      <c r="E5640" s="46">
        <v>56.5</v>
      </c>
      <c r="F5640" s="46">
        <v>16.600000000000001</v>
      </c>
      <c r="G5640" s="46">
        <v>11.4</v>
      </c>
      <c r="H5640" s="46">
        <v>1</v>
      </c>
      <c r="I5640" s="46">
        <v>0.5</v>
      </c>
      <c r="J5640" s="46">
        <v>0</v>
      </c>
      <c r="K5640" s="47">
        <v>14</v>
      </c>
    </row>
    <row r="5641" spans="2:11" x14ac:dyDescent="0.2">
      <c r="B5641" s="77"/>
      <c r="C5641" s="39" t="s">
        <v>64</v>
      </c>
      <c r="D5641" s="45">
        <v>203</v>
      </c>
      <c r="E5641" s="46">
        <v>69</v>
      </c>
      <c r="F5641" s="46">
        <v>16.3</v>
      </c>
      <c r="G5641" s="46">
        <v>6.9</v>
      </c>
      <c r="H5641" s="46">
        <v>0</v>
      </c>
      <c r="I5641" s="46">
        <v>1</v>
      </c>
      <c r="J5641" s="46">
        <v>1</v>
      </c>
      <c r="K5641" s="47">
        <v>5.9</v>
      </c>
    </row>
    <row r="5642" spans="2:11" x14ac:dyDescent="0.2">
      <c r="B5642" s="77"/>
      <c r="C5642" s="39" t="s">
        <v>65</v>
      </c>
      <c r="D5642" s="45">
        <v>263</v>
      </c>
      <c r="E5642" s="46">
        <v>68.8</v>
      </c>
      <c r="F5642" s="46">
        <v>12.2</v>
      </c>
      <c r="G5642" s="46">
        <v>8.6999999999999993</v>
      </c>
      <c r="H5642" s="46">
        <v>1.1000000000000001</v>
      </c>
      <c r="I5642" s="46">
        <v>1.9</v>
      </c>
      <c r="J5642" s="46">
        <v>1.1000000000000001</v>
      </c>
      <c r="K5642" s="47">
        <v>6.1</v>
      </c>
    </row>
    <row r="5643" spans="2:11" x14ac:dyDescent="0.2">
      <c r="B5643" s="77"/>
      <c r="C5643" s="39" t="s">
        <v>66</v>
      </c>
      <c r="D5643" s="45">
        <v>194</v>
      </c>
      <c r="E5643" s="46">
        <v>73.7</v>
      </c>
      <c r="F5643" s="46">
        <v>11.9</v>
      </c>
      <c r="G5643" s="46">
        <v>6.2</v>
      </c>
      <c r="H5643" s="46">
        <v>1</v>
      </c>
      <c r="I5643" s="46">
        <v>0</v>
      </c>
      <c r="J5643" s="46">
        <v>0.5</v>
      </c>
      <c r="K5643" s="47">
        <v>6.7</v>
      </c>
    </row>
    <row r="5644" spans="2:11" x14ac:dyDescent="0.2">
      <c r="B5644" s="77"/>
      <c r="C5644" s="39" t="s">
        <v>67</v>
      </c>
      <c r="D5644" s="45">
        <v>61</v>
      </c>
      <c r="E5644" s="46">
        <v>70.5</v>
      </c>
      <c r="F5644" s="46">
        <v>9.8000000000000007</v>
      </c>
      <c r="G5644" s="46">
        <v>9.8000000000000007</v>
      </c>
      <c r="H5644" s="46">
        <v>1.6</v>
      </c>
      <c r="I5644" s="46">
        <v>0</v>
      </c>
      <c r="J5644" s="46">
        <v>1.6</v>
      </c>
      <c r="K5644" s="47">
        <v>6.6</v>
      </c>
    </row>
    <row r="5645" spans="2:11" x14ac:dyDescent="0.2">
      <c r="B5645" s="77"/>
      <c r="C5645" s="39" t="s">
        <v>68</v>
      </c>
      <c r="D5645" s="45">
        <v>416</v>
      </c>
      <c r="E5645" s="46">
        <v>63.7</v>
      </c>
      <c r="F5645" s="46">
        <v>19.5</v>
      </c>
      <c r="G5645" s="46">
        <v>8.1999999999999993</v>
      </c>
      <c r="H5645" s="46">
        <v>1</v>
      </c>
      <c r="I5645" s="46">
        <v>1.9</v>
      </c>
      <c r="J5645" s="46">
        <v>0.5</v>
      </c>
      <c r="K5645" s="47">
        <v>5.3</v>
      </c>
    </row>
    <row r="5646" spans="2:11" x14ac:dyDescent="0.2">
      <c r="B5646" s="77"/>
      <c r="C5646" s="40" t="s">
        <v>69</v>
      </c>
      <c r="D5646" s="48">
        <v>498</v>
      </c>
      <c r="E5646" s="49">
        <v>70.5</v>
      </c>
      <c r="F5646" s="49">
        <v>9</v>
      </c>
      <c r="G5646" s="49">
        <v>8.6</v>
      </c>
      <c r="H5646" s="49">
        <v>0.8</v>
      </c>
      <c r="I5646" s="49">
        <v>0</v>
      </c>
      <c r="J5646" s="49">
        <v>1</v>
      </c>
      <c r="K5646" s="50">
        <v>10</v>
      </c>
    </row>
    <row r="5647" spans="2:11" x14ac:dyDescent="0.2">
      <c r="B5647" s="7" t="s">
        <v>71</v>
      </c>
      <c r="C5647" s="4" t="s">
        <v>236</v>
      </c>
    </row>
    <row r="5648" spans="2:11" x14ac:dyDescent="0.2">
      <c r="B5648" s="4"/>
      <c r="C5648" s="4" t="s">
        <v>73</v>
      </c>
    </row>
    <row r="5650" spans="1:25" x14ac:dyDescent="0.2">
      <c r="A5650" s="26" t="s">
        <v>25</v>
      </c>
      <c r="B5650" t="s">
        <v>35</v>
      </c>
      <c r="C5650" t="s">
        <v>35</v>
      </c>
    </row>
    <row r="5651" spans="1:25" x14ac:dyDescent="0.2">
      <c r="B5651" s="75" t="s">
        <v>237</v>
      </c>
      <c r="C5651" s="76"/>
      <c r="D5651" s="76"/>
      <c r="E5651" s="76"/>
      <c r="F5651" s="76"/>
      <c r="G5651" s="76"/>
      <c r="H5651" s="76"/>
      <c r="I5651" s="76"/>
      <c r="J5651" s="76"/>
      <c r="K5651" s="76"/>
      <c r="L5651" s="76"/>
      <c r="M5651" s="76"/>
      <c r="N5651" s="76"/>
      <c r="O5651" s="76"/>
      <c r="P5651" s="76"/>
      <c r="Q5651" s="76"/>
      <c r="R5651" s="76"/>
      <c r="S5651" s="76"/>
      <c r="T5651" s="76"/>
      <c r="U5651" s="76"/>
      <c r="V5651" s="76"/>
      <c r="W5651" s="76"/>
      <c r="X5651" s="76"/>
      <c r="Y5651" s="76"/>
    </row>
    <row r="5652" spans="1:25" s="32" customFormat="1" ht="58.05" customHeight="1" x14ac:dyDescent="0.15">
      <c r="A5652" s="31"/>
      <c r="D5652" s="33" t="s">
        <v>378</v>
      </c>
      <c r="E5652" s="36" t="s">
        <v>661</v>
      </c>
      <c r="F5652" s="55" t="s">
        <v>662</v>
      </c>
      <c r="G5652" s="37" t="s">
        <v>480</v>
      </c>
      <c r="H5652" s="35" t="s">
        <v>381</v>
      </c>
    </row>
    <row r="5653" spans="1:25" x14ac:dyDescent="0.2">
      <c r="B5653" s="5"/>
      <c r="C5653" s="41" t="s">
        <v>38</v>
      </c>
      <c r="D5653" s="42">
        <v>2000</v>
      </c>
      <c r="E5653" s="43">
        <v>14.6</v>
      </c>
      <c r="F5653" s="43">
        <v>80.3</v>
      </c>
      <c r="G5653" s="44">
        <v>5.2</v>
      </c>
    </row>
    <row r="5654" spans="1:25" x14ac:dyDescent="0.2">
      <c r="B5654" s="77" t="s">
        <v>37</v>
      </c>
      <c r="C5654" s="39" t="s">
        <v>39</v>
      </c>
      <c r="D5654" s="45">
        <v>111</v>
      </c>
      <c r="E5654" s="46">
        <v>15.3</v>
      </c>
      <c r="F5654" s="46">
        <v>81.099999999999994</v>
      </c>
      <c r="G5654" s="47">
        <v>3.6</v>
      </c>
    </row>
    <row r="5655" spans="1:25" x14ac:dyDescent="0.2">
      <c r="B5655" s="77"/>
      <c r="C5655" s="39" t="s">
        <v>40</v>
      </c>
      <c r="D5655" s="45">
        <v>450</v>
      </c>
      <c r="E5655" s="46">
        <v>14.4</v>
      </c>
      <c r="F5655" s="46">
        <v>81.599999999999994</v>
      </c>
      <c r="G5655" s="47">
        <v>4</v>
      </c>
    </row>
    <row r="5656" spans="1:25" ht="21.6" x14ac:dyDescent="0.2">
      <c r="B5656" s="77"/>
      <c r="C5656" s="39" t="s">
        <v>41</v>
      </c>
      <c r="D5656" s="45">
        <v>30</v>
      </c>
      <c r="E5656" s="46">
        <v>13.3</v>
      </c>
      <c r="F5656" s="46">
        <v>83.3</v>
      </c>
      <c r="G5656" s="47">
        <v>3.3</v>
      </c>
    </row>
    <row r="5657" spans="1:25" ht="21.6" x14ac:dyDescent="0.2">
      <c r="B5657" s="77"/>
      <c r="C5657" s="39" t="s">
        <v>42</v>
      </c>
      <c r="D5657" s="45">
        <v>336</v>
      </c>
      <c r="E5657" s="46">
        <v>19.3</v>
      </c>
      <c r="F5657" s="46">
        <v>75</v>
      </c>
      <c r="G5657" s="47">
        <v>5.7</v>
      </c>
    </row>
    <row r="5658" spans="1:25" ht="21.6" x14ac:dyDescent="0.2">
      <c r="B5658" s="77"/>
      <c r="C5658" s="39" t="s">
        <v>43</v>
      </c>
      <c r="D5658" s="45">
        <v>327</v>
      </c>
      <c r="E5658" s="46">
        <v>10.1</v>
      </c>
      <c r="F5658" s="46">
        <v>82.9</v>
      </c>
      <c r="G5658" s="47">
        <v>7</v>
      </c>
    </row>
    <row r="5659" spans="1:25" ht="21.6" x14ac:dyDescent="0.2">
      <c r="B5659" s="77"/>
      <c r="C5659" s="39" t="s">
        <v>44</v>
      </c>
      <c r="D5659" s="45">
        <v>181</v>
      </c>
      <c r="E5659" s="46">
        <v>14.4</v>
      </c>
      <c r="F5659" s="46">
        <v>80.7</v>
      </c>
      <c r="G5659" s="47">
        <v>5</v>
      </c>
    </row>
    <row r="5660" spans="1:25" ht="21.6" x14ac:dyDescent="0.2">
      <c r="B5660" s="77"/>
      <c r="C5660" s="39" t="s">
        <v>45</v>
      </c>
      <c r="D5660" s="45">
        <v>565</v>
      </c>
      <c r="E5660" s="46">
        <v>14.5</v>
      </c>
      <c r="F5660" s="46">
        <v>80.400000000000006</v>
      </c>
      <c r="G5660" s="47">
        <v>5.0999999999999996</v>
      </c>
    </row>
    <row r="5661" spans="1:25" ht="21.6" x14ac:dyDescent="0.2">
      <c r="B5661" s="77"/>
      <c r="C5661" s="39" t="s">
        <v>46</v>
      </c>
      <c r="D5661" s="45">
        <v>473</v>
      </c>
      <c r="E5661" s="46">
        <v>17.5</v>
      </c>
      <c r="F5661" s="46">
        <v>76.5</v>
      </c>
      <c r="G5661" s="47">
        <v>5.9</v>
      </c>
    </row>
    <row r="5662" spans="1:25" ht="21.6" x14ac:dyDescent="0.2">
      <c r="B5662" s="77"/>
      <c r="C5662" s="39" t="s">
        <v>47</v>
      </c>
      <c r="D5662" s="45">
        <v>441</v>
      </c>
      <c r="E5662" s="46">
        <v>15.6</v>
      </c>
      <c r="F5662" s="46">
        <v>81.900000000000006</v>
      </c>
      <c r="G5662" s="47">
        <v>2.5</v>
      </c>
    </row>
    <row r="5663" spans="1:25" ht="21.6" x14ac:dyDescent="0.2">
      <c r="B5663" s="77"/>
      <c r="C5663" s="39" t="s">
        <v>48</v>
      </c>
      <c r="D5663" s="45">
        <v>305</v>
      </c>
      <c r="E5663" s="46">
        <v>14.4</v>
      </c>
      <c r="F5663" s="46">
        <v>82.3</v>
      </c>
      <c r="G5663" s="47">
        <v>3.3</v>
      </c>
    </row>
    <row r="5664" spans="1:25" ht="21.6" x14ac:dyDescent="0.2">
      <c r="B5664" s="77"/>
      <c r="C5664" s="39" t="s">
        <v>49</v>
      </c>
      <c r="D5664" s="45">
        <v>223</v>
      </c>
      <c r="E5664" s="46">
        <v>13</v>
      </c>
      <c r="F5664" s="46">
        <v>83.9</v>
      </c>
      <c r="G5664" s="47">
        <v>3.1</v>
      </c>
    </row>
    <row r="5665" spans="1:25" ht="21.6" x14ac:dyDescent="0.2">
      <c r="B5665" s="77"/>
      <c r="C5665" s="39" t="s">
        <v>50</v>
      </c>
      <c r="D5665" s="45">
        <v>123</v>
      </c>
      <c r="E5665" s="46">
        <v>11.4</v>
      </c>
      <c r="F5665" s="46">
        <v>87</v>
      </c>
      <c r="G5665" s="47">
        <v>1.6</v>
      </c>
    </row>
    <row r="5666" spans="1:25" ht="21.6" x14ac:dyDescent="0.2">
      <c r="B5666" s="77"/>
      <c r="C5666" s="39" t="s">
        <v>51</v>
      </c>
      <c r="D5666" s="45">
        <v>124</v>
      </c>
      <c r="E5666" s="46">
        <v>8.9</v>
      </c>
      <c r="F5666" s="46">
        <v>89.5</v>
      </c>
      <c r="G5666" s="47">
        <v>1.6</v>
      </c>
    </row>
    <row r="5667" spans="1:25" ht="21.6" x14ac:dyDescent="0.2">
      <c r="B5667" s="77"/>
      <c r="C5667" s="39" t="s">
        <v>52</v>
      </c>
      <c r="D5667" s="45">
        <v>312</v>
      </c>
      <c r="E5667" s="46">
        <v>12.5</v>
      </c>
      <c r="F5667" s="46">
        <v>80.8</v>
      </c>
      <c r="G5667" s="47">
        <v>6.7</v>
      </c>
    </row>
    <row r="5668" spans="1:25" x14ac:dyDescent="0.2">
      <c r="B5668" s="77"/>
      <c r="C5668" s="39" t="s">
        <v>53</v>
      </c>
      <c r="D5668" s="45">
        <v>269</v>
      </c>
      <c r="E5668" s="46">
        <v>14.9</v>
      </c>
      <c r="F5668" s="46">
        <v>81</v>
      </c>
      <c r="G5668" s="47">
        <v>4.0999999999999996</v>
      </c>
    </row>
    <row r="5669" spans="1:25" ht="21.6" x14ac:dyDescent="0.2">
      <c r="B5669" s="77"/>
      <c r="C5669" s="39" t="s">
        <v>54</v>
      </c>
      <c r="D5669" s="45">
        <v>511</v>
      </c>
      <c r="E5669" s="46">
        <v>17</v>
      </c>
      <c r="F5669" s="46">
        <v>79.8</v>
      </c>
      <c r="G5669" s="47">
        <v>3.1</v>
      </c>
    </row>
    <row r="5670" spans="1:25" ht="21.6" x14ac:dyDescent="0.2">
      <c r="B5670" s="77"/>
      <c r="C5670" s="39" t="s">
        <v>55</v>
      </c>
      <c r="D5670" s="45">
        <v>615</v>
      </c>
      <c r="E5670" s="46">
        <v>14.8</v>
      </c>
      <c r="F5670" s="46">
        <v>82.8</v>
      </c>
      <c r="G5670" s="47">
        <v>2.4</v>
      </c>
    </row>
    <row r="5671" spans="1:25" ht="21.6" x14ac:dyDescent="0.2">
      <c r="B5671" s="77"/>
      <c r="C5671" s="39" t="s">
        <v>56</v>
      </c>
      <c r="D5671" s="45">
        <v>800</v>
      </c>
      <c r="E5671" s="46">
        <v>17.3</v>
      </c>
      <c r="F5671" s="46">
        <v>80.400000000000006</v>
      </c>
      <c r="G5671" s="47">
        <v>2.4</v>
      </c>
    </row>
    <row r="5672" spans="1:25" x14ac:dyDescent="0.2">
      <c r="B5672" s="77"/>
      <c r="C5672" s="40" t="s">
        <v>57</v>
      </c>
      <c r="D5672" s="48">
        <v>798</v>
      </c>
      <c r="E5672" s="49">
        <v>14.2</v>
      </c>
      <c r="F5672" s="49">
        <v>81.3</v>
      </c>
      <c r="G5672" s="50">
        <v>4.5</v>
      </c>
    </row>
    <row r="5673" spans="1:25" x14ac:dyDescent="0.2">
      <c r="B5673" s="7" t="s">
        <v>71</v>
      </c>
      <c r="C5673" s="4" t="s">
        <v>238</v>
      </c>
    </row>
    <row r="5674" spans="1:25" x14ac:dyDescent="0.2">
      <c r="B5674" s="4"/>
      <c r="C5674" s="4" t="s">
        <v>73</v>
      </c>
    </row>
    <row r="5676" spans="1:25" x14ac:dyDescent="0.2">
      <c r="C5676" t="s">
        <v>35</v>
      </c>
    </row>
    <row r="5677" spans="1:25" x14ac:dyDescent="0.2">
      <c r="B5677" s="75" t="s">
        <v>368</v>
      </c>
      <c r="C5677" s="76"/>
      <c r="D5677" s="76"/>
      <c r="E5677" s="76"/>
      <c r="F5677" s="76"/>
      <c r="G5677" s="76"/>
      <c r="H5677" s="76"/>
      <c r="I5677" s="76"/>
      <c r="J5677" s="76"/>
      <c r="K5677" s="76"/>
      <c r="L5677" s="76"/>
      <c r="M5677" s="76"/>
      <c r="N5677" s="76"/>
      <c r="O5677" s="76"/>
      <c r="P5677" s="76"/>
      <c r="Q5677" s="76"/>
      <c r="R5677" s="76"/>
      <c r="S5677" s="76"/>
      <c r="T5677" s="76"/>
      <c r="U5677" s="76"/>
      <c r="V5677" s="76"/>
      <c r="W5677" s="76"/>
      <c r="X5677" s="76"/>
      <c r="Y5677" s="76"/>
    </row>
    <row r="5678" spans="1:25" s="32" customFormat="1" ht="58.05" customHeight="1" x14ac:dyDescent="0.15">
      <c r="A5678" s="31"/>
      <c r="D5678" s="33" t="s">
        <v>378</v>
      </c>
      <c r="E5678" s="36" t="s">
        <v>661</v>
      </c>
      <c r="F5678" s="55" t="s">
        <v>662</v>
      </c>
      <c r="G5678" s="37" t="s">
        <v>480</v>
      </c>
      <c r="H5678" s="35" t="s">
        <v>381</v>
      </c>
    </row>
    <row r="5679" spans="1:25" ht="21.6" x14ac:dyDescent="0.2">
      <c r="B5679" s="77" t="s">
        <v>37</v>
      </c>
      <c r="C5679" s="38" t="s">
        <v>58</v>
      </c>
      <c r="D5679" s="51">
        <v>609</v>
      </c>
      <c r="E5679" s="52">
        <v>18.399999999999999</v>
      </c>
      <c r="F5679" s="52">
        <v>78.3</v>
      </c>
      <c r="G5679" s="53">
        <v>3.3</v>
      </c>
    </row>
    <row r="5680" spans="1:25" ht="21.6" x14ac:dyDescent="0.2">
      <c r="B5680" s="77"/>
      <c r="C5680" s="39" t="s">
        <v>59</v>
      </c>
      <c r="D5680" s="45">
        <v>1391</v>
      </c>
      <c r="E5680" s="46">
        <v>12.9</v>
      </c>
      <c r="F5680" s="46">
        <v>81.099999999999994</v>
      </c>
      <c r="G5680" s="47">
        <v>6</v>
      </c>
    </row>
    <row r="5681" spans="2:7" x14ac:dyDescent="0.2">
      <c r="B5681" s="77"/>
      <c r="C5681" s="39" t="s">
        <v>60</v>
      </c>
      <c r="D5681" s="45">
        <v>1325</v>
      </c>
      <c r="E5681" s="46">
        <v>14.8</v>
      </c>
      <c r="F5681" s="46">
        <v>80</v>
      </c>
      <c r="G5681" s="47">
        <v>5.2</v>
      </c>
    </row>
    <row r="5682" spans="2:7" x14ac:dyDescent="0.2">
      <c r="B5682" s="77"/>
      <c r="C5682" s="39" t="s">
        <v>61</v>
      </c>
      <c r="D5682" s="45">
        <v>675</v>
      </c>
      <c r="E5682" s="46">
        <v>14.2</v>
      </c>
      <c r="F5682" s="46">
        <v>80.7</v>
      </c>
      <c r="G5682" s="47">
        <v>5</v>
      </c>
    </row>
    <row r="5683" spans="2:7" x14ac:dyDescent="0.2">
      <c r="B5683" s="77"/>
      <c r="C5683" s="39" t="s">
        <v>62</v>
      </c>
      <c r="D5683" s="45">
        <v>1086</v>
      </c>
      <c r="E5683" s="46">
        <v>15.9</v>
      </c>
      <c r="F5683" s="46">
        <v>78.5</v>
      </c>
      <c r="G5683" s="47">
        <v>5.6</v>
      </c>
    </row>
    <row r="5684" spans="2:7" ht="21.6" x14ac:dyDescent="0.2">
      <c r="B5684" s="77"/>
      <c r="C5684" s="39" t="s">
        <v>63</v>
      </c>
      <c r="D5684" s="45">
        <v>203</v>
      </c>
      <c r="E5684" s="46">
        <v>17.2</v>
      </c>
      <c r="F5684" s="46">
        <v>74.900000000000006</v>
      </c>
      <c r="G5684" s="47">
        <v>7.9</v>
      </c>
    </row>
    <row r="5685" spans="2:7" x14ac:dyDescent="0.2">
      <c r="B5685" s="77"/>
      <c r="C5685" s="39" t="s">
        <v>64</v>
      </c>
      <c r="D5685" s="45">
        <v>263</v>
      </c>
      <c r="E5685" s="46">
        <v>17.899999999999999</v>
      </c>
      <c r="F5685" s="46">
        <v>77.2</v>
      </c>
      <c r="G5685" s="47">
        <v>4.9000000000000004</v>
      </c>
    </row>
    <row r="5686" spans="2:7" x14ac:dyDescent="0.2">
      <c r="B5686" s="77"/>
      <c r="C5686" s="39" t="s">
        <v>65</v>
      </c>
      <c r="D5686" s="45">
        <v>312</v>
      </c>
      <c r="E5686" s="46">
        <v>16.3</v>
      </c>
      <c r="F5686" s="46">
        <v>77.599999999999994</v>
      </c>
      <c r="G5686" s="47">
        <v>6.1</v>
      </c>
    </row>
    <row r="5687" spans="2:7" x14ac:dyDescent="0.2">
      <c r="B5687" s="77"/>
      <c r="C5687" s="39" t="s">
        <v>66</v>
      </c>
      <c r="D5687" s="45">
        <v>230</v>
      </c>
      <c r="E5687" s="46">
        <v>15.2</v>
      </c>
      <c r="F5687" s="46">
        <v>79.599999999999994</v>
      </c>
      <c r="G5687" s="47">
        <v>5.2</v>
      </c>
    </row>
    <row r="5688" spans="2:7" x14ac:dyDescent="0.2">
      <c r="B5688" s="77"/>
      <c r="C5688" s="39" t="s">
        <v>67</v>
      </c>
      <c r="D5688" s="45">
        <v>78</v>
      </c>
      <c r="E5688" s="46">
        <v>6.4</v>
      </c>
      <c r="F5688" s="46">
        <v>92.3</v>
      </c>
      <c r="G5688" s="47">
        <v>1.3</v>
      </c>
    </row>
    <row r="5689" spans="2:7" x14ac:dyDescent="0.2">
      <c r="B5689" s="77"/>
      <c r="C5689" s="39" t="s">
        <v>68</v>
      </c>
      <c r="D5689" s="45">
        <v>897</v>
      </c>
      <c r="E5689" s="46">
        <v>17.2</v>
      </c>
      <c r="F5689" s="46">
        <v>77.900000000000006</v>
      </c>
      <c r="G5689" s="47">
        <v>4.9000000000000004</v>
      </c>
    </row>
    <row r="5690" spans="2:7" x14ac:dyDescent="0.2">
      <c r="B5690" s="77"/>
      <c r="C5690" s="39" t="s">
        <v>69</v>
      </c>
      <c r="D5690" s="45">
        <v>189</v>
      </c>
      <c r="E5690" s="46">
        <v>10.1</v>
      </c>
      <c r="F5690" s="46">
        <v>81</v>
      </c>
      <c r="G5690" s="47">
        <v>9</v>
      </c>
    </row>
    <row r="5691" spans="2:7" x14ac:dyDescent="0.2">
      <c r="B5691" s="77"/>
      <c r="C5691" s="39" t="s">
        <v>70</v>
      </c>
      <c r="D5691" s="45">
        <v>914</v>
      </c>
      <c r="E5691" s="46">
        <v>13</v>
      </c>
      <c r="F5691" s="46">
        <v>82.4</v>
      </c>
      <c r="G5691" s="47">
        <v>4.5999999999999996</v>
      </c>
    </row>
    <row r="5692" spans="2:7" ht="21.6" x14ac:dyDescent="0.2">
      <c r="B5692" s="77"/>
      <c r="C5692" s="39" t="s">
        <v>63</v>
      </c>
      <c r="D5692" s="45">
        <v>193</v>
      </c>
      <c r="E5692" s="46">
        <v>20.7</v>
      </c>
      <c r="F5692" s="46">
        <v>70.5</v>
      </c>
      <c r="G5692" s="47">
        <v>8.8000000000000007</v>
      </c>
    </row>
    <row r="5693" spans="2:7" x14ac:dyDescent="0.2">
      <c r="B5693" s="77"/>
      <c r="C5693" s="39" t="s">
        <v>64</v>
      </c>
      <c r="D5693" s="45">
        <v>203</v>
      </c>
      <c r="E5693" s="46">
        <v>20.2</v>
      </c>
      <c r="F5693" s="46">
        <v>76.400000000000006</v>
      </c>
      <c r="G5693" s="47">
        <v>3.4</v>
      </c>
    </row>
    <row r="5694" spans="2:7" x14ac:dyDescent="0.2">
      <c r="B5694" s="77"/>
      <c r="C5694" s="39" t="s">
        <v>65</v>
      </c>
      <c r="D5694" s="45">
        <v>263</v>
      </c>
      <c r="E5694" s="46">
        <v>8</v>
      </c>
      <c r="F5694" s="46">
        <v>89</v>
      </c>
      <c r="G5694" s="47">
        <v>3</v>
      </c>
    </row>
    <row r="5695" spans="2:7" x14ac:dyDescent="0.2">
      <c r="B5695" s="77"/>
      <c r="C5695" s="39" t="s">
        <v>66</v>
      </c>
      <c r="D5695" s="45">
        <v>194</v>
      </c>
      <c r="E5695" s="46">
        <v>7.2</v>
      </c>
      <c r="F5695" s="46">
        <v>88.7</v>
      </c>
      <c r="G5695" s="47">
        <v>4.0999999999999996</v>
      </c>
    </row>
    <row r="5696" spans="2:7" x14ac:dyDescent="0.2">
      <c r="B5696" s="77"/>
      <c r="C5696" s="39" t="s">
        <v>67</v>
      </c>
      <c r="D5696" s="45">
        <v>61</v>
      </c>
      <c r="E5696" s="46">
        <v>4.9000000000000004</v>
      </c>
      <c r="F5696" s="46">
        <v>91.8</v>
      </c>
      <c r="G5696" s="47">
        <v>3.3</v>
      </c>
    </row>
    <row r="5697" spans="1:25" x14ac:dyDescent="0.2">
      <c r="B5697" s="77"/>
      <c r="C5697" s="39" t="s">
        <v>68</v>
      </c>
      <c r="D5697" s="45">
        <v>416</v>
      </c>
      <c r="E5697" s="46">
        <v>15.1</v>
      </c>
      <c r="F5697" s="46">
        <v>80.3</v>
      </c>
      <c r="G5697" s="47">
        <v>4.5999999999999996</v>
      </c>
    </row>
    <row r="5698" spans="1:25" x14ac:dyDescent="0.2">
      <c r="B5698" s="77"/>
      <c r="C5698" s="40" t="s">
        <v>69</v>
      </c>
      <c r="D5698" s="48">
        <v>498</v>
      </c>
      <c r="E5698" s="49">
        <v>11.2</v>
      </c>
      <c r="F5698" s="49">
        <v>84.1</v>
      </c>
      <c r="G5698" s="50">
        <v>4.5999999999999996</v>
      </c>
    </row>
    <row r="5699" spans="1:25" x14ac:dyDescent="0.2">
      <c r="B5699" s="7" t="s">
        <v>71</v>
      </c>
      <c r="C5699" s="4" t="s">
        <v>238</v>
      </c>
    </row>
    <row r="5700" spans="1:25" x14ac:dyDescent="0.2">
      <c r="B5700" s="4"/>
      <c r="C5700" s="4" t="s">
        <v>73</v>
      </c>
    </row>
    <row r="5702" spans="1:25" x14ac:dyDescent="0.2">
      <c r="A5702" s="26" t="s">
        <v>25</v>
      </c>
      <c r="B5702" t="s">
        <v>35</v>
      </c>
      <c r="C5702" t="s">
        <v>35</v>
      </c>
    </row>
    <row r="5703" spans="1:25" x14ac:dyDescent="0.2">
      <c r="B5703" s="75" t="s">
        <v>239</v>
      </c>
      <c r="C5703" s="76"/>
      <c r="D5703" s="76"/>
      <c r="E5703" s="76"/>
      <c r="F5703" s="76"/>
      <c r="G5703" s="76"/>
      <c r="H5703" s="76"/>
      <c r="I5703" s="76"/>
      <c r="J5703" s="76"/>
      <c r="K5703" s="76"/>
      <c r="L5703" s="76"/>
      <c r="M5703" s="76"/>
      <c r="N5703" s="76"/>
      <c r="O5703" s="76"/>
      <c r="P5703" s="76"/>
      <c r="Q5703" s="76"/>
      <c r="R5703" s="76"/>
      <c r="S5703" s="76"/>
      <c r="T5703" s="76"/>
      <c r="U5703" s="76"/>
      <c r="V5703" s="76"/>
      <c r="W5703" s="76"/>
      <c r="X5703" s="76"/>
      <c r="Y5703" s="76"/>
    </row>
    <row r="5704" spans="1:25" s="32" customFormat="1" ht="36.450000000000003" customHeight="1" x14ac:dyDescent="0.15">
      <c r="A5704" s="31"/>
      <c r="D5704" s="33" t="s">
        <v>378</v>
      </c>
      <c r="E5704" s="36" t="s">
        <v>663</v>
      </c>
      <c r="F5704" s="55" t="s">
        <v>664</v>
      </c>
      <c r="G5704" s="37" t="s">
        <v>480</v>
      </c>
      <c r="H5704" s="35" t="s">
        <v>381</v>
      </c>
    </row>
    <row r="5705" spans="1:25" x14ac:dyDescent="0.2">
      <c r="B5705" s="5"/>
      <c r="C5705" s="41" t="s">
        <v>38</v>
      </c>
      <c r="D5705" s="42">
        <v>2000</v>
      </c>
      <c r="E5705" s="43">
        <v>65.2</v>
      </c>
      <c r="F5705" s="43">
        <v>19.899999999999999</v>
      </c>
      <c r="G5705" s="44">
        <v>15</v>
      </c>
    </row>
    <row r="5706" spans="1:25" x14ac:dyDescent="0.2">
      <c r="B5706" s="77" t="s">
        <v>37</v>
      </c>
      <c r="C5706" s="39" t="s">
        <v>39</v>
      </c>
      <c r="D5706" s="45">
        <v>111</v>
      </c>
      <c r="E5706" s="46">
        <v>64</v>
      </c>
      <c r="F5706" s="46">
        <v>23.4</v>
      </c>
      <c r="G5706" s="47">
        <v>12.6</v>
      </c>
    </row>
    <row r="5707" spans="1:25" x14ac:dyDescent="0.2">
      <c r="B5707" s="77"/>
      <c r="C5707" s="39" t="s">
        <v>40</v>
      </c>
      <c r="D5707" s="45">
        <v>450</v>
      </c>
      <c r="E5707" s="46">
        <v>64</v>
      </c>
      <c r="F5707" s="46">
        <v>20</v>
      </c>
      <c r="G5707" s="47">
        <v>16</v>
      </c>
    </row>
    <row r="5708" spans="1:25" ht="21.6" x14ac:dyDescent="0.2">
      <c r="B5708" s="77"/>
      <c r="C5708" s="39" t="s">
        <v>41</v>
      </c>
      <c r="D5708" s="45">
        <v>30</v>
      </c>
      <c r="E5708" s="46">
        <v>73.3</v>
      </c>
      <c r="F5708" s="46">
        <v>10</v>
      </c>
      <c r="G5708" s="47">
        <v>16.7</v>
      </c>
    </row>
    <row r="5709" spans="1:25" ht="21.6" x14ac:dyDescent="0.2">
      <c r="B5709" s="77"/>
      <c r="C5709" s="39" t="s">
        <v>42</v>
      </c>
      <c r="D5709" s="45">
        <v>336</v>
      </c>
      <c r="E5709" s="46">
        <v>65.5</v>
      </c>
      <c r="F5709" s="46">
        <v>21.4</v>
      </c>
      <c r="G5709" s="47">
        <v>13.1</v>
      </c>
    </row>
    <row r="5710" spans="1:25" ht="21.6" x14ac:dyDescent="0.2">
      <c r="B5710" s="77"/>
      <c r="C5710" s="39" t="s">
        <v>43</v>
      </c>
      <c r="D5710" s="45">
        <v>327</v>
      </c>
      <c r="E5710" s="46">
        <v>69.400000000000006</v>
      </c>
      <c r="F5710" s="46">
        <v>18</v>
      </c>
      <c r="G5710" s="47">
        <v>12.5</v>
      </c>
    </row>
    <row r="5711" spans="1:25" ht="21.6" x14ac:dyDescent="0.2">
      <c r="B5711" s="77"/>
      <c r="C5711" s="39" t="s">
        <v>44</v>
      </c>
      <c r="D5711" s="45">
        <v>181</v>
      </c>
      <c r="E5711" s="46">
        <v>66.900000000000006</v>
      </c>
      <c r="F5711" s="46">
        <v>20.399999999999999</v>
      </c>
      <c r="G5711" s="47">
        <v>12.7</v>
      </c>
    </row>
    <row r="5712" spans="1:25" ht="21.6" x14ac:dyDescent="0.2">
      <c r="B5712" s="77"/>
      <c r="C5712" s="39" t="s">
        <v>45</v>
      </c>
      <c r="D5712" s="45">
        <v>565</v>
      </c>
      <c r="E5712" s="46">
        <v>62.7</v>
      </c>
      <c r="F5712" s="46">
        <v>19.5</v>
      </c>
      <c r="G5712" s="47">
        <v>17.899999999999999</v>
      </c>
    </row>
    <row r="5713" spans="2:7" ht="21.6" x14ac:dyDescent="0.2">
      <c r="B5713" s="77"/>
      <c r="C5713" s="39" t="s">
        <v>46</v>
      </c>
      <c r="D5713" s="45">
        <v>473</v>
      </c>
      <c r="E5713" s="46">
        <v>65.3</v>
      </c>
      <c r="F5713" s="46">
        <v>20.5</v>
      </c>
      <c r="G5713" s="47">
        <v>14.2</v>
      </c>
    </row>
    <row r="5714" spans="2:7" ht="21.6" x14ac:dyDescent="0.2">
      <c r="B5714" s="77"/>
      <c r="C5714" s="39" t="s">
        <v>47</v>
      </c>
      <c r="D5714" s="45">
        <v>441</v>
      </c>
      <c r="E5714" s="46">
        <v>68.900000000000006</v>
      </c>
      <c r="F5714" s="46">
        <v>17.5</v>
      </c>
      <c r="G5714" s="47">
        <v>13.6</v>
      </c>
    </row>
    <row r="5715" spans="2:7" ht="21.6" x14ac:dyDescent="0.2">
      <c r="B5715" s="77"/>
      <c r="C5715" s="39" t="s">
        <v>48</v>
      </c>
      <c r="D5715" s="45">
        <v>305</v>
      </c>
      <c r="E5715" s="46">
        <v>67.2</v>
      </c>
      <c r="F5715" s="46">
        <v>20</v>
      </c>
      <c r="G5715" s="47">
        <v>12.8</v>
      </c>
    </row>
    <row r="5716" spans="2:7" ht="21.6" x14ac:dyDescent="0.2">
      <c r="B5716" s="77"/>
      <c r="C5716" s="39" t="s">
        <v>49</v>
      </c>
      <c r="D5716" s="45">
        <v>223</v>
      </c>
      <c r="E5716" s="46">
        <v>67.7</v>
      </c>
      <c r="F5716" s="46">
        <v>19.7</v>
      </c>
      <c r="G5716" s="47">
        <v>12.6</v>
      </c>
    </row>
    <row r="5717" spans="2:7" ht="21.6" x14ac:dyDescent="0.2">
      <c r="B5717" s="77"/>
      <c r="C5717" s="39" t="s">
        <v>50</v>
      </c>
      <c r="D5717" s="45">
        <v>123</v>
      </c>
      <c r="E5717" s="46">
        <v>70.7</v>
      </c>
      <c r="F5717" s="46">
        <v>23.6</v>
      </c>
      <c r="G5717" s="47">
        <v>5.7</v>
      </c>
    </row>
    <row r="5718" spans="2:7" ht="21.6" x14ac:dyDescent="0.2">
      <c r="B5718" s="77"/>
      <c r="C5718" s="39" t="s">
        <v>51</v>
      </c>
      <c r="D5718" s="45">
        <v>124</v>
      </c>
      <c r="E5718" s="46">
        <v>67.7</v>
      </c>
      <c r="F5718" s="46">
        <v>21</v>
      </c>
      <c r="G5718" s="47">
        <v>11.3</v>
      </c>
    </row>
    <row r="5719" spans="2:7" ht="21.6" x14ac:dyDescent="0.2">
      <c r="B5719" s="77"/>
      <c r="C5719" s="39" t="s">
        <v>52</v>
      </c>
      <c r="D5719" s="45">
        <v>312</v>
      </c>
      <c r="E5719" s="46">
        <v>65.7</v>
      </c>
      <c r="F5719" s="46">
        <v>21.8</v>
      </c>
      <c r="G5719" s="47">
        <v>12.5</v>
      </c>
    </row>
    <row r="5720" spans="2:7" x14ac:dyDescent="0.2">
      <c r="B5720" s="77"/>
      <c r="C5720" s="39" t="s">
        <v>53</v>
      </c>
      <c r="D5720" s="45">
        <v>269</v>
      </c>
      <c r="E5720" s="46">
        <v>61</v>
      </c>
      <c r="F5720" s="46">
        <v>23.4</v>
      </c>
      <c r="G5720" s="47">
        <v>15.6</v>
      </c>
    </row>
    <row r="5721" spans="2:7" ht="21.6" x14ac:dyDescent="0.2">
      <c r="B5721" s="77"/>
      <c r="C5721" s="39" t="s">
        <v>54</v>
      </c>
      <c r="D5721" s="45">
        <v>511</v>
      </c>
      <c r="E5721" s="46">
        <v>67.7</v>
      </c>
      <c r="F5721" s="46">
        <v>20.7</v>
      </c>
      <c r="G5721" s="47">
        <v>11.5</v>
      </c>
    </row>
    <row r="5722" spans="2:7" ht="21.6" x14ac:dyDescent="0.2">
      <c r="B5722" s="77"/>
      <c r="C5722" s="39" t="s">
        <v>55</v>
      </c>
      <c r="D5722" s="45">
        <v>615</v>
      </c>
      <c r="E5722" s="46">
        <v>70.400000000000006</v>
      </c>
      <c r="F5722" s="46">
        <v>17.7</v>
      </c>
      <c r="G5722" s="47">
        <v>11.9</v>
      </c>
    </row>
    <row r="5723" spans="2:7" ht="21.6" x14ac:dyDescent="0.2">
      <c r="B5723" s="77"/>
      <c r="C5723" s="39" t="s">
        <v>56</v>
      </c>
      <c r="D5723" s="45">
        <v>800</v>
      </c>
      <c r="E5723" s="46">
        <v>69</v>
      </c>
      <c r="F5723" s="46">
        <v>17.899999999999999</v>
      </c>
      <c r="G5723" s="47">
        <v>13.1</v>
      </c>
    </row>
    <row r="5724" spans="2:7" x14ac:dyDescent="0.2">
      <c r="B5724" s="77"/>
      <c r="C5724" s="40" t="s">
        <v>57</v>
      </c>
      <c r="D5724" s="48">
        <v>798</v>
      </c>
      <c r="E5724" s="49">
        <v>63.3</v>
      </c>
      <c r="F5724" s="49">
        <v>24.8</v>
      </c>
      <c r="G5724" s="50">
        <v>11.9</v>
      </c>
    </row>
    <row r="5725" spans="2:7" x14ac:dyDescent="0.2">
      <c r="B5725" s="7" t="s">
        <v>71</v>
      </c>
      <c r="C5725" s="4" t="s">
        <v>240</v>
      </c>
    </row>
    <row r="5726" spans="2:7" x14ac:dyDescent="0.2">
      <c r="B5726" s="4"/>
      <c r="C5726" s="4" t="s">
        <v>73</v>
      </c>
    </row>
    <row r="5728" spans="2:7" x14ac:dyDescent="0.2">
      <c r="C5728" t="s">
        <v>35</v>
      </c>
    </row>
    <row r="5729" spans="1:25" x14ac:dyDescent="0.2">
      <c r="B5729" s="75" t="s">
        <v>369</v>
      </c>
      <c r="C5729" s="76"/>
      <c r="D5729" s="76"/>
      <c r="E5729" s="76"/>
      <c r="F5729" s="76"/>
      <c r="G5729" s="76"/>
      <c r="H5729" s="76"/>
      <c r="I5729" s="76"/>
      <c r="J5729" s="76"/>
      <c r="K5729" s="76"/>
      <c r="L5729" s="76"/>
      <c r="M5729" s="76"/>
      <c r="N5729" s="76"/>
      <c r="O5729" s="76"/>
      <c r="P5729" s="76"/>
      <c r="Q5729" s="76"/>
      <c r="R5729" s="76"/>
      <c r="S5729" s="76"/>
      <c r="T5729" s="76"/>
      <c r="U5729" s="76"/>
      <c r="V5729" s="76"/>
      <c r="W5729" s="76"/>
      <c r="X5729" s="76"/>
      <c r="Y5729" s="76"/>
    </row>
    <row r="5730" spans="1:25" s="32" customFormat="1" ht="36.450000000000003" customHeight="1" x14ac:dyDescent="0.15">
      <c r="A5730" s="31"/>
      <c r="D5730" s="33" t="s">
        <v>378</v>
      </c>
      <c r="E5730" s="36" t="s">
        <v>663</v>
      </c>
      <c r="F5730" s="55" t="s">
        <v>664</v>
      </c>
      <c r="G5730" s="37" t="s">
        <v>480</v>
      </c>
      <c r="H5730" s="35" t="s">
        <v>381</v>
      </c>
    </row>
    <row r="5731" spans="1:25" ht="21.6" x14ac:dyDescent="0.2">
      <c r="B5731" s="77" t="s">
        <v>37</v>
      </c>
      <c r="C5731" s="38" t="s">
        <v>58</v>
      </c>
      <c r="D5731" s="51">
        <v>609</v>
      </c>
      <c r="E5731" s="52">
        <v>67.3</v>
      </c>
      <c r="F5731" s="52">
        <v>19.5</v>
      </c>
      <c r="G5731" s="53">
        <v>13.1</v>
      </c>
    </row>
    <row r="5732" spans="1:25" ht="21.6" x14ac:dyDescent="0.2">
      <c r="B5732" s="77"/>
      <c r="C5732" s="39" t="s">
        <v>59</v>
      </c>
      <c r="D5732" s="45">
        <v>1391</v>
      </c>
      <c r="E5732" s="46">
        <v>64.2</v>
      </c>
      <c r="F5732" s="46">
        <v>20</v>
      </c>
      <c r="G5732" s="47">
        <v>15.8</v>
      </c>
    </row>
    <row r="5733" spans="1:25" x14ac:dyDescent="0.2">
      <c r="B5733" s="77"/>
      <c r="C5733" s="39" t="s">
        <v>60</v>
      </c>
      <c r="D5733" s="45">
        <v>1325</v>
      </c>
      <c r="E5733" s="46">
        <v>64.900000000000006</v>
      </c>
      <c r="F5733" s="46">
        <v>19.8</v>
      </c>
      <c r="G5733" s="47">
        <v>15.3</v>
      </c>
    </row>
    <row r="5734" spans="1:25" x14ac:dyDescent="0.2">
      <c r="B5734" s="77"/>
      <c r="C5734" s="39" t="s">
        <v>61</v>
      </c>
      <c r="D5734" s="45">
        <v>675</v>
      </c>
      <c r="E5734" s="46">
        <v>65.599999999999994</v>
      </c>
      <c r="F5734" s="46">
        <v>20</v>
      </c>
      <c r="G5734" s="47">
        <v>14.4</v>
      </c>
    </row>
    <row r="5735" spans="1:25" x14ac:dyDescent="0.2">
      <c r="B5735" s="77"/>
      <c r="C5735" s="39" t="s">
        <v>62</v>
      </c>
      <c r="D5735" s="45">
        <v>1086</v>
      </c>
      <c r="E5735" s="46">
        <v>58.7</v>
      </c>
      <c r="F5735" s="46">
        <v>23.9</v>
      </c>
      <c r="G5735" s="47">
        <v>17.3</v>
      </c>
    </row>
    <row r="5736" spans="1:25" ht="21.6" x14ac:dyDescent="0.2">
      <c r="B5736" s="77"/>
      <c r="C5736" s="39" t="s">
        <v>63</v>
      </c>
      <c r="D5736" s="45">
        <v>203</v>
      </c>
      <c r="E5736" s="46">
        <v>62.1</v>
      </c>
      <c r="F5736" s="46">
        <v>17.2</v>
      </c>
      <c r="G5736" s="47">
        <v>20.7</v>
      </c>
    </row>
    <row r="5737" spans="1:25" x14ac:dyDescent="0.2">
      <c r="B5737" s="77"/>
      <c r="C5737" s="39" t="s">
        <v>64</v>
      </c>
      <c r="D5737" s="45">
        <v>263</v>
      </c>
      <c r="E5737" s="46">
        <v>58.2</v>
      </c>
      <c r="F5737" s="46">
        <v>27.4</v>
      </c>
      <c r="G5737" s="47">
        <v>14.4</v>
      </c>
    </row>
    <row r="5738" spans="1:25" x14ac:dyDescent="0.2">
      <c r="B5738" s="77"/>
      <c r="C5738" s="39" t="s">
        <v>65</v>
      </c>
      <c r="D5738" s="45">
        <v>312</v>
      </c>
      <c r="E5738" s="46">
        <v>57.7</v>
      </c>
      <c r="F5738" s="46">
        <v>23.1</v>
      </c>
      <c r="G5738" s="47">
        <v>19.2</v>
      </c>
    </row>
    <row r="5739" spans="1:25" x14ac:dyDescent="0.2">
      <c r="B5739" s="77"/>
      <c r="C5739" s="39" t="s">
        <v>66</v>
      </c>
      <c r="D5739" s="45">
        <v>230</v>
      </c>
      <c r="E5739" s="46">
        <v>56.1</v>
      </c>
      <c r="F5739" s="46">
        <v>29.1</v>
      </c>
      <c r="G5739" s="47">
        <v>14.8</v>
      </c>
    </row>
    <row r="5740" spans="1:25" x14ac:dyDescent="0.2">
      <c r="B5740" s="77"/>
      <c r="C5740" s="39" t="s">
        <v>67</v>
      </c>
      <c r="D5740" s="45">
        <v>78</v>
      </c>
      <c r="E5740" s="46">
        <v>64.099999999999994</v>
      </c>
      <c r="F5740" s="46">
        <v>17.899999999999999</v>
      </c>
      <c r="G5740" s="47">
        <v>17.899999999999999</v>
      </c>
    </row>
    <row r="5741" spans="1:25" x14ac:dyDescent="0.2">
      <c r="B5741" s="77"/>
      <c r="C5741" s="39" t="s">
        <v>68</v>
      </c>
      <c r="D5741" s="45">
        <v>897</v>
      </c>
      <c r="E5741" s="46">
        <v>57.7</v>
      </c>
      <c r="F5741" s="46">
        <v>25.9</v>
      </c>
      <c r="G5741" s="47">
        <v>16.399999999999999</v>
      </c>
    </row>
    <row r="5742" spans="1:25" x14ac:dyDescent="0.2">
      <c r="B5742" s="77"/>
      <c r="C5742" s="39" t="s">
        <v>69</v>
      </c>
      <c r="D5742" s="45">
        <v>189</v>
      </c>
      <c r="E5742" s="46">
        <v>63.5</v>
      </c>
      <c r="F5742" s="46">
        <v>14.8</v>
      </c>
      <c r="G5742" s="47">
        <v>21.7</v>
      </c>
    </row>
    <row r="5743" spans="1:25" x14ac:dyDescent="0.2">
      <c r="B5743" s="77"/>
      <c r="C5743" s="39" t="s">
        <v>70</v>
      </c>
      <c r="D5743" s="45">
        <v>914</v>
      </c>
      <c r="E5743" s="46">
        <v>72.8</v>
      </c>
      <c r="F5743" s="46">
        <v>15</v>
      </c>
      <c r="G5743" s="47">
        <v>12.3</v>
      </c>
    </row>
    <row r="5744" spans="1:25" ht="21.6" x14ac:dyDescent="0.2">
      <c r="B5744" s="77"/>
      <c r="C5744" s="39" t="s">
        <v>63</v>
      </c>
      <c r="D5744" s="45">
        <v>193</v>
      </c>
      <c r="E5744" s="46">
        <v>71.5</v>
      </c>
      <c r="F5744" s="46">
        <v>15</v>
      </c>
      <c r="G5744" s="47">
        <v>13.5</v>
      </c>
    </row>
    <row r="5745" spans="1:25" x14ac:dyDescent="0.2">
      <c r="B5745" s="77"/>
      <c r="C5745" s="39" t="s">
        <v>64</v>
      </c>
      <c r="D5745" s="45">
        <v>203</v>
      </c>
      <c r="E5745" s="46">
        <v>70.900000000000006</v>
      </c>
      <c r="F5745" s="46">
        <v>15.8</v>
      </c>
      <c r="G5745" s="47">
        <v>13.3</v>
      </c>
    </row>
    <row r="5746" spans="1:25" x14ac:dyDescent="0.2">
      <c r="B5746" s="77"/>
      <c r="C5746" s="39" t="s">
        <v>65</v>
      </c>
      <c r="D5746" s="45">
        <v>263</v>
      </c>
      <c r="E5746" s="46">
        <v>69.599999999999994</v>
      </c>
      <c r="F5746" s="46">
        <v>16</v>
      </c>
      <c r="G5746" s="47">
        <v>14.4</v>
      </c>
    </row>
    <row r="5747" spans="1:25" x14ac:dyDescent="0.2">
      <c r="B5747" s="77"/>
      <c r="C5747" s="39" t="s">
        <v>66</v>
      </c>
      <c r="D5747" s="45">
        <v>194</v>
      </c>
      <c r="E5747" s="46">
        <v>78.900000000000006</v>
      </c>
      <c r="F5747" s="46">
        <v>12.4</v>
      </c>
      <c r="G5747" s="47">
        <v>8.8000000000000007</v>
      </c>
    </row>
    <row r="5748" spans="1:25" x14ac:dyDescent="0.2">
      <c r="B5748" s="77"/>
      <c r="C5748" s="39" t="s">
        <v>67</v>
      </c>
      <c r="D5748" s="45">
        <v>61</v>
      </c>
      <c r="E5748" s="46">
        <v>77</v>
      </c>
      <c r="F5748" s="46">
        <v>16.399999999999999</v>
      </c>
      <c r="G5748" s="47">
        <v>6.6</v>
      </c>
    </row>
    <row r="5749" spans="1:25" x14ac:dyDescent="0.2">
      <c r="B5749" s="77"/>
      <c r="C5749" s="39" t="s">
        <v>68</v>
      </c>
      <c r="D5749" s="45">
        <v>416</v>
      </c>
      <c r="E5749" s="46">
        <v>70.400000000000006</v>
      </c>
      <c r="F5749" s="46">
        <v>18.3</v>
      </c>
      <c r="G5749" s="47">
        <v>11.3</v>
      </c>
    </row>
    <row r="5750" spans="1:25" x14ac:dyDescent="0.2">
      <c r="B5750" s="77"/>
      <c r="C5750" s="40" t="s">
        <v>69</v>
      </c>
      <c r="D5750" s="48">
        <v>498</v>
      </c>
      <c r="E5750" s="49">
        <v>74.7</v>
      </c>
      <c r="F5750" s="49">
        <v>12.2</v>
      </c>
      <c r="G5750" s="50">
        <v>13.1</v>
      </c>
    </row>
    <row r="5751" spans="1:25" x14ac:dyDescent="0.2">
      <c r="B5751" s="7" t="s">
        <v>71</v>
      </c>
      <c r="C5751" s="4" t="s">
        <v>240</v>
      </c>
    </row>
    <row r="5752" spans="1:25" x14ac:dyDescent="0.2">
      <c r="B5752" s="4"/>
      <c r="C5752" s="4" t="s">
        <v>73</v>
      </c>
    </row>
    <row r="5754" spans="1:25" x14ac:dyDescent="0.2">
      <c r="A5754" s="26" t="s">
        <v>25</v>
      </c>
      <c r="B5754" t="s">
        <v>35</v>
      </c>
      <c r="C5754" t="s">
        <v>35</v>
      </c>
    </row>
    <row r="5755" spans="1:25" x14ac:dyDescent="0.2">
      <c r="B5755" s="75" t="s">
        <v>241</v>
      </c>
      <c r="C5755" s="76"/>
      <c r="D5755" s="76"/>
      <c r="E5755" s="76"/>
      <c r="F5755" s="76"/>
      <c r="G5755" s="76"/>
      <c r="H5755" s="76"/>
      <c r="I5755" s="76"/>
      <c r="J5755" s="76"/>
      <c r="K5755" s="76"/>
      <c r="L5755" s="76"/>
      <c r="M5755" s="76"/>
      <c r="N5755" s="76"/>
      <c r="O5755" s="76"/>
      <c r="P5755" s="76"/>
      <c r="Q5755" s="76"/>
      <c r="R5755" s="76"/>
      <c r="S5755" s="76"/>
      <c r="T5755" s="76"/>
      <c r="U5755" s="76"/>
      <c r="V5755" s="76"/>
      <c r="W5755" s="76"/>
      <c r="X5755" s="76"/>
      <c r="Y5755" s="76"/>
    </row>
    <row r="5756" spans="1:25" s="32" customFormat="1" ht="36.450000000000003" customHeight="1" x14ac:dyDescent="0.15">
      <c r="A5756" s="31"/>
      <c r="D5756" s="33" t="s">
        <v>378</v>
      </c>
      <c r="E5756" s="36" t="s">
        <v>663</v>
      </c>
      <c r="F5756" s="55" t="s">
        <v>664</v>
      </c>
      <c r="G5756" s="37" t="s">
        <v>480</v>
      </c>
      <c r="H5756" s="35" t="s">
        <v>381</v>
      </c>
    </row>
    <row r="5757" spans="1:25" x14ac:dyDescent="0.2">
      <c r="B5757" s="5"/>
      <c r="C5757" s="41" t="s">
        <v>38</v>
      </c>
      <c r="D5757" s="42">
        <v>2000</v>
      </c>
      <c r="E5757" s="43">
        <v>45.8</v>
      </c>
      <c r="F5757" s="43">
        <v>33.4</v>
      </c>
      <c r="G5757" s="44">
        <v>20.9</v>
      </c>
    </row>
    <row r="5758" spans="1:25" x14ac:dyDescent="0.2">
      <c r="B5758" s="77" t="s">
        <v>37</v>
      </c>
      <c r="C5758" s="39" t="s">
        <v>39</v>
      </c>
      <c r="D5758" s="45">
        <v>111</v>
      </c>
      <c r="E5758" s="46">
        <v>43.2</v>
      </c>
      <c r="F5758" s="46">
        <v>40.5</v>
      </c>
      <c r="G5758" s="47">
        <v>16.2</v>
      </c>
    </row>
    <row r="5759" spans="1:25" x14ac:dyDescent="0.2">
      <c r="B5759" s="77"/>
      <c r="C5759" s="39" t="s">
        <v>40</v>
      </c>
      <c r="D5759" s="45">
        <v>450</v>
      </c>
      <c r="E5759" s="46">
        <v>42</v>
      </c>
      <c r="F5759" s="46">
        <v>36.200000000000003</v>
      </c>
      <c r="G5759" s="47">
        <v>21.8</v>
      </c>
    </row>
    <row r="5760" spans="1:25" ht="21.6" x14ac:dyDescent="0.2">
      <c r="B5760" s="77"/>
      <c r="C5760" s="39" t="s">
        <v>41</v>
      </c>
      <c r="D5760" s="45">
        <v>30</v>
      </c>
      <c r="E5760" s="46">
        <v>66.7</v>
      </c>
      <c r="F5760" s="46">
        <v>10</v>
      </c>
      <c r="G5760" s="47">
        <v>23.3</v>
      </c>
    </row>
    <row r="5761" spans="2:7" ht="21.6" x14ac:dyDescent="0.2">
      <c r="B5761" s="77"/>
      <c r="C5761" s="39" t="s">
        <v>42</v>
      </c>
      <c r="D5761" s="45">
        <v>336</v>
      </c>
      <c r="E5761" s="46">
        <v>44</v>
      </c>
      <c r="F5761" s="46">
        <v>36</v>
      </c>
      <c r="G5761" s="47">
        <v>19.899999999999999</v>
      </c>
    </row>
    <row r="5762" spans="2:7" ht="21.6" x14ac:dyDescent="0.2">
      <c r="B5762" s="77"/>
      <c r="C5762" s="39" t="s">
        <v>43</v>
      </c>
      <c r="D5762" s="45">
        <v>327</v>
      </c>
      <c r="E5762" s="46">
        <v>51.4</v>
      </c>
      <c r="F5762" s="46">
        <v>30.3</v>
      </c>
      <c r="G5762" s="47">
        <v>18.3</v>
      </c>
    </row>
    <row r="5763" spans="2:7" ht="21.6" x14ac:dyDescent="0.2">
      <c r="B5763" s="77"/>
      <c r="C5763" s="39" t="s">
        <v>44</v>
      </c>
      <c r="D5763" s="45">
        <v>181</v>
      </c>
      <c r="E5763" s="46">
        <v>46.4</v>
      </c>
      <c r="F5763" s="46">
        <v>34.299999999999997</v>
      </c>
      <c r="G5763" s="47">
        <v>19.3</v>
      </c>
    </row>
    <row r="5764" spans="2:7" ht="21.6" x14ac:dyDescent="0.2">
      <c r="B5764" s="77"/>
      <c r="C5764" s="39" t="s">
        <v>45</v>
      </c>
      <c r="D5764" s="45">
        <v>565</v>
      </c>
      <c r="E5764" s="46">
        <v>45.7</v>
      </c>
      <c r="F5764" s="46">
        <v>30.8</v>
      </c>
      <c r="G5764" s="47">
        <v>23.5</v>
      </c>
    </row>
    <row r="5765" spans="2:7" ht="21.6" x14ac:dyDescent="0.2">
      <c r="B5765" s="77"/>
      <c r="C5765" s="39" t="s">
        <v>46</v>
      </c>
      <c r="D5765" s="45">
        <v>473</v>
      </c>
      <c r="E5765" s="46">
        <v>46.3</v>
      </c>
      <c r="F5765" s="46">
        <v>29.4</v>
      </c>
      <c r="G5765" s="47">
        <v>24.3</v>
      </c>
    </row>
    <row r="5766" spans="2:7" ht="21.6" x14ac:dyDescent="0.2">
      <c r="B5766" s="77"/>
      <c r="C5766" s="39" t="s">
        <v>47</v>
      </c>
      <c r="D5766" s="45">
        <v>441</v>
      </c>
      <c r="E5766" s="46">
        <v>46</v>
      </c>
      <c r="F5766" s="46">
        <v>36.700000000000003</v>
      </c>
      <c r="G5766" s="47">
        <v>17.2</v>
      </c>
    </row>
    <row r="5767" spans="2:7" ht="21.6" x14ac:dyDescent="0.2">
      <c r="B5767" s="77"/>
      <c r="C5767" s="39" t="s">
        <v>48</v>
      </c>
      <c r="D5767" s="45">
        <v>305</v>
      </c>
      <c r="E5767" s="46">
        <v>44.3</v>
      </c>
      <c r="F5767" s="46">
        <v>36.4</v>
      </c>
      <c r="G5767" s="47">
        <v>19.3</v>
      </c>
    </row>
    <row r="5768" spans="2:7" ht="21.6" x14ac:dyDescent="0.2">
      <c r="B5768" s="77"/>
      <c r="C5768" s="39" t="s">
        <v>49</v>
      </c>
      <c r="D5768" s="45">
        <v>223</v>
      </c>
      <c r="E5768" s="46">
        <v>41.7</v>
      </c>
      <c r="F5768" s="46">
        <v>42.2</v>
      </c>
      <c r="G5768" s="47">
        <v>16.100000000000001</v>
      </c>
    </row>
    <row r="5769" spans="2:7" ht="21.6" x14ac:dyDescent="0.2">
      <c r="B5769" s="77"/>
      <c r="C5769" s="39" t="s">
        <v>50</v>
      </c>
      <c r="D5769" s="45">
        <v>123</v>
      </c>
      <c r="E5769" s="46">
        <v>51.2</v>
      </c>
      <c r="F5769" s="46">
        <v>35.799999999999997</v>
      </c>
      <c r="G5769" s="47">
        <v>13</v>
      </c>
    </row>
    <row r="5770" spans="2:7" ht="21.6" x14ac:dyDescent="0.2">
      <c r="B5770" s="77"/>
      <c r="C5770" s="39" t="s">
        <v>51</v>
      </c>
      <c r="D5770" s="45">
        <v>124</v>
      </c>
      <c r="E5770" s="46">
        <v>55.6</v>
      </c>
      <c r="F5770" s="46">
        <v>32.299999999999997</v>
      </c>
      <c r="G5770" s="47">
        <v>12.1</v>
      </c>
    </row>
    <row r="5771" spans="2:7" ht="21.6" x14ac:dyDescent="0.2">
      <c r="B5771" s="77"/>
      <c r="C5771" s="39" t="s">
        <v>52</v>
      </c>
      <c r="D5771" s="45">
        <v>312</v>
      </c>
      <c r="E5771" s="46">
        <v>43.6</v>
      </c>
      <c r="F5771" s="46">
        <v>36.200000000000003</v>
      </c>
      <c r="G5771" s="47">
        <v>20.2</v>
      </c>
    </row>
    <row r="5772" spans="2:7" x14ac:dyDescent="0.2">
      <c r="B5772" s="77"/>
      <c r="C5772" s="39" t="s">
        <v>53</v>
      </c>
      <c r="D5772" s="45">
        <v>269</v>
      </c>
      <c r="E5772" s="46">
        <v>40.1</v>
      </c>
      <c r="F5772" s="46">
        <v>36.799999999999997</v>
      </c>
      <c r="G5772" s="47">
        <v>23</v>
      </c>
    </row>
    <row r="5773" spans="2:7" ht="21.6" x14ac:dyDescent="0.2">
      <c r="B5773" s="77"/>
      <c r="C5773" s="39" t="s">
        <v>54</v>
      </c>
      <c r="D5773" s="45">
        <v>511</v>
      </c>
      <c r="E5773" s="46">
        <v>47.6</v>
      </c>
      <c r="F5773" s="46">
        <v>35.799999999999997</v>
      </c>
      <c r="G5773" s="47">
        <v>16.600000000000001</v>
      </c>
    </row>
    <row r="5774" spans="2:7" ht="21.6" x14ac:dyDescent="0.2">
      <c r="B5774" s="77"/>
      <c r="C5774" s="39" t="s">
        <v>55</v>
      </c>
      <c r="D5774" s="45">
        <v>615</v>
      </c>
      <c r="E5774" s="46">
        <v>51.7</v>
      </c>
      <c r="F5774" s="46">
        <v>33.700000000000003</v>
      </c>
      <c r="G5774" s="47">
        <v>14.6</v>
      </c>
    </row>
    <row r="5775" spans="2:7" ht="21.6" x14ac:dyDescent="0.2">
      <c r="B5775" s="77"/>
      <c r="C5775" s="39" t="s">
        <v>56</v>
      </c>
      <c r="D5775" s="45">
        <v>800</v>
      </c>
      <c r="E5775" s="46">
        <v>50</v>
      </c>
      <c r="F5775" s="46">
        <v>33.6</v>
      </c>
      <c r="G5775" s="47">
        <v>16.399999999999999</v>
      </c>
    </row>
    <row r="5776" spans="2:7" x14ac:dyDescent="0.2">
      <c r="B5776" s="77"/>
      <c r="C5776" s="40" t="s">
        <v>57</v>
      </c>
      <c r="D5776" s="48">
        <v>798</v>
      </c>
      <c r="E5776" s="49">
        <v>42.4</v>
      </c>
      <c r="F5776" s="49">
        <v>39.6</v>
      </c>
      <c r="G5776" s="50">
        <v>18</v>
      </c>
    </row>
    <row r="5777" spans="1:25" x14ac:dyDescent="0.2">
      <c r="B5777" s="7" t="s">
        <v>71</v>
      </c>
      <c r="C5777" s="4" t="s">
        <v>242</v>
      </c>
    </row>
    <row r="5778" spans="1:25" x14ac:dyDescent="0.2">
      <c r="B5778" s="4"/>
      <c r="C5778" s="4" t="s">
        <v>73</v>
      </c>
    </row>
    <row r="5780" spans="1:25" x14ac:dyDescent="0.2">
      <c r="C5780" t="s">
        <v>35</v>
      </c>
    </row>
    <row r="5781" spans="1:25" x14ac:dyDescent="0.2">
      <c r="B5781" s="75" t="s">
        <v>370</v>
      </c>
      <c r="C5781" s="76"/>
      <c r="D5781" s="76"/>
      <c r="E5781" s="76"/>
      <c r="F5781" s="76"/>
      <c r="G5781" s="76"/>
      <c r="H5781" s="76"/>
      <c r="I5781" s="76"/>
      <c r="J5781" s="76"/>
      <c r="K5781" s="76"/>
      <c r="L5781" s="76"/>
      <c r="M5781" s="76"/>
      <c r="N5781" s="76"/>
      <c r="O5781" s="76"/>
      <c r="P5781" s="76"/>
      <c r="Q5781" s="76"/>
      <c r="R5781" s="76"/>
      <c r="S5781" s="76"/>
      <c r="T5781" s="76"/>
      <c r="U5781" s="76"/>
      <c r="V5781" s="76"/>
      <c r="W5781" s="76"/>
      <c r="X5781" s="76"/>
      <c r="Y5781" s="76"/>
    </row>
    <row r="5782" spans="1:25" s="32" customFormat="1" ht="36.450000000000003" customHeight="1" x14ac:dyDescent="0.15">
      <c r="A5782" s="31"/>
      <c r="D5782" s="33" t="s">
        <v>378</v>
      </c>
      <c r="E5782" s="36" t="s">
        <v>663</v>
      </c>
      <c r="F5782" s="55" t="s">
        <v>664</v>
      </c>
      <c r="G5782" s="37" t="s">
        <v>480</v>
      </c>
      <c r="H5782" s="35" t="s">
        <v>381</v>
      </c>
    </row>
    <row r="5783" spans="1:25" ht="21.6" x14ac:dyDescent="0.2">
      <c r="B5783" s="77" t="s">
        <v>37</v>
      </c>
      <c r="C5783" s="38" t="s">
        <v>58</v>
      </c>
      <c r="D5783" s="51">
        <v>609</v>
      </c>
      <c r="E5783" s="52">
        <v>49.6</v>
      </c>
      <c r="F5783" s="52">
        <v>33.299999999999997</v>
      </c>
      <c r="G5783" s="53">
        <v>17.100000000000001</v>
      </c>
    </row>
    <row r="5784" spans="1:25" ht="21.6" x14ac:dyDescent="0.2">
      <c r="B5784" s="77"/>
      <c r="C5784" s="39" t="s">
        <v>59</v>
      </c>
      <c r="D5784" s="45">
        <v>1391</v>
      </c>
      <c r="E5784" s="46">
        <v>44.1</v>
      </c>
      <c r="F5784" s="46">
        <v>33.4</v>
      </c>
      <c r="G5784" s="47">
        <v>22.6</v>
      </c>
    </row>
    <row r="5785" spans="1:25" x14ac:dyDescent="0.2">
      <c r="B5785" s="77"/>
      <c r="C5785" s="39" t="s">
        <v>60</v>
      </c>
      <c r="D5785" s="45">
        <v>1325</v>
      </c>
      <c r="E5785" s="46">
        <v>46.2</v>
      </c>
      <c r="F5785" s="46">
        <v>33</v>
      </c>
      <c r="G5785" s="47">
        <v>20.8</v>
      </c>
    </row>
    <row r="5786" spans="1:25" x14ac:dyDescent="0.2">
      <c r="B5786" s="77"/>
      <c r="C5786" s="39" t="s">
        <v>61</v>
      </c>
      <c r="D5786" s="45">
        <v>675</v>
      </c>
      <c r="E5786" s="46">
        <v>44.9</v>
      </c>
      <c r="F5786" s="46">
        <v>34.1</v>
      </c>
      <c r="G5786" s="47">
        <v>21</v>
      </c>
    </row>
    <row r="5787" spans="1:25" x14ac:dyDescent="0.2">
      <c r="B5787" s="77"/>
      <c r="C5787" s="39" t="s">
        <v>62</v>
      </c>
      <c r="D5787" s="45">
        <v>1086</v>
      </c>
      <c r="E5787" s="46">
        <v>39</v>
      </c>
      <c r="F5787" s="46">
        <v>38.200000000000003</v>
      </c>
      <c r="G5787" s="47">
        <v>22.7</v>
      </c>
    </row>
    <row r="5788" spans="1:25" ht="21.6" x14ac:dyDescent="0.2">
      <c r="B5788" s="77"/>
      <c r="C5788" s="39" t="s">
        <v>63</v>
      </c>
      <c r="D5788" s="45">
        <v>203</v>
      </c>
      <c r="E5788" s="46">
        <v>48.8</v>
      </c>
      <c r="F5788" s="46">
        <v>23.2</v>
      </c>
      <c r="G5788" s="47">
        <v>28.1</v>
      </c>
    </row>
    <row r="5789" spans="1:25" x14ac:dyDescent="0.2">
      <c r="B5789" s="77"/>
      <c r="C5789" s="39" t="s">
        <v>64</v>
      </c>
      <c r="D5789" s="45">
        <v>263</v>
      </c>
      <c r="E5789" s="46">
        <v>40.700000000000003</v>
      </c>
      <c r="F5789" s="46">
        <v>38.799999999999997</v>
      </c>
      <c r="G5789" s="47">
        <v>20.5</v>
      </c>
    </row>
    <row r="5790" spans="1:25" x14ac:dyDescent="0.2">
      <c r="B5790" s="77"/>
      <c r="C5790" s="39" t="s">
        <v>65</v>
      </c>
      <c r="D5790" s="45">
        <v>312</v>
      </c>
      <c r="E5790" s="46">
        <v>34.299999999999997</v>
      </c>
      <c r="F5790" s="46">
        <v>44.6</v>
      </c>
      <c r="G5790" s="47">
        <v>21.2</v>
      </c>
    </row>
    <row r="5791" spans="1:25" x14ac:dyDescent="0.2">
      <c r="B5791" s="77"/>
      <c r="C5791" s="39" t="s">
        <v>66</v>
      </c>
      <c r="D5791" s="45">
        <v>230</v>
      </c>
      <c r="E5791" s="46">
        <v>34.799999999999997</v>
      </c>
      <c r="F5791" s="46">
        <v>43.9</v>
      </c>
      <c r="G5791" s="47">
        <v>21.3</v>
      </c>
    </row>
    <row r="5792" spans="1:25" x14ac:dyDescent="0.2">
      <c r="B5792" s="77"/>
      <c r="C5792" s="39" t="s">
        <v>67</v>
      </c>
      <c r="D5792" s="45">
        <v>78</v>
      </c>
      <c r="E5792" s="46">
        <v>39.700000000000003</v>
      </c>
      <c r="F5792" s="46">
        <v>33.299999999999997</v>
      </c>
      <c r="G5792" s="47">
        <v>26.9</v>
      </c>
    </row>
    <row r="5793" spans="1:25" x14ac:dyDescent="0.2">
      <c r="B5793" s="77"/>
      <c r="C5793" s="39" t="s">
        <v>68</v>
      </c>
      <c r="D5793" s="45">
        <v>897</v>
      </c>
      <c r="E5793" s="46">
        <v>38.200000000000003</v>
      </c>
      <c r="F5793" s="46">
        <v>41</v>
      </c>
      <c r="G5793" s="47">
        <v>20.7</v>
      </c>
    </row>
    <row r="5794" spans="1:25" x14ac:dyDescent="0.2">
      <c r="B5794" s="77"/>
      <c r="C5794" s="39" t="s">
        <v>69</v>
      </c>
      <c r="D5794" s="45">
        <v>189</v>
      </c>
      <c r="E5794" s="46">
        <v>42.9</v>
      </c>
      <c r="F5794" s="46">
        <v>24.9</v>
      </c>
      <c r="G5794" s="47">
        <v>32.299999999999997</v>
      </c>
    </row>
    <row r="5795" spans="1:25" x14ac:dyDescent="0.2">
      <c r="B5795" s="77"/>
      <c r="C5795" s="39" t="s">
        <v>70</v>
      </c>
      <c r="D5795" s="45">
        <v>914</v>
      </c>
      <c r="E5795" s="46">
        <v>53.7</v>
      </c>
      <c r="F5795" s="46">
        <v>27.6</v>
      </c>
      <c r="G5795" s="47">
        <v>18.7</v>
      </c>
    </row>
    <row r="5796" spans="1:25" ht="21.6" x14ac:dyDescent="0.2">
      <c r="B5796" s="77"/>
      <c r="C5796" s="39" t="s">
        <v>63</v>
      </c>
      <c r="D5796" s="45">
        <v>193</v>
      </c>
      <c r="E5796" s="46">
        <v>58.5</v>
      </c>
      <c r="F5796" s="46">
        <v>21.2</v>
      </c>
      <c r="G5796" s="47">
        <v>20.2</v>
      </c>
    </row>
    <row r="5797" spans="1:25" x14ac:dyDescent="0.2">
      <c r="B5797" s="77"/>
      <c r="C5797" s="39" t="s">
        <v>64</v>
      </c>
      <c r="D5797" s="45">
        <v>203</v>
      </c>
      <c r="E5797" s="46">
        <v>47.3</v>
      </c>
      <c r="F5797" s="46">
        <v>33</v>
      </c>
      <c r="G5797" s="47">
        <v>19.7</v>
      </c>
    </row>
    <row r="5798" spans="1:25" x14ac:dyDescent="0.2">
      <c r="B5798" s="77"/>
      <c r="C5798" s="39" t="s">
        <v>65</v>
      </c>
      <c r="D5798" s="45">
        <v>263</v>
      </c>
      <c r="E5798" s="46">
        <v>52.1</v>
      </c>
      <c r="F5798" s="46">
        <v>27.4</v>
      </c>
      <c r="G5798" s="47">
        <v>20.5</v>
      </c>
    </row>
    <row r="5799" spans="1:25" x14ac:dyDescent="0.2">
      <c r="B5799" s="77"/>
      <c r="C5799" s="39" t="s">
        <v>66</v>
      </c>
      <c r="D5799" s="45">
        <v>194</v>
      </c>
      <c r="E5799" s="46">
        <v>56.7</v>
      </c>
      <c r="F5799" s="46">
        <v>26.8</v>
      </c>
      <c r="G5799" s="47">
        <v>16.5</v>
      </c>
    </row>
    <row r="5800" spans="1:25" x14ac:dyDescent="0.2">
      <c r="B5800" s="77"/>
      <c r="C5800" s="39" t="s">
        <v>67</v>
      </c>
      <c r="D5800" s="45">
        <v>61</v>
      </c>
      <c r="E5800" s="46">
        <v>57.4</v>
      </c>
      <c r="F5800" s="46">
        <v>32.799999999999997</v>
      </c>
      <c r="G5800" s="47">
        <v>9.8000000000000007</v>
      </c>
    </row>
    <row r="5801" spans="1:25" x14ac:dyDescent="0.2">
      <c r="B5801" s="77"/>
      <c r="C5801" s="39" t="s">
        <v>68</v>
      </c>
      <c r="D5801" s="45">
        <v>416</v>
      </c>
      <c r="E5801" s="46">
        <v>50.7</v>
      </c>
      <c r="F5801" s="46">
        <v>32.9</v>
      </c>
      <c r="G5801" s="47">
        <v>16.3</v>
      </c>
    </row>
    <row r="5802" spans="1:25" x14ac:dyDescent="0.2">
      <c r="B5802" s="77"/>
      <c r="C5802" s="40" t="s">
        <v>69</v>
      </c>
      <c r="D5802" s="48">
        <v>498</v>
      </c>
      <c r="E5802" s="49">
        <v>56.2</v>
      </c>
      <c r="F5802" s="49">
        <v>23.1</v>
      </c>
      <c r="G5802" s="50">
        <v>20.7</v>
      </c>
    </row>
    <row r="5803" spans="1:25" x14ac:dyDescent="0.2">
      <c r="B5803" s="7" t="s">
        <v>71</v>
      </c>
      <c r="C5803" s="4" t="s">
        <v>242</v>
      </c>
    </row>
    <row r="5804" spans="1:25" x14ac:dyDescent="0.2">
      <c r="B5804" s="4"/>
      <c r="C5804" s="4" t="s">
        <v>73</v>
      </c>
    </row>
    <row r="5806" spans="1:25" x14ac:dyDescent="0.2">
      <c r="A5806" s="26" t="s">
        <v>25</v>
      </c>
      <c r="B5806" t="s">
        <v>35</v>
      </c>
      <c r="C5806" t="s">
        <v>35</v>
      </c>
    </row>
    <row r="5807" spans="1:25" x14ac:dyDescent="0.2">
      <c r="B5807" s="75" t="s">
        <v>243</v>
      </c>
      <c r="C5807" s="76"/>
      <c r="D5807" s="76"/>
      <c r="E5807" s="76"/>
      <c r="F5807" s="76"/>
      <c r="G5807" s="76"/>
      <c r="H5807" s="76"/>
      <c r="I5807" s="76"/>
      <c r="J5807" s="76"/>
      <c r="K5807" s="76"/>
      <c r="L5807" s="76"/>
      <c r="M5807" s="76"/>
      <c r="N5807" s="76"/>
      <c r="O5807" s="76"/>
      <c r="P5807" s="76"/>
      <c r="Q5807" s="76"/>
      <c r="R5807" s="76"/>
      <c r="S5807" s="76"/>
      <c r="T5807" s="76"/>
      <c r="U5807" s="76"/>
      <c r="V5807" s="76"/>
      <c r="W5807" s="76"/>
      <c r="X5807" s="76"/>
      <c r="Y5807" s="76"/>
    </row>
    <row r="5808" spans="1:25" s="32" customFormat="1" ht="36.450000000000003" customHeight="1" x14ac:dyDescent="0.15">
      <c r="A5808" s="31"/>
      <c r="D5808" s="33" t="s">
        <v>378</v>
      </c>
      <c r="E5808" s="36" t="s">
        <v>663</v>
      </c>
      <c r="F5808" s="55" t="s">
        <v>664</v>
      </c>
      <c r="G5808" s="37" t="s">
        <v>480</v>
      </c>
      <c r="H5808" s="35" t="s">
        <v>381</v>
      </c>
    </row>
    <row r="5809" spans="2:7" x14ac:dyDescent="0.2">
      <c r="B5809" s="5"/>
      <c r="C5809" s="41" t="s">
        <v>38</v>
      </c>
      <c r="D5809" s="42">
        <v>2000</v>
      </c>
      <c r="E5809" s="43">
        <v>42.3</v>
      </c>
      <c r="F5809" s="43">
        <v>38.6</v>
      </c>
      <c r="G5809" s="44">
        <v>19.2</v>
      </c>
    </row>
    <row r="5810" spans="2:7" x14ac:dyDescent="0.2">
      <c r="B5810" s="77" t="s">
        <v>37</v>
      </c>
      <c r="C5810" s="39" t="s">
        <v>39</v>
      </c>
      <c r="D5810" s="45">
        <v>111</v>
      </c>
      <c r="E5810" s="46">
        <v>36</v>
      </c>
      <c r="F5810" s="46">
        <v>49.5</v>
      </c>
      <c r="G5810" s="47">
        <v>14.4</v>
      </c>
    </row>
    <row r="5811" spans="2:7" x14ac:dyDescent="0.2">
      <c r="B5811" s="77"/>
      <c r="C5811" s="39" t="s">
        <v>40</v>
      </c>
      <c r="D5811" s="45">
        <v>450</v>
      </c>
      <c r="E5811" s="46">
        <v>40.4</v>
      </c>
      <c r="F5811" s="46">
        <v>41.1</v>
      </c>
      <c r="G5811" s="47">
        <v>18.399999999999999</v>
      </c>
    </row>
    <row r="5812" spans="2:7" ht="21.6" x14ac:dyDescent="0.2">
      <c r="B5812" s="77"/>
      <c r="C5812" s="39" t="s">
        <v>41</v>
      </c>
      <c r="D5812" s="45">
        <v>30</v>
      </c>
      <c r="E5812" s="46">
        <v>53.3</v>
      </c>
      <c r="F5812" s="46">
        <v>20</v>
      </c>
      <c r="G5812" s="47">
        <v>26.7</v>
      </c>
    </row>
    <row r="5813" spans="2:7" ht="21.6" x14ac:dyDescent="0.2">
      <c r="B5813" s="77"/>
      <c r="C5813" s="39" t="s">
        <v>42</v>
      </c>
      <c r="D5813" s="45">
        <v>336</v>
      </c>
      <c r="E5813" s="46">
        <v>42.9</v>
      </c>
      <c r="F5813" s="46">
        <v>39.299999999999997</v>
      </c>
      <c r="G5813" s="47">
        <v>17.899999999999999</v>
      </c>
    </row>
    <row r="5814" spans="2:7" ht="21.6" x14ac:dyDescent="0.2">
      <c r="B5814" s="77"/>
      <c r="C5814" s="39" t="s">
        <v>43</v>
      </c>
      <c r="D5814" s="45">
        <v>327</v>
      </c>
      <c r="E5814" s="46">
        <v>45</v>
      </c>
      <c r="F5814" s="46">
        <v>35.799999999999997</v>
      </c>
      <c r="G5814" s="47">
        <v>19.3</v>
      </c>
    </row>
    <row r="5815" spans="2:7" ht="21.6" x14ac:dyDescent="0.2">
      <c r="B5815" s="77"/>
      <c r="C5815" s="39" t="s">
        <v>44</v>
      </c>
      <c r="D5815" s="45">
        <v>181</v>
      </c>
      <c r="E5815" s="46">
        <v>42</v>
      </c>
      <c r="F5815" s="46">
        <v>42</v>
      </c>
      <c r="G5815" s="47">
        <v>16</v>
      </c>
    </row>
    <row r="5816" spans="2:7" ht="21.6" x14ac:dyDescent="0.2">
      <c r="B5816" s="77"/>
      <c r="C5816" s="39" t="s">
        <v>45</v>
      </c>
      <c r="D5816" s="45">
        <v>565</v>
      </c>
      <c r="E5816" s="46">
        <v>42.5</v>
      </c>
      <c r="F5816" s="46">
        <v>35.4</v>
      </c>
      <c r="G5816" s="47">
        <v>22.1</v>
      </c>
    </row>
    <row r="5817" spans="2:7" ht="21.6" x14ac:dyDescent="0.2">
      <c r="B5817" s="77"/>
      <c r="C5817" s="39" t="s">
        <v>46</v>
      </c>
      <c r="D5817" s="45">
        <v>473</v>
      </c>
      <c r="E5817" s="46">
        <v>40</v>
      </c>
      <c r="F5817" s="46">
        <v>37.6</v>
      </c>
      <c r="G5817" s="47">
        <v>22.4</v>
      </c>
    </row>
    <row r="5818" spans="2:7" ht="21.6" x14ac:dyDescent="0.2">
      <c r="B5818" s="77"/>
      <c r="C5818" s="39" t="s">
        <v>47</v>
      </c>
      <c r="D5818" s="45">
        <v>441</v>
      </c>
      <c r="E5818" s="46">
        <v>41.5</v>
      </c>
      <c r="F5818" s="46">
        <v>42</v>
      </c>
      <c r="G5818" s="47">
        <v>16.600000000000001</v>
      </c>
    </row>
    <row r="5819" spans="2:7" ht="21.6" x14ac:dyDescent="0.2">
      <c r="B5819" s="77"/>
      <c r="C5819" s="39" t="s">
        <v>48</v>
      </c>
      <c r="D5819" s="45">
        <v>305</v>
      </c>
      <c r="E5819" s="46">
        <v>43.9</v>
      </c>
      <c r="F5819" s="46">
        <v>39.299999999999997</v>
      </c>
      <c r="G5819" s="47">
        <v>16.7</v>
      </c>
    </row>
    <row r="5820" spans="2:7" ht="21.6" x14ac:dyDescent="0.2">
      <c r="B5820" s="77"/>
      <c r="C5820" s="39" t="s">
        <v>49</v>
      </c>
      <c r="D5820" s="45">
        <v>223</v>
      </c>
      <c r="E5820" s="46">
        <v>42.6</v>
      </c>
      <c r="F5820" s="46">
        <v>44.8</v>
      </c>
      <c r="G5820" s="47">
        <v>12.6</v>
      </c>
    </row>
    <row r="5821" spans="2:7" ht="21.6" x14ac:dyDescent="0.2">
      <c r="B5821" s="77"/>
      <c r="C5821" s="39" t="s">
        <v>50</v>
      </c>
      <c r="D5821" s="45">
        <v>123</v>
      </c>
      <c r="E5821" s="46">
        <v>52.8</v>
      </c>
      <c r="F5821" s="46">
        <v>37.4</v>
      </c>
      <c r="G5821" s="47">
        <v>9.8000000000000007</v>
      </c>
    </row>
    <row r="5822" spans="2:7" ht="21.6" x14ac:dyDescent="0.2">
      <c r="B5822" s="77"/>
      <c r="C5822" s="39" t="s">
        <v>51</v>
      </c>
      <c r="D5822" s="45">
        <v>124</v>
      </c>
      <c r="E5822" s="46">
        <v>47.6</v>
      </c>
      <c r="F5822" s="46">
        <v>38.700000000000003</v>
      </c>
      <c r="G5822" s="47">
        <v>13.7</v>
      </c>
    </row>
    <row r="5823" spans="2:7" ht="21.6" x14ac:dyDescent="0.2">
      <c r="B5823" s="77"/>
      <c r="C5823" s="39" t="s">
        <v>52</v>
      </c>
      <c r="D5823" s="45">
        <v>312</v>
      </c>
      <c r="E5823" s="46">
        <v>42.9</v>
      </c>
      <c r="F5823" s="46">
        <v>39.700000000000003</v>
      </c>
      <c r="G5823" s="47">
        <v>17.3</v>
      </c>
    </row>
    <row r="5824" spans="2:7" x14ac:dyDescent="0.2">
      <c r="B5824" s="77"/>
      <c r="C5824" s="39" t="s">
        <v>53</v>
      </c>
      <c r="D5824" s="45">
        <v>269</v>
      </c>
      <c r="E5824" s="46">
        <v>39.4</v>
      </c>
      <c r="F5824" s="46">
        <v>41.6</v>
      </c>
      <c r="G5824" s="47">
        <v>19</v>
      </c>
    </row>
    <row r="5825" spans="1:25" ht="21.6" x14ac:dyDescent="0.2">
      <c r="B5825" s="77"/>
      <c r="C5825" s="39" t="s">
        <v>54</v>
      </c>
      <c r="D5825" s="45">
        <v>511</v>
      </c>
      <c r="E5825" s="46">
        <v>42.1</v>
      </c>
      <c r="F5825" s="46">
        <v>41.7</v>
      </c>
      <c r="G5825" s="47">
        <v>16.2</v>
      </c>
    </row>
    <row r="5826" spans="1:25" ht="21.6" x14ac:dyDescent="0.2">
      <c r="B5826" s="77"/>
      <c r="C5826" s="39" t="s">
        <v>55</v>
      </c>
      <c r="D5826" s="45">
        <v>615</v>
      </c>
      <c r="E5826" s="46">
        <v>46.3</v>
      </c>
      <c r="F5826" s="46">
        <v>40.700000000000003</v>
      </c>
      <c r="G5826" s="47">
        <v>13</v>
      </c>
    </row>
    <row r="5827" spans="1:25" ht="21.6" x14ac:dyDescent="0.2">
      <c r="B5827" s="77"/>
      <c r="C5827" s="39" t="s">
        <v>56</v>
      </c>
      <c r="D5827" s="45">
        <v>800</v>
      </c>
      <c r="E5827" s="46">
        <v>44.6</v>
      </c>
      <c r="F5827" s="46">
        <v>39.9</v>
      </c>
      <c r="G5827" s="47">
        <v>15.5</v>
      </c>
    </row>
    <row r="5828" spans="1:25" x14ac:dyDescent="0.2">
      <c r="B5828" s="77"/>
      <c r="C5828" s="40" t="s">
        <v>57</v>
      </c>
      <c r="D5828" s="48">
        <v>798</v>
      </c>
      <c r="E5828" s="49">
        <v>40.4</v>
      </c>
      <c r="F5828" s="49">
        <v>43.6</v>
      </c>
      <c r="G5828" s="50">
        <v>16</v>
      </c>
    </row>
    <row r="5829" spans="1:25" x14ac:dyDescent="0.2">
      <c r="B5829" s="7" t="s">
        <v>71</v>
      </c>
      <c r="C5829" s="4" t="s">
        <v>244</v>
      </c>
    </row>
    <row r="5830" spans="1:25" x14ac:dyDescent="0.2">
      <c r="B5830" s="4"/>
      <c r="C5830" s="4" t="s">
        <v>73</v>
      </c>
    </row>
    <row r="5832" spans="1:25" x14ac:dyDescent="0.2">
      <c r="C5832" t="s">
        <v>35</v>
      </c>
    </row>
    <row r="5833" spans="1:25" x14ac:dyDescent="0.2">
      <c r="B5833" s="75" t="s">
        <v>371</v>
      </c>
      <c r="C5833" s="76"/>
      <c r="D5833" s="76"/>
      <c r="E5833" s="76"/>
      <c r="F5833" s="76"/>
      <c r="G5833" s="76"/>
      <c r="H5833" s="76"/>
      <c r="I5833" s="76"/>
      <c r="J5833" s="76"/>
      <c r="K5833" s="76"/>
      <c r="L5833" s="76"/>
      <c r="M5833" s="76"/>
      <c r="N5833" s="76"/>
      <c r="O5833" s="76"/>
      <c r="P5833" s="76"/>
      <c r="Q5833" s="76"/>
      <c r="R5833" s="76"/>
      <c r="S5833" s="76"/>
      <c r="T5833" s="76"/>
      <c r="U5833" s="76"/>
      <c r="V5833" s="76"/>
      <c r="W5833" s="76"/>
      <c r="X5833" s="76"/>
      <c r="Y5833" s="76"/>
    </row>
    <row r="5834" spans="1:25" s="32" customFormat="1" ht="36.450000000000003" customHeight="1" x14ac:dyDescent="0.15">
      <c r="A5834" s="31"/>
      <c r="D5834" s="33" t="s">
        <v>378</v>
      </c>
      <c r="E5834" s="36" t="s">
        <v>663</v>
      </c>
      <c r="F5834" s="55" t="s">
        <v>664</v>
      </c>
      <c r="G5834" s="37" t="s">
        <v>480</v>
      </c>
      <c r="H5834" s="35" t="s">
        <v>381</v>
      </c>
    </row>
    <row r="5835" spans="1:25" ht="21.6" x14ac:dyDescent="0.2">
      <c r="B5835" s="77" t="s">
        <v>37</v>
      </c>
      <c r="C5835" s="38" t="s">
        <v>58</v>
      </c>
      <c r="D5835" s="51">
        <v>609</v>
      </c>
      <c r="E5835" s="52">
        <v>44.2</v>
      </c>
      <c r="F5835" s="52">
        <v>39.9</v>
      </c>
      <c r="G5835" s="53">
        <v>15.9</v>
      </c>
    </row>
    <row r="5836" spans="1:25" ht="21.6" x14ac:dyDescent="0.2">
      <c r="B5836" s="77"/>
      <c r="C5836" s="39" t="s">
        <v>59</v>
      </c>
      <c r="D5836" s="45">
        <v>1391</v>
      </c>
      <c r="E5836" s="46">
        <v>41.4</v>
      </c>
      <c r="F5836" s="46">
        <v>38</v>
      </c>
      <c r="G5836" s="47">
        <v>20.6</v>
      </c>
    </row>
    <row r="5837" spans="1:25" x14ac:dyDescent="0.2">
      <c r="B5837" s="77"/>
      <c r="C5837" s="39" t="s">
        <v>60</v>
      </c>
      <c r="D5837" s="45">
        <v>1325</v>
      </c>
      <c r="E5837" s="46">
        <v>43.5</v>
      </c>
      <c r="F5837" s="46">
        <v>39.1</v>
      </c>
      <c r="G5837" s="47">
        <v>17.399999999999999</v>
      </c>
    </row>
    <row r="5838" spans="1:25" x14ac:dyDescent="0.2">
      <c r="B5838" s="77"/>
      <c r="C5838" s="39" t="s">
        <v>61</v>
      </c>
      <c r="D5838" s="45">
        <v>675</v>
      </c>
      <c r="E5838" s="46">
        <v>39.9</v>
      </c>
      <c r="F5838" s="46">
        <v>37.5</v>
      </c>
      <c r="G5838" s="47">
        <v>22.7</v>
      </c>
    </row>
    <row r="5839" spans="1:25" x14ac:dyDescent="0.2">
      <c r="B5839" s="77"/>
      <c r="C5839" s="39" t="s">
        <v>62</v>
      </c>
      <c r="D5839" s="45">
        <v>1086</v>
      </c>
      <c r="E5839" s="46">
        <v>38.1</v>
      </c>
      <c r="F5839" s="46">
        <v>40.799999999999997</v>
      </c>
      <c r="G5839" s="47">
        <v>21.1</v>
      </c>
    </row>
    <row r="5840" spans="1:25" ht="21.6" x14ac:dyDescent="0.2">
      <c r="B5840" s="77"/>
      <c r="C5840" s="39" t="s">
        <v>63</v>
      </c>
      <c r="D5840" s="45">
        <v>203</v>
      </c>
      <c r="E5840" s="46">
        <v>45.8</v>
      </c>
      <c r="F5840" s="46">
        <v>27.1</v>
      </c>
      <c r="G5840" s="47">
        <v>27.1</v>
      </c>
    </row>
    <row r="5841" spans="2:7" x14ac:dyDescent="0.2">
      <c r="B5841" s="77"/>
      <c r="C5841" s="39" t="s">
        <v>64</v>
      </c>
      <c r="D5841" s="45">
        <v>263</v>
      </c>
      <c r="E5841" s="46">
        <v>38.4</v>
      </c>
      <c r="F5841" s="46">
        <v>45.2</v>
      </c>
      <c r="G5841" s="47">
        <v>16.3</v>
      </c>
    </row>
    <row r="5842" spans="2:7" x14ac:dyDescent="0.2">
      <c r="B5842" s="77"/>
      <c r="C5842" s="39" t="s">
        <v>65</v>
      </c>
      <c r="D5842" s="45">
        <v>312</v>
      </c>
      <c r="E5842" s="46">
        <v>34.299999999999997</v>
      </c>
      <c r="F5842" s="46">
        <v>43.3</v>
      </c>
      <c r="G5842" s="47">
        <v>22.4</v>
      </c>
    </row>
    <row r="5843" spans="2:7" x14ac:dyDescent="0.2">
      <c r="B5843" s="77"/>
      <c r="C5843" s="39" t="s">
        <v>66</v>
      </c>
      <c r="D5843" s="45">
        <v>230</v>
      </c>
      <c r="E5843" s="46">
        <v>35.700000000000003</v>
      </c>
      <c r="F5843" s="46">
        <v>45.7</v>
      </c>
      <c r="G5843" s="47">
        <v>18.7</v>
      </c>
    </row>
    <row r="5844" spans="2:7" x14ac:dyDescent="0.2">
      <c r="B5844" s="77"/>
      <c r="C5844" s="39" t="s">
        <v>67</v>
      </c>
      <c r="D5844" s="45">
        <v>78</v>
      </c>
      <c r="E5844" s="46">
        <v>39.700000000000003</v>
      </c>
      <c r="F5844" s="46">
        <v>37.200000000000003</v>
      </c>
      <c r="G5844" s="47">
        <v>23.1</v>
      </c>
    </row>
    <row r="5845" spans="2:7" x14ac:dyDescent="0.2">
      <c r="B5845" s="77"/>
      <c r="C5845" s="39" t="s">
        <v>68</v>
      </c>
      <c r="D5845" s="45">
        <v>897</v>
      </c>
      <c r="E5845" s="46">
        <v>37.1</v>
      </c>
      <c r="F5845" s="46">
        <v>43.5</v>
      </c>
      <c r="G5845" s="47">
        <v>19.399999999999999</v>
      </c>
    </row>
    <row r="5846" spans="2:7" x14ac:dyDescent="0.2">
      <c r="B5846" s="77"/>
      <c r="C5846" s="39" t="s">
        <v>69</v>
      </c>
      <c r="D5846" s="45">
        <v>189</v>
      </c>
      <c r="E5846" s="46">
        <v>42.9</v>
      </c>
      <c r="F5846" s="46">
        <v>28</v>
      </c>
      <c r="G5846" s="47">
        <v>29.1</v>
      </c>
    </row>
    <row r="5847" spans="2:7" x14ac:dyDescent="0.2">
      <c r="B5847" s="77"/>
      <c r="C5847" s="39" t="s">
        <v>70</v>
      </c>
      <c r="D5847" s="45">
        <v>914</v>
      </c>
      <c r="E5847" s="46">
        <v>47.2</v>
      </c>
      <c r="F5847" s="46">
        <v>35.9</v>
      </c>
      <c r="G5847" s="47">
        <v>17</v>
      </c>
    </row>
    <row r="5848" spans="2:7" ht="21.6" x14ac:dyDescent="0.2">
      <c r="B5848" s="77"/>
      <c r="C5848" s="39" t="s">
        <v>63</v>
      </c>
      <c r="D5848" s="45">
        <v>193</v>
      </c>
      <c r="E5848" s="46">
        <v>53.4</v>
      </c>
      <c r="F5848" s="46">
        <v>26.4</v>
      </c>
      <c r="G5848" s="47">
        <v>20.2</v>
      </c>
    </row>
    <row r="5849" spans="2:7" x14ac:dyDescent="0.2">
      <c r="B5849" s="77"/>
      <c r="C5849" s="39" t="s">
        <v>64</v>
      </c>
      <c r="D5849" s="45">
        <v>203</v>
      </c>
      <c r="E5849" s="46">
        <v>40.4</v>
      </c>
      <c r="F5849" s="46">
        <v>42.9</v>
      </c>
      <c r="G5849" s="47">
        <v>16.7</v>
      </c>
    </row>
    <row r="5850" spans="2:7" x14ac:dyDescent="0.2">
      <c r="B5850" s="77"/>
      <c r="C5850" s="39" t="s">
        <v>65</v>
      </c>
      <c r="D5850" s="45">
        <v>263</v>
      </c>
      <c r="E5850" s="46">
        <v>45.6</v>
      </c>
      <c r="F5850" s="46">
        <v>36.9</v>
      </c>
      <c r="G5850" s="47">
        <v>17.5</v>
      </c>
    </row>
    <row r="5851" spans="2:7" x14ac:dyDescent="0.2">
      <c r="B5851" s="77"/>
      <c r="C5851" s="39" t="s">
        <v>66</v>
      </c>
      <c r="D5851" s="45">
        <v>194</v>
      </c>
      <c r="E5851" s="46">
        <v>49.5</v>
      </c>
      <c r="F5851" s="46">
        <v>36.6</v>
      </c>
      <c r="G5851" s="47">
        <v>13.9</v>
      </c>
    </row>
    <row r="5852" spans="2:7" x14ac:dyDescent="0.2">
      <c r="B5852" s="77"/>
      <c r="C5852" s="39" t="s">
        <v>67</v>
      </c>
      <c r="D5852" s="45">
        <v>61</v>
      </c>
      <c r="E5852" s="46">
        <v>49.2</v>
      </c>
      <c r="F5852" s="46">
        <v>36.1</v>
      </c>
      <c r="G5852" s="47">
        <v>14.8</v>
      </c>
    </row>
    <row r="5853" spans="2:7" x14ac:dyDescent="0.2">
      <c r="B5853" s="77"/>
      <c r="C5853" s="39" t="s">
        <v>68</v>
      </c>
      <c r="D5853" s="45">
        <v>416</v>
      </c>
      <c r="E5853" s="46">
        <v>43.5</v>
      </c>
      <c r="F5853" s="46">
        <v>42.5</v>
      </c>
      <c r="G5853" s="47">
        <v>13.9</v>
      </c>
    </row>
    <row r="5854" spans="2:7" x14ac:dyDescent="0.2">
      <c r="B5854" s="77"/>
      <c r="C5854" s="40" t="s">
        <v>69</v>
      </c>
      <c r="D5854" s="48">
        <v>498</v>
      </c>
      <c r="E5854" s="49">
        <v>50.2</v>
      </c>
      <c r="F5854" s="49">
        <v>30.3</v>
      </c>
      <c r="G5854" s="50">
        <v>19.5</v>
      </c>
    </row>
    <row r="5855" spans="2:7" x14ac:dyDescent="0.2">
      <c r="B5855" s="7" t="s">
        <v>71</v>
      </c>
      <c r="C5855" s="4" t="s">
        <v>244</v>
      </c>
    </row>
    <row r="5856" spans="2:7" x14ac:dyDescent="0.2">
      <c r="B5856" s="4"/>
      <c r="C5856" s="4" t="s">
        <v>73</v>
      </c>
    </row>
    <row r="5858" spans="1:25" x14ac:dyDescent="0.2">
      <c r="A5858" s="26" t="s">
        <v>25</v>
      </c>
      <c r="B5858" t="s">
        <v>35</v>
      </c>
      <c r="C5858" t="s">
        <v>35</v>
      </c>
    </row>
    <row r="5859" spans="1:25" x14ac:dyDescent="0.2">
      <c r="B5859" s="75" t="s">
        <v>245</v>
      </c>
      <c r="C5859" s="76"/>
      <c r="D5859" s="76"/>
      <c r="E5859" s="76"/>
      <c r="F5859" s="76"/>
      <c r="G5859" s="76"/>
      <c r="H5859" s="76"/>
      <c r="I5859" s="76"/>
      <c r="J5859" s="76"/>
      <c r="K5859" s="76"/>
      <c r="L5859" s="76"/>
      <c r="M5859" s="76"/>
      <c r="N5859" s="76"/>
      <c r="O5859" s="76"/>
      <c r="P5859" s="76"/>
      <c r="Q5859" s="76"/>
      <c r="R5859" s="76"/>
      <c r="S5859" s="76"/>
      <c r="T5859" s="76"/>
      <c r="U5859" s="76"/>
      <c r="V5859" s="76"/>
      <c r="W5859" s="76"/>
      <c r="X5859" s="76"/>
      <c r="Y5859" s="76"/>
    </row>
    <row r="5860" spans="1:25" s="32" customFormat="1" ht="36.450000000000003" customHeight="1" x14ac:dyDescent="0.15">
      <c r="A5860" s="31"/>
      <c r="D5860" s="33" t="s">
        <v>378</v>
      </c>
      <c r="E5860" s="36" t="s">
        <v>663</v>
      </c>
      <c r="F5860" s="55" t="s">
        <v>664</v>
      </c>
      <c r="G5860" s="37" t="s">
        <v>480</v>
      </c>
      <c r="H5860" s="35" t="s">
        <v>381</v>
      </c>
    </row>
    <row r="5861" spans="1:25" x14ac:dyDescent="0.2">
      <c r="B5861" s="5"/>
      <c r="C5861" s="41" t="s">
        <v>38</v>
      </c>
      <c r="D5861" s="42">
        <v>2000</v>
      </c>
      <c r="E5861" s="43">
        <v>45.7</v>
      </c>
      <c r="F5861" s="43">
        <v>29.8</v>
      </c>
      <c r="G5861" s="44">
        <v>24.5</v>
      </c>
    </row>
    <row r="5862" spans="1:25" x14ac:dyDescent="0.2">
      <c r="B5862" s="77" t="s">
        <v>37</v>
      </c>
      <c r="C5862" s="39" t="s">
        <v>39</v>
      </c>
      <c r="D5862" s="45">
        <v>111</v>
      </c>
      <c r="E5862" s="46">
        <v>43.2</v>
      </c>
      <c r="F5862" s="46">
        <v>36</v>
      </c>
      <c r="G5862" s="47">
        <v>20.7</v>
      </c>
    </row>
    <row r="5863" spans="1:25" x14ac:dyDescent="0.2">
      <c r="B5863" s="77"/>
      <c r="C5863" s="39" t="s">
        <v>40</v>
      </c>
      <c r="D5863" s="45">
        <v>450</v>
      </c>
      <c r="E5863" s="46">
        <v>44</v>
      </c>
      <c r="F5863" s="46">
        <v>30.9</v>
      </c>
      <c r="G5863" s="47">
        <v>25.1</v>
      </c>
    </row>
    <row r="5864" spans="1:25" ht="21.6" x14ac:dyDescent="0.2">
      <c r="B5864" s="77"/>
      <c r="C5864" s="39" t="s">
        <v>41</v>
      </c>
      <c r="D5864" s="45">
        <v>30</v>
      </c>
      <c r="E5864" s="46">
        <v>46.7</v>
      </c>
      <c r="F5864" s="46">
        <v>23.3</v>
      </c>
      <c r="G5864" s="47">
        <v>30</v>
      </c>
    </row>
    <row r="5865" spans="1:25" ht="21.6" x14ac:dyDescent="0.2">
      <c r="B5865" s="77"/>
      <c r="C5865" s="39" t="s">
        <v>42</v>
      </c>
      <c r="D5865" s="45">
        <v>336</v>
      </c>
      <c r="E5865" s="46">
        <v>48.5</v>
      </c>
      <c r="F5865" s="46">
        <v>29.8</v>
      </c>
      <c r="G5865" s="47">
        <v>21.7</v>
      </c>
    </row>
    <row r="5866" spans="1:25" ht="21.6" x14ac:dyDescent="0.2">
      <c r="B5866" s="77"/>
      <c r="C5866" s="39" t="s">
        <v>43</v>
      </c>
      <c r="D5866" s="45">
        <v>327</v>
      </c>
      <c r="E5866" s="46">
        <v>46.8</v>
      </c>
      <c r="F5866" s="46">
        <v>28.1</v>
      </c>
      <c r="G5866" s="47">
        <v>25.1</v>
      </c>
    </row>
    <row r="5867" spans="1:25" ht="21.6" x14ac:dyDescent="0.2">
      <c r="B5867" s="77"/>
      <c r="C5867" s="39" t="s">
        <v>44</v>
      </c>
      <c r="D5867" s="45">
        <v>181</v>
      </c>
      <c r="E5867" s="46">
        <v>48.1</v>
      </c>
      <c r="F5867" s="46">
        <v>33.1</v>
      </c>
      <c r="G5867" s="47">
        <v>18.8</v>
      </c>
    </row>
    <row r="5868" spans="1:25" ht="21.6" x14ac:dyDescent="0.2">
      <c r="B5868" s="77"/>
      <c r="C5868" s="39" t="s">
        <v>45</v>
      </c>
      <c r="D5868" s="45">
        <v>565</v>
      </c>
      <c r="E5868" s="46">
        <v>44.4</v>
      </c>
      <c r="F5868" s="46">
        <v>28</v>
      </c>
      <c r="G5868" s="47">
        <v>27.6</v>
      </c>
    </row>
    <row r="5869" spans="1:25" ht="21.6" x14ac:dyDescent="0.2">
      <c r="B5869" s="77"/>
      <c r="C5869" s="39" t="s">
        <v>46</v>
      </c>
      <c r="D5869" s="45">
        <v>473</v>
      </c>
      <c r="E5869" s="46">
        <v>43.6</v>
      </c>
      <c r="F5869" s="46">
        <v>29</v>
      </c>
      <c r="G5869" s="47">
        <v>27.5</v>
      </c>
    </row>
    <row r="5870" spans="1:25" ht="21.6" x14ac:dyDescent="0.2">
      <c r="B5870" s="77"/>
      <c r="C5870" s="39" t="s">
        <v>47</v>
      </c>
      <c r="D5870" s="45">
        <v>441</v>
      </c>
      <c r="E5870" s="46">
        <v>43.3</v>
      </c>
      <c r="F5870" s="46">
        <v>35.799999999999997</v>
      </c>
      <c r="G5870" s="47">
        <v>20.9</v>
      </c>
    </row>
    <row r="5871" spans="1:25" ht="21.6" x14ac:dyDescent="0.2">
      <c r="B5871" s="77"/>
      <c r="C5871" s="39" t="s">
        <v>48</v>
      </c>
      <c r="D5871" s="45">
        <v>305</v>
      </c>
      <c r="E5871" s="46">
        <v>47.2</v>
      </c>
      <c r="F5871" s="46">
        <v>30.2</v>
      </c>
      <c r="G5871" s="47">
        <v>22.6</v>
      </c>
    </row>
    <row r="5872" spans="1:25" ht="21.6" x14ac:dyDescent="0.2">
      <c r="B5872" s="77"/>
      <c r="C5872" s="39" t="s">
        <v>49</v>
      </c>
      <c r="D5872" s="45">
        <v>223</v>
      </c>
      <c r="E5872" s="46">
        <v>49.3</v>
      </c>
      <c r="F5872" s="46">
        <v>30.5</v>
      </c>
      <c r="G5872" s="47">
        <v>20.2</v>
      </c>
    </row>
    <row r="5873" spans="1:25" ht="21.6" x14ac:dyDescent="0.2">
      <c r="B5873" s="77"/>
      <c r="C5873" s="39" t="s">
        <v>50</v>
      </c>
      <c r="D5873" s="45">
        <v>123</v>
      </c>
      <c r="E5873" s="46">
        <v>56.1</v>
      </c>
      <c r="F5873" s="46">
        <v>26.8</v>
      </c>
      <c r="G5873" s="47">
        <v>17.100000000000001</v>
      </c>
    </row>
    <row r="5874" spans="1:25" ht="21.6" x14ac:dyDescent="0.2">
      <c r="B5874" s="77"/>
      <c r="C5874" s="39" t="s">
        <v>51</v>
      </c>
      <c r="D5874" s="45">
        <v>124</v>
      </c>
      <c r="E5874" s="46">
        <v>51.6</v>
      </c>
      <c r="F5874" s="46">
        <v>29</v>
      </c>
      <c r="G5874" s="47">
        <v>19.399999999999999</v>
      </c>
    </row>
    <row r="5875" spans="1:25" ht="21.6" x14ac:dyDescent="0.2">
      <c r="B5875" s="77"/>
      <c r="C5875" s="39" t="s">
        <v>52</v>
      </c>
      <c r="D5875" s="45">
        <v>312</v>
      </c>
      <c r="E5875" s="46">
        <v>43.3</v>
      </c>
      <c r="F5875" s="46">
        <v>31.7</v>
      </c>
      <c r="G5875" s="47">
        <v>25</v>
      </c>
    </row>
    <row r="5876" spans="1:25" x14ac:dyDescent="0.2">
      <c r="B5876" s="77"/>
      <c r="C5876" s="39" t="s">
        <v>53</v>
      </c>
      <c r="D5876" s="45">
        <v>269</v>
      </c>
      <c r="E5876" s="46">
        <v>46.5</v>
      </c>
      <c r="F5876" s="46">
        <v>30.9</v>
      </c>
      <c r="G5876" s="47">
        <v>22.7</v>
      </c>
    </row>
    <row r="5877" spans="1:25" ht="21.6" x14ac:dyDescent="0.2">
      <c r="B5877" s="77"/>
      <c r="C5877" s="39" t="s">
        <v>54</v>
      </c>
      <c r="D5877" s="45">
        <v>511</v>
      </c>
      <c r="E5877" s="46">
        <v>46.4</v>
      </c>
      <c r="F5877" s="46">
        <v>33.5</v>
      </c>
      <c r="G5877" s="47">
        <v>20.2</v>
      </c>
    </row>
    <row r="5878" spans="1:25" ht="21.6" x14ac:dyDescent="0.2">
      <c r="B5878" s="77"/>
      <c r="C5878" s="39" t="s">
        <v>55</v>
      </c>
      <c r="D5878" s="45">
        <v>615</v>
      </c>
      <c r="E5878" s="46">
        <v>50.6</v>
      </c>
      <c r="F5878" s="46">
        <v>29.3</v>
      </c>
      <c r="G5878" s="47">
        <v>20.2</v>
      </c>
    </row>
    <row r="5879" spans="1:25" ht="21.6" x14ac:dyDescent="0.2">
      <c r="B5879" s="77"/>
      <c r="C5879" s="39" t="s">
        <v>56</v>
      </c>
      <c r="D5879" s="45">
        <v>800</v>
      </c>
      <c r="E5879" s="46">
        <v>49.6</v>
      </c>
      <c r="F5879" s="46">
        <v>29.5</v>
      </c>
      <c r="G5879" s="47">
        <v>20.9</v>
      </c>
    </row>
    <row r="5880" spans="1:25" x14ac:dyDescent="0.2">
      <c r="B5880" s="77"/>
      <c r="C5880" s="40" t="s">
        <v>57</v>
      </c>
      <c r="D5880" s="48">
        <v>798</v>
      </c>
      <c r="E5880" s="49">
        <v>43.9</v>
      </c>
      <c r="F5880" s="49">
        <v>33.6</v>
      </c>
      <c r="G5880" s="50">
        <v>22.6</v>
      </c>
    </row>
    <row r="5881" spans="1:25" x14ac:dyDescent="0.2">
      <c r="B5881" s="7" t="s">
        <v>71</v>
      </c>
      <c r="C5881" s="4" t="s">
        <v>246</v>
      </c>
    </row>
    <row r="5882" spans="1:25" x14ac:dyDescent="0.2">
      <c r="B5882" s="4"/>
      <c r="C5882" s="4" t="s">
        <v>73</v>
      </c>
    </row>
    <row r="5884" spans="1:25" x14ac:dyDescent="0.2">
      <c r="C5884" t="s">
        <v>35</v>
      </c>
    </row>
    <row r="5885" spans="1:25" x14ac:dyDescent="0.2">
      <c r="B5885" s="75" t="s">
        <v>372</v>
      </c>
      <c r="C5885" s="76"/>
      <c r="D5885" s="76"/>
      <c r="E5885" s="76"/>
      <c r="F5885" s="76"/>
      <c r="G5885" s="76"/>
      <c r="H5885" s="76"/>
      <c r="I5885" s="76"/>
      <c r="J5885" s="76"/>
      <c r="K5885" s="76"/>
      <c r="L5885" s="76"/>
      <c r="M5885" s="76"/>
      <c r="N5885" s="76"/>
      <c r="O5885" s="76"/>
      <c r="P5885" s="76"/>
      <c r="Q5885" s="76"/>
      <c r="R5885" s="76"/>
      <c r="S5885" s="76"/>
      <c r="T5885" s="76"/>
      <c r="U5885" s="76"/>
      <c r="V5885" s="76"/>
      <c r="W5885" s="76"/>
      <c r="X5885" s="76"/>
      <c r="Y5885" s="76"/>
    </row>
    <row r="5886" spans="1:25" s="32" customFormat="1" ht="36.450000000000003" customHeight="1" x14ac:dyDescent="0.15">
      <c r="A5886" s="31"/>
      <c r="D5886" s="33" t="s">
        <v>378</v>
      </c>
      <c r="E5886" s="36" t="s">
        <v>663</v>
      </c>
      <c r="F5886" s="55" t="s">
        <v>664</v>
      </c>
      <c r="G5886" s="37" t="s">
        <v>480</v>
      </c>
      <c r="H5886" s="35" t="s">
        <v>381</v>
      </c>
    </row>
    <row r="5887" spans="1:25" ht="21.6" x14ac:dyDescent="0.2">
      <c r="B5887" s="77" t="s">
        <v>37</v>
      </c>
      <c r="C5887" s="38" t="s">
        <v>58</v>
      </c>
      <c r="D5887" s="51">
        <v>609</v>
      </c>
      <c r="E5887" s="52">
        <v>49.3</v>
      </c>
      <c r="F5887" s="52">
        <v>30</v>
      </c>
      <c r="G5887" s="53">
        <v>20.7</v>
      </c>
    </row>
    <row r="5888" spans="1:25" ht="21.6" x14ac:dyDescent="0.2">
      <c r="B5888" s="77"/>
      <c r="C5888" s="39" t="s">
        <v>59</v>
      </c>
      <c r="D5888" s="45">
        <v>1391</v>
      </c>
      <c r="E5888" s="46">
        <v>44.1</v>
      </c>
      <c r="F5888" s="46">
        <v>29.7</v>
      </c>
      <c r="G5888" s="47">
        <v>26.2</v>
      </c>
    </row>
    <row r="5889" spans="2:7" x14ac:dyDescent="0.2">
      <c r="B5889" s="77"/>
      <c r="C5889" s="39" t="s">
        <v>60</v>
      </c>
      <c r="D5889" s="45">
        <v>1325</v>
      </c>
      <c r="E5889" s="46">
        <v>47.4</v>
      </c>
      <c r="F5889" s="46">
        <v>29.7</v>
      </c>
      <c r="G5889" s="47">
        <v>22.9</v>
      </c>
    </row>
    <row r="5890" spans="2:7" x14ac:dyDescent="0.2">
      <c r="B5890" s="77"/>
      <c r="C5890" s="39" t="s">
        <v>61</v>
      </c>
      <c r="D5890" s="45">
        <v>675</v>
      </c>
      <c r="E5890" s="46">
        <v>42.4</v>
      </c>
      <c r="F5890" s="46">
        <v>30.1</v>
      </c>
      <c r="G5890" s="47">
        <v>27.6</v>
      </c>
    </row>
    <row r="5891" spans="2:7" x14ac:dyDescent="0.2">
      <c r="B5891" s="77"/>
      <c r="C5891" s="39" t="s">
        <v>62</v>
      </c>
      <c r="D5891" s="45">
        <v>1086</v>
      </c>
      <c r="E5891" s="46">
        <v>40.799999999999997</v>
      </c>
      <c r="F5891" s="46">
        <v>32.6</v>
      </c>
      <c r="G5891" s="47">
        <v>26.6</v>
      </c>
    </row>
    <row r="5892" spans="2:7" ht="21.6" x14ac:dyDescent="0.2">
      <c r="B5892" s="77"/>
      <c r="C5892" s="39" t="s">
        <v>63</v>
      </c>
      <c r="D5892" s="45">
        <v>203</v>
      </c>
      <c r="E5892" s="46">
        <v>39.9</v>
      </c>
      <c r="F5892" s="46">
        <v>29.1</v>
      </c>
      <c r="G5892" s="47">
        <v>31</v>
      </c>
    </row>
    <row r="5893" spans="2:7" x14ac:dyDescent="0.2">
      <c r="B5893" s="77"/>
      <c r="C5893" s="39" t="s">
        <v>64</v>
      </c>
      <c r="D5893" s="45">
        <v>263</v>
      </c>
      <c r="E5893" s="46">
        <v>44.9</v>
      </c>
      <c r="F5893" s="46">
        <v>34.200000000000003</v>
      </c>
      <c r="G5893" s="47">
        <v>20.9</v>
      </c>
    </row>
    <row r="5894" spans="2:7" x14ac:dyDescent="0.2">
      <c r="B5894" s="77"/>
      <c r="C5894" s="39" t="s">
        <v>65</v>
      </c>
      <c r="D5894" s="45">
        <v>312</v>
      </c>
      <c r="E5894" s="46">
        <v>38.799999999999997</v>
      </c>
      <c r="F5894" s="46">
        <v>35.6</v>
      </c>
      <c r="G5894" s="47">
        <v>25.6</v>
      </c>
    </row>
    <row r="5895" spans="2:7" x14ac:dyDescent="0.2">
      <c r="B5895" s="77"/>
      <c r="C5895" s="39" t="s">
        <v>66</v>
      </c>
      <c r="D5895" s="45">
        <v>230</v>
      </c>
      <c r="E5895" s="46">
        <v>40</v>
      </c>
      <c r="F5895" s="46">
        <v>33.9</v>
      </c>
      <c r="G5895" s="47">
        <v>26.1</v>
      </c>
    </row>
    <row r="5896" spans="2:7" x14ac:dyDescent="0.2">
      <c r="B5896" s="77"/>
      <c r="C5896" s="39" t="s">
        <v>67</v>
      </c>
      <c r="D5896" s="45">
        <v>78</v>
      </c>
      <c r="E5896" s="46">
        <v>39.700000000000003</v>
      </c>
      <c r="F5896" s="46">
        <v>20.5</v>
      </c>
      <c r="G5896" s="47">
        <v>39.700000000000003</v>
      </c>
    </row>
    <row r="5897" spans="2:7" x14ac:dyDescent="0.2">
      <c r="B5897" s="77"/>
      <c r="C5897" s="39" t="s">
        <v>68</v>
      </c>
      <c r="D5897" s="45">
        <v>897</v>
      </c>
      <c r="E5897" s="46">
        <v>40.799999999999997</v>
      </c>
      <c r="F5897" s="46">
        <v>34.6</v>
      </c>
      <c r="G5897" s="47">
        <v>24.6</v>
      </c>
    </row>
    <row r="5898" spans="2:7" x14ac:dyDescent="0.2">
      <c r="B5898" s="77"/>
      <c r="C5898" s="39" t="s">
        <v>69</v>
      </c>
      <c r="D5898" s="45">
        <v>189</v>
      </c>
      <c r="E5898" s="46">
        <v>40.700000000000003</v>
      </c>
      <c r="F5898" s="46">
        <v>23.3</v>
      </c>
      <c r="G5898" s="47">
        <v>36</v>
      </c>
    </row>
    <row r="5899" spans="2:7" x14ac:dyDescent="0.2">
      <c r="B5899" s="77"/>
      <c r="C5899" s="39" t="s">
        <v>70</v>
      </c>
      <c r="D5899" s="45">
        <v>914</v>
      </c>
      <c r="E5899" s="46">
        <v>51.5</v>
      </c>
      <c r="F5899" s="46">
        <v>26.5</v>
      </c>
      <c r="G5899" s="47">
        <v>22</v>
      </c>
    </row>
    <row r="5900" spans="2:7" ht="21.6" x14ac:dyDescent="0.2">
      <c r="B5900" s="77"/>
      <c r="C5900" s="39" t="s">
        <v>63</v>
      </c>
      <c r="D5900" s="45">
        <v>193</v>
      </c>
      <c r="E5900" s="46">
        <v>60.6</v>
      </c>
      <c r="F5900" s="46">
        <v>19.7</v>
      </c>
      <c r="G5900" s="47">
        <v>19.7</v>
      </c>
    </row>
    <row r="5901" spans="2:7" x14ac:dyDescent="0.2">
      <c r="B5901" s="77"/>
      <c r="C5901" s="39" t="s">
        <v>64</v>
      </c>
      <c r="D5901" s="45">
        <v>203</v>
      </c>
      <c r="E5901" s="46">
        <v>44.3</v>
      </c>
      <c r="F5901" s="46">
        <v>33.5</v>
      </c>
      <c r="G5901" s="47">
        <v>22.2</v>
      </c>
    </row>
    <row r="5902" spans="2:7" x14ac:dyDescent="0.2">
      <c r="B5902" s="77"/>
      <c r="C5902" s="39" t="s">
        <v>65</v>
      </c>
      <c r="D5902" s="45">
        <v>263</v>
      </c>
      <c r="E5902" s="46">
        <v>48.7</v>
      </c>
      <c r="F5902" s="46">
        <v>27.4</v>
      </c>
      <c r="G5902" s="47">
        <v>24</v>
      </c>
    </row>
    <row r="5903" spans="2:7" x14ac:dyDescent="0.2">
      <c r="B5903" s="77"/>
      <c r="C5903" s="39" t="s">
        <v>66</v>
      </c>
      <c r="D5903" s="45">
        <v>194</v>
      </c>
      <c r="E5903" s="46">
        <v>53.1</v>
      </c>
      <c r="F5903" s="46">
        <v>25.3</v>
      </c>
      <c r="G5903" s="47">
        <v>21.6</v>
      </c>
    </row>
    <row r="5904" spans="2:7" x14ac:dyDescent="0.2">
      <c r="B5904" s="77"/>
      <c r="C5904" s="39" t="s">
        <v>67</v>
      </c>
      <c r="D5904" s="45">
        <v>61</v>
      </c>
      <c r="E5904" s="46">
        <v>54.1</v>
      </c>
      <c r="F5904" s="46">
        <v>24.6</v>
      </c>
      <c r="G5904" s="47">
        <v>21.3</v>
      </c>
    </row>
    <row r="5905" spans="1:25" x14ac:dyDescent="0.2">
      <c r="B5905" s="77"/>
      <c r="C5905" s="39" t="s">
        <v>68</v>
      </c>
      <c r="D5905" s="45">
        <v>416</v>
      </c>
      <c r="E5905" s="46">
        <v>51.7</v>
      </c>
      <c r="F5905" s="46">
        <v>30</v>
      </c>
      <c r="G5905" s="47">
        <v>18.3</v>
      </c>
    </row>
    <row r="5906" spans="1:25" x14ac:dyDescent="0.2">
      <c r="B5906" s="77"/>
      <c r="C5906" s="40" t="s">
        <v>69</v>
      </c>
      <c r="D5906" s="48">
        <v>498</v>
      </c>
      <c r="E5906" s="49">
        <v>51.4</v>
      </c>
      <c r="F5906" s="49">
        <v>23.5</v>
      </c>
      <c r="G5906" s="50">
        <v>25.1</v>
      </c>
    </row>
    <row r="5907" spans="1:25" x14ac:dyDescent="0.2">
      <c r="B5907" s="7" t="s">
        <v>71</v>
      </c>
      <c r="C5907" s="4" t="s">
        <v>246</v>
      </c>
    </row>
    <row r="5908" spans="1:25" x14ac:dyDescent="0.2">
      <c r="B5908" s="4"/>
      <c r="C5908" s="4" t="s">
        <v>73</v>
      </c>
    </row>
    <row r="5910" spans="1:25" x14ac:dyDescent="0.2">
      <c r="A5910" s="26" t="s">
        <v>25</v>
      </c>
      <c r="B5910" t="s">
        <v>35</v>
      </c>
      <c r="C5910" t="s">
        <v>35</v>
      </c>
    </row>
    <row r="5911" spans="1:25" x14ac:dyDescent="0.2">
      <c r="B5911" s="75" t="s">
        <v>247</v>
      </c>
      <c r="C5911" s="76"/>
      <c r="D5911" s="76"/>
      <c r="E5911" s="76"/>
      <c r="F5911" s="76"/>
      <c r="G5911" s="76"/>
      <c r="H5911" s="76"/>
      <c r="I5911" s="76"/>
      <c r="J5911" s="76"/>
      <c r="K5911" s="76"/>
      <c r="L5911" s="76"/>
      <c r="M5911" s="76"/>
      <c r="N5911" s="76"/>
      <c r="O5911" s="76"/>
      <c r="P5911" s="76"/>
      <c r="Q5911" s="76"/>
      <c r="R5911" s="76"/>
      <c r="S5911" s="76"/>
      <c r="T5911" s="76"/>
      <c r="U5911" s="76"/>
      <c r="V5911" s="76"/>
      <c r="W5911" s="76"/>
      <c r="X5911" s="76"/>
      <c r="Y5911" s="76"/>
    </row>
    <row r="5912" spans="1:25" s="32" customFormat="1" ht="36.450000000000003" customHeight="1" x14ac:dyDescent="0.15">
      <c r="A5912" s="31"/>
      <c r="D5912" s="33" t="s">
        <v>378</v>
      </c>
      <c r="E5912" s="36" t="s">
        <v>663</v>
      </c>
      <c r="F5912" s="55" t="s">
        <v>664</v>
      </c>
      <c r="G5912" s="37" t="s">
        <v>480</v>
      </c>
      <c r="H5912" s="35" t="s">
        <v>381</v>
      </c>
    </row>
    <row r="5913" spans="1:25" x14ac:dyDescent="0.2">
      <c r="B5913" s="5"/>
      <c r="C5913" s="41" t="s">
        <v>38</v>
      </c>
      <c r="D5913" s="42">
        <v>2000</v>
      </c>
      <c r="E5913" s="43">
        <v>34.5</v>
      </c>
      <c r="F5913" s="43">
        <v>42.7</v>
      </c>
      <c r="G5913" s="44">
        <v>22.9</v>
      </c>
    </row>
    <row r="5914" spans="1:25" x14ac:dyDescent="0.2">
      <c r="B5914" s="77" t="s">
        <v>37</v>
      </c>
      <c r="C5914" s="39" t="s">
        <v>39</v>
      </c>
      <c r="D5914" s="45">
        <v>111</v>
      </c>
      <c r="E5914" s="46">
        <v>28.8</v>
      </c>
      <c r="F5914" s="46">
        <v>48.6</v>
      </c>
      <c r="G5914" s="47">
        <v>22.5</v>
      </c>
    </row>
    <row r="5915" spans="1:25" x14ac:dyDescent="0.2">
      <c r="B5915" s="77"/>
      <c r="C5915" s="39" t="s">
        <v>40</v>
      </c>
      <c r="D5915" s="45">
        <v>450</v>
      </c>
      <c r="E5915" s="46">
        <v>32.200000000000003</v>
      </c>
      <c r="F5915" s="46">
        <v>45.6</v>
      </c>
      <c r="G5915" s="47">
        <v>22.2</v>
      </c>
    </row>
    <row r="5916" spans="1:25" ht="21.6" x14ac:dyDescent="0.2">
      <c r="B5916" s="77"/>
      <c r="C5916" s="39" t="s">
        <v>41</v>
      </c>
      <c r="D5916" s="45">
        <v>30</v>
      </c>
      <c r="E5916" s="46">
        <v>53.3</v>
      </c>
      <c r="F5916" s="46">
        <v>20</v>
      </c>
      <c r="G5916" s="47">
        <v>26.7</v>
      </c>
    </row>
    <row r="5917" spans="1:25" ht="21.6" x14ac:dyDescent="0.2">
      <c r="B5917" s="77"/>
      <c r="C5917" s="39" t="s">
        <v>42</v>
      </c>
      <c r="D5917" s="45">
        <v>336</v>
      </c>
      <c r="E5917" s="46">
        <v>37.799999999999997</v>
      </c>
      <c r="F5917" s="46">
        <v>42.6</v>
      </c>
      <c r="G5917" s="47">
        <v>19.600000000000001</v>
      </c>
    </row>
    <row r="5918" spans="1:25" ht="21.6" x14ac:dyDescent="0.2">
      <c r="B5918" s="77"/>
      <c r="C5918" s="39" t="s">
        <v>43</v>
      </c>
      <c r="D5918" s="45">
        <v>327</v>
      </c>
      <c r="E5918" s="46">
        <v>33.299999999999997</v>
      </c>
      <c r="F5918" s="46">
        <v>42.8</v>
      </c>
      <c r="G5918" s="47">
        <v>23.9</v>
      </c>
    </row>
    <row r="5919" spans="1:25" ht="21.6" x14ac:dyDescent="0.2">
      <c r="B5919" s="77"/>
      <c r="C5919" s="39" t="s">
        <v>44</v>
      </c>
      <c r="D5919" s="45">
        <v>181</v>
      </c>
      <c r="E5919" s="46">
        <v>42</v>
      </c>
      <c r="F5919" s="46">
        <v>37.6</v>
      </c>
      <c r="G5919" s="47">
        <v>20.399999999999999</v>
      </c>
    </row>
    <row r="5920" spans="1:25" ht="21.6" x14ac:dyDescent="0.2">
      <c r="B5920" s="77"/>
      <c r="C5920" s="39" t="s">
        <v>45</v>
      </c>
      <c r="D5920" s="45">
        <v>565</v>
      </c>
      <c r="E5920" s="46">
        <v>32.6</v>
      </c>
      <c r="F5920" s="46">
        <v>41.9</v>
      </c>
      <c r="G5920" s="47">
        <v>25.5</v>
      </c>
    </row>
    <row r="5921" spans="2:7" ht="21.6" x14ac:dyDescent="0.2">
      <c r="B5921" s="77"/>
      <c r="C5921" s="39" t="s">
        <v>46</v>
      </c>
      <c r="D5921" s="45">
        <v>473</v>
      </c>
      <c r="E5921" s="46">
        <v>34.200000000000003</v>
      </c>
      <c r="F5921" s="46">
        <v>42.3</v>
      </c>
      <c r="G5921" s="47">
        <v>23.5</v>
      </c>
    </row>
    <row r="5922" spans="2:7" ht="21.6" x14ac:dyDescent="0.2">
      <c r="B5922" s="77"/>
      <c r="C5922" s="39" t="s">
        <v>47</v>
      </c>
      <c r="D5922" s="45">
        <v>441</v>
      </c>
      <c r="E5922" s="46">
        <v>33.299999999999997</v>
      </c>
      <c r="F5922" s="46">
        <v>46.5</v>
      </c>
      <c r="G5922" s="47">
        <v>20.2</v>
      </c>
    </row>
    <row r="5923" spans="2:7" ht="21.6" x14ac:dyDescent="0.2">
      <c r="B5923" s="77"/>
      <c r="C5923" s="39" t="s">
        <v>48</v>
      </c>
      <c r="D5923" s="45">
        <v>305</v>
      </c>
      <c r="E5923" s="46">
        <v>36.4</v>
      </c>
      <c r="F5923" s="46">
        <v>43.9</v>
      </c>
      <c r="G5923" s="47">
        <v>19.7</v>
      </c>
    </row>
    <row r="5924" spans="2:7" ht="21.6" x14ac:dyDescent="0.2">
      <c r="B5924" s="77"/>
      <c r="C5924" s="39" t="s">
        <v>49</v>
      </c>
      <c r="D5924" s="45">
        <v>223</v>
      </c>
      <c r="E5924" s="46">
        <v>38.1</v>
      </c>
      <c r="F5924" s="46">
        <v>46.2</v>
      </c>
      <c r="G5924" s="47">
        <v>15.7</v>
      </c>
    </row>
    <row r="5925" spans="2:7" ht="21.6" x14ac:dyDescent="0.2">
      <c r="B5925" s="77"/>
      <c r="C5925" s="39" t="s">
        <v>50</v>
      </c>
      <c r="D5925" s="45">
        <v>123</v>
      </c>
      <c r="E5925" s="46">
        <v>42.3</v>
      </c>
      <c r="F5925" s="46">
        <v>43.1</v>
      </c>
      <c r="G5925" s="47">
        <v>14.6</v>
      </c>
    </row>
    <row r="5926" spans="2:7" ht="21.6" x14ac:dyDescent="0.2">
      <c r="B5926" s="77"/>
      <c r="C5926" s="39" t="s">
        <v>51</v>
      </c>
      <c r="D5926" s="45">
        <v>124</v>
      </c>
      <c r="E5926" s="46">
        <v>39.5</v>
      </c>
      <c r="F5926" s="46">
        <v>41.9</v>
      </c>
      <c r="G5926" s="47">
        <v>18.5</v>
      </c>
    </row>
    <row r="5927" spans="2:7" ht="21.6" x14ac:dyDescent="0.2">
      <c r="B5927" s="77"/>
      <c r="C5927" s="39" t="s">
        <v>52</v>
      </c>
      <c r="D5927" s="45">
        <v>312</v>
      </c>
      <c r="E5927" s="46">
        <v>26.3</v>
      </c>
      <c r="F5927" s="46">
        <v>50.3</v>
      </c>
      <c r="G5927" s="47">
        <v>23.4</v>
      </c>
    </row>
    <row r="5928" spans="2:7" x14ac:dyDescent="0.2">
      <c r="B5928" s="77"/>
      <c r="C5928" s="39" t="s">
        <v>53</v>
      </c>
      <c r="D5928" s="45">
        <v>269</v>
      </c>
      <c r="E5928" s="46">
        <v>28.3</v>
      </c>
      <c r="F5928" s="46">
        <v>49.8</v>
      </c>
      <c r="G5928" s="47">
        <v>21.9</v>
      </c>
    </row>
    <row r="5929" spans="2:7" ht="21.6" x14ac:dyDescent="0.2">
      <c r="B5929" s="77"/>
      <c r="C5929" s="39" t="s">
        <v>54</v>
      </c>
      <c r="D5929" s="45">
        <v>511</v>
      </c>
      <c r="E5929" s="46">
        <v>37</v>
      </c>
      <c r="F5929" s="46">
        <v>45.4</v>
      </c>
      <c r="G5929" s="47">
        <v>17.600000000000001</v>
      </c>
    </row>
    <row r="5930" spans="2:7" ht="21.6" x14ac:dyDescent="0.2">
      <c r="B5930" s="77"/>
      <c r="C5930" s="39" t="s">
        <v>55</v>
      </c>
      <c r="D5930" s="45">
        <v>615</v>
      </c>
      <c r="E5930" s="46">
        <v>44.7</v>
      </c>
      <c r="F5930" s="46">
        <v>37.200000000000003</v>
      </c>
      <c r="G5930" s="47">
        <v>18</v>
      </c>
    </row>
    <row r="5931" spans="2:7" ht="21.6" x14ac:dyDescent="0.2">
      <c r="B5931" s="77"/>
      <c r="C5931" s="39" t="s">
        <v>56</v>
      </c>
      <c r="D5931" s="45">
        <v>800</v>
      </c>
      <c r="E5931" s="46">
        <v>41.9</v>
      </c>
      <c r="F5931" s="46">
        <v>40.1</v>
      </c>
      <c r="G5931" s="47">
        <v>18</v>
      </c>
    </row>
    <row r="5932" spans="2:7" x14ac:dyDescent="0.2">
      <c r="B5932" s="77"/>
      <c r="C5932" s="40" t="s">
        <v>57</v>
      </c>
      <c r="D5932" s="48">
        <v>798</v>
      </c>
      <c r="E5932" s="49">
        <v>31.3</v>
      </c>
      <c r="F5932" s="49">
        <v>48.5</v>
      </c>
      <c r="G5932" s="50">
        <v>20.2</v>
      </c>
    </row>
    <row r="5933" spans="2:7" x14ac:dyDescent="0.2">
      <c r="B5933" s="7" t="s">
        <v>71</v>
      </c>
      <c r="C5933" s="4" t="s">
        <v>248</v>
      </c>
    </row>
    <row r="5934" spans="2:7" x14ac:dyDescent="0.2">
      <c r="B5934" s="4"/>
      <c r="C5934" s="4" t="s">
        <v>73</v>
      </c>
    </row>
    <row r="5936" spans="2:7" x14ac:dyDescent="0.2">
      <c r="C5936" t="s">
        <v>35</v>
      </c>
    </row>
    <row r="5937" spans="1:25" x14ac:dyDescent="0.2">
      <c r="B5937" s="75" t="s">
        <v>373</v>
      </c>
      <c r="C5937" s="76"/>
      <c r="D5937" s="76"/>
      <c r="E5937" s="76"/>
      <c r="F5937" s="76"/>
      <c r="G5937" s="76"/>
      <c r="H5937" s="76"/>
      <c r="I5937" s="76"/>
      <c r="J5937" s="76"/>
      <c r="K5937" s="76"/>
      <c r="L5937" s="76"/>
      <c r="M5937" s="76"/>
      <c r="N5937" s="76"/>
      <c r="O5937" s="76"/>
      <c r="P5937" s="76"/>
      <c r="Q5937" s="76"/>
      <c r="R5937" s="76"/>
      <c r="S5937" s="76"/>
      <c r="T5937" s="76"/>
      <c r="U5937" s="76"/>
      <c r="V5937" s="76"/>
      <c r="W5937" s="76"/>
      <c r="X5937" s="76"/>
      <c r="Y5937" s="76"/>
    </row>
    <row r="5938" spans="1:25" s="32" customFormat="1" ht="36.450000000000003" customHeight="1" x14ac:dyDescent="0.15">
      <c r="A5938" s="31"/>
      <c r="D5938" s="33" t="s">
        <v>378</v>
      </c>
      <c r="E5938" s="36" t="s">
        <v>663</v>
      </c>
      <c r="F5938" s="55" t="s">
        <v>664</v>
      </c>
      <c r="G5938" s="37" t="s">
        <v>480</v>
      </c>
      <c r="H5938" s="35" t="s">
        <v>381</v>
      </c>
    </row>
    <row r="5939" spans="1:25" ht="21.6" x14ac:dyDescent="0.2">
      <c r="B5939" s="77" t="s">
        <v>37</v>
      </c>
      <c r="C5939" s="38" t="s">
        <v>58</v>
      </c>
      <c r="D5939" s="51">
        <v>609</v>
      </c>
      <c r="E5939" s="52">
        <v>41.5</v>
      </c>
      <c r="F5939" s="52">
        <v>39.9</v>
      </c>
      <c r="G5939" s="53">
        <v>18.600000000000001</v>
      </c>
    </row>
    <row r="5940" spans="1:25" ht="21.6" x14ac:dyDescent="0.2">
      <c r="B5940" s="77"/>
      <c r="C5940" s="39" t="s">
        <v>59</v>
      </c>
      <c r="D5940" s="45">
        <v>1391</v>
      </c>
      <c r="E5940" s="46">
        <v>31.3</v>
      </c>
      <c r="F5940" s="46">
        <v>43.9</v>
      </c>
      <c r="G5940" s="47">
        <v>24.8</v>
      </c>
    </row>
    <row r="5941" spans="1:25" x14ac:dyDescent="0.2">
      <c r="B5941" s="77"/>
      <c r="C5941" s="39" t="s">
        <v>60</v>
      </c>
      <c r="D5941" s="45">
        <v>1325</v>
      </c>
      <c r="E5941" s="46">
        <v>35.5</v>
      </c>
      <c r="F5941" s="46">
        <v>42.5</v>
      </c>
      <c r="G5941" s="47">
        <v>22</v>
      </c>
    </row>
    <row r="5942" spans="1:25" x14ac:dyDescent="0.2">
      <c r="B5942" s="77"/>
      <c r="C5942" s="39" t="s">
        <v>61</v>
      </c>
      <c r="D5942" s="45">
        <v>675</v>
      </c>
      <c r="E5942" s="46">
        <v>32.299999999999997</v>
      </c>
      <c r="F5942" s="46">
        <v>43</v>
      </c>
      <c r="G5942" s="47">
        <v>24.7</v>
      </c>
    </row>
    <row r="5943" spans="1:25" x14ac:dyDescent="0.2">
      <c r="B5943" s="77"/>
      <c r="C5943" s="39" t="s">
        <v>62</v>
      </c>
      <c r="D5943" s="45">
        <v>1086</v>
      </c>
      <c r="E5943" s="46">
        <v>32</v>
      </c>
      <c r="F5943" s="46">
        <v>43.6</v>
      </c>
      <c r="G5943" s="47">
        <v>24.4</v>
      </c>
    </row>
    <row r="5944" spans="1:25" ht="21.6" x14ac:dyDescent="0.2">
      <c r="B5944" s="77"/>
      <c r="C5944" s="39" t="s">
        <v>63</v>
      </c>
      <c r="D5944" s="45">
        <v>203</v>
      </c>
      <c r="E5944" s="46">
        <v>34</v>
      </c>
      <c r="F5944" s="46">
        <v>35</v>
      </c>
      <c r="G5944" s="47">
        <v>31</v>
      </c>
    </row>
    <row r="5945" spans="1:25" x14ac:dyDescent="0.2">
      <c r="B5945" s="77"/>
      <c r="C5945" s="39" t="s">
        <v>64</v>
      </c>
      <c r="D5945" s="45">
        <v>263</v>
      </c>
      <c r="E5945" s="46">
        <v>30.8</v>
      </c>
      <c r="F5945" s="46">
        <v>47.9</v>
      </c>
      <c r="G5945" s="47">
        <v>21.3</v>
      </c>
    </row>
    <row r="5946" spans="1:25" x14ac:dyDescent="0.2">
      <c r="B5946" s="77"/>
      <c r="C5946" s="39" t="s">
        <v>65</v>
      </c>
      <c r="D5946" s="45">
        <v>312</v>
      </c>
      <c r="E5946" s="46">
        <v>32.1</v>
      </c>
      <c r="F5946" s="46">
        <v>44.9</v>
      </c>
      <c r="G5946" s="47">
        <v>23.1</v>
      </c>
    </row>
    <row r="5947" spans="1:25" x14ac:dyDescent="0.2">
      <c r="B5947" s="77"/>
      <c r="C5947" s="39" t="s">
        <v>66</v>
      </c>
      <c r="D5947" s="45">
        <v>230</v>
      </c>
      <c r="E5947" s="46">
        <v>30.9</v>
      </c>
      <c r="F5947" s="46">
        <v>46.1</v>
      </c>
      <c r="G5947" s="47">
        <v>23</v>
      </c>
    </row>
    <row r="5948" spans="1:25" x14ac:dyDescent="0.2">
      <c r="B5948" s="77"/>
      <c r="C5948" s="39" t="s">
        <v>67</v>
      </c>
      <c r="D5948" s="45">
        <v>78</v>
      </c>
      <c r="E5948" s="46">
        <v>33.299999999999997</v>
      </c>
      <c r="F5948" s="46">
        <v>39.700000000000003</v>
      </c>
      <c r="G5948" s="47">
        <v>26.9</v>
      </c>
    </row>
    <row r="5949" spans="1:25" x14ac:dyDescent="0.2">
      <c r="B5949" s="77"/>
      <c r="C5949" s="39" t="s">
        <v>68</v>
      </c>
      <c r="D5949" s="45">
        <v>897</v>
      </c>
      <c r="E5949" s="46">
        <v>32.1</v>
      </c>
      <c r="F5949" s="46">
        <v>45.7</v>
      </c>
      <c r="G5949" s="47">
        <v>22.2</v>
      </c>
    </row>
    <row r="5950" spans="1:25" x14ac:dyDescent="0.2">
      <c r="B5950" s="77"/>
      <c r="C5950" s="39" t="s">
        <v>69</v>
      </c>
      <c r="D5950" s="45">
        <v>189</v>
      </c>
      <c r="E5950" s="46">
        <v>31.2</v>
      </c>
      <c r="F5950" s="46">
        <v>33.9</v>
      </c>
      <c r="G5950" s="47">
        <v>34.9</v>
      </c>
    </row>
    <row r="5951" spans="1:25" x14ac:dyDescent="0.2">
      <c r="B5951" s="77"/>
      <c r="C5951" s="39" t="s">
        <v>70</v>
      </c>
      <c r="D5951" s="45">
        <v>914</v>
      </c>
      <c r="E5951" s="46">
        <v>37.4</v>
      </c>
      <c r="F5951" s="46">
        <v>41.5</v>
      </c>
      <c r="G5951" s="47">
        <v>21.1</v>
      </c>
    </row>
    <row r="5952" spans="1:25" ht="21.6" x14ac:dyDescent="0.2">
      <c r="B5952" s="77"/>
      <c r="C5952" s="39" t="s">
        <v>63</v>
      </c>
      <c r="D5952" s="45">
        <v>193</v>
      </c>
      <c r="E5952" s="46">
        <v>44</v>
      </c>
      <c r="F5952" s="46">
        <v>35.799999999999997</v>
      </c>
      <c r="G5952" s="47">
        <v>20.2</v>
      </c>
    </row>
    <row r="5953" spans="1:25" x14ac:dyDescent="0.2">
      <c r="B5953" s="77"/>
      <c r="C5953" s="39" t="s">
        <v>64</v>
      </c>
      <c r="D5953" s="45">
        <v>203</v>
      </c>
      <c r="E5953" s="46">
        <v>36</v>
      </c>
      <c r="F5953" s="46">
        <v>41.9</v>
      </c>
      <c r="G5953" s="47">
        <v>22.2</v>
      </c>
    </row>
    <row r="5954" spans="1:25" x14ac:dyDescent="0.2">
      <c r="B5954" s="77"/>
      <c r="C5954" s="39" t="s">
        <v>65</v>
      </c>
      <c r="D5954" s="45">
        <v>263</v>
      </c>
      <c r="E5954" s="46">
        <v>33.5</v>
      </c>
      <c r="F5954" s="46">
        <v>45.2</v>
      </c>
      <c r="G5954" s="47">
        <v>21.3</v>
      </c>
    </row>
    <row r="5955" spans="1:25" x14ac:dyDescent="0.2">
      <c r="B5955" s="77"/>
      <c r="C5955" s="39" t="s">
        <v>66</v>
      </c>
      <c r="D5955" s="45">
        <v>194</v>
      </c>
      <c r="E5955" s="46">
        <v>38.1</v>
      </c>
      <c r="F5955" s="46">
        <v>41.8</v>
      </c>
      <c r="G5955" s="47">
        <v>20.100000000000001</v>
      </c>
    </row>
    <row r="5956" spans="1:25" x14ac:dyDescent="0.2">
      <c r="B5956" s="77"/>
      <c r="C5956" s="39" t="s">
        <v>67</v>
      </c>
      <c r="D5956" s="45">
        <v>61</v>
      </c>
      <c r="E5956" s="46">
        <v>36.1</v>
      </c>
      <c r="F5956" s="46">
        <v>41</v>
      </c>
      <c r="G5956" s="47">
        <v>23</v>
      </c>
    </row>
    <row r="5957" spans="1:25" x14ac:dyDescent="0.2">
      <c r="B5957" s="77"/>
      <c r="C5957" s="39" t="s">
        <v>68</v>
      </c>
      <c r="D5957" s="45">
        <v>416</v>
      </c>
      <c r="E5957" s="46">
        <v>43</v>
      </c>
      <c r="F5957" s="46">
        <v>40.9</v>
      </c>
      <c r="G5957" s="47">
        <v>16.100000000000001</v>
      </c>
    </row>
    <row r="5958" spans="1:25" x14ac:dyDescent="0.2">
      <c r="B5958" s="77"/>
      <c r="C5958" s="40" t="s">
        <v>69</v>
      </c>
      <c r="D5958" s="48">
        <v>498</v>
      </c>
      <c r="E5958" s="49">
        <v>32.700000000000003</v>
      </c>
      <c r="F5958" s="49">
        <v>42</v>
      </c>
      <c r="G5958" s="50">
        <v>25.3</v>
      </c>
    </row>
    <row r="5959" spans="1:25" x14ac:dyDescent="0.2">
      <c r="B5959" s="7" t="s">
        <v>71</v>
      </c>
      <c r="C5959" s="4" t="s">
        <v>248</v>
      </c>
    </row>
    <row r="5960" spans="1:25" x14ac:dyDescent="0.2">
      <c r="B5960" s="4"/>
      <c r="C5960" s="4" t="s">
        <v>73</v>
      </c>
    </row>
    <row r="5962" spans="1:25" x14ac:dyDescent="0.2">
      <c r="A5962" s="26" t="s">
        <v>25</v>
      </c>
      <c r="B5962" t="s">
        <v>35</v>
      </c>
      <c r="C5962" t="s">
        <v>35</v>
      </c>
    </row>
    <row r="5963" spans="1:25" x14ac:dyDescent="0.2">
      <c r="B5963" s="75" t="s">
        <v>249</v>
      </c>
      <c r="C5963" s="76"/>
      <c r="D5963" s="76"/>
      <c r="E5963" s="76"/>
      <c r="F5963" s="76"/>
      <c r="G5963" s="76"/>
      <c r="H5963" s="76"/>
      <c r="I5963" s="76"/>
      <c r="J5963" s="76"/>
      <c r="K5963" s="76"/>
      <c r="L5963" s="76"/>
      <c r="M5963" s="76"/>
      <c r="N5963" s="76"/>
      <c r="O5963" s="76"/>
      <c r="P5963" s="76"/>
      <c r="Q5963" s="76"/>
      <c r="R5963" s="76"/>
      <c r="S5963" s="76"/>
      <c r="T5963" s="76"/>
      <c r="U5963" s="76"/>
      <c r="V5963" s="76"/>
      <c r="W5963" s="76"/>
      <c r="X5963" s="76"/>
      <c r="Y5963" s="76"/>
    </row>
    <row r="5964" spans="1:25" s="32" customFormat="1" ht="25.65" customHeight="1" x14ac:dyDescent="0.15">
      <c r="A5964" s="31"/>
      <c r="D5964" s="33" t="s">
        <v>378</v>
      </c>
      <c r="E5964" s="36" t="s">
        <v>665</v>
      </c>
      <c r="F5964" s="37" t="s">
        <v>666</v>
      </c>
      <c r="G5964" s="35" t="s">
        <v>381</v>
      </c>
    </row>
    <row r="5965" spans="1:25" x14ac:dyDescent="0.2">
      <c r="B5965" s="5"/>
      <c r="C5965" s="41" t="s">
        <v>38</v>
      </c>
      <c r="D5965" s="42">
        <v>2000</v>
      </c>
      <c r="E5965" s="43">
        <v>28.4</v>
      </c>
      <c r="F5965" s="44">
        <v>71.7</v>
      </c>
    </row>
    <row r="5966" spans="1:25" x14ac:dyDescent="0.2">
      <c r="B5966" s="77" t="s">
        <v>37</v>
      </c>
      <c r="C5966" s="39" t="s">
        <v>39</v>
      </c>
      <c r="D5966" s="45">
        <v>111</v>
      </c>
      <c r="E5966" s="46">
        <v>37.799999999999997</v>
      </c>
      <c r="F5966" s="47">
        <v>62.2</v>
      </c>
    </row>
    <row r="5967" spans="1:25" x14ac:dyDescent="0.2">
      <c r="B5967" s="77"/>
      <c r="C5967" s="39" t="s">
        <v>40</v>
      </c>
      <c r="D5967" s="45">
        <v>450</v>
      </c>
      <c r="E5967" s="46">
        <v>31.6</v>
      </c>
      <c r="F5967" s="47">
        <v>68.400000000000006</v>
      </c>
    </row>
    <row r="5968" spans="1:25" ht="21.6" x14ac:dyDescent="0.2">
      <c r="B5968" s="77"/>
      <c r="C5968" s="39" t="s">
        <v>41</v>
      </c>
      <c r="D5968" s="45">
        <v>30</v>
      </c>
      <c r="E5968" s="46">
        <v>13.3</v>
      </c>
      <c r="F5968" s="47">
        <v>86.7</v>
      </c>
    </row>
    <row r="5969" spans="2:6" ht="21.6" x14ac:dyDescent="0.2">
      <c r="B5969" s="77"/>
      <c r="C5969" s="39" t="s">
        <v>42</v>
      </c>
      <c r="D5969" s="45">
        <v>336</v>
      </c>
      <c r="E5969" s="46">
        <v>38.4</v>
      </c>
      <c r="F5969" s="47">
        <v>61.6</v>
      </c>
    </row>
    <row r="5970" spans="2:6" ht="21.6" x14ac:dyDescent="0.2">
      <c r="B5970" s="77"/>
      <c r="C5970" s="39" t="s">
        <v>43</v>
      </c>
      <c r="D5970" s="45">
        <v>327</v>
      </c>
      <c r="E5970" s="46">
        <v>19.600000000000001</v>
      </c>
      <c r="F5970" s="47">
        <v>80.400000000000006</v>
      </c>
    </row>
    <row r="5971" spans="2:6" ht="21.6" x14ac:dyDescent="0.2">
      <c r="B5971" s="77"/>
      <c r="C5971" s="39" t="s">
        <v>44</v>
      </c>
      <c r="D5971" s="45">
        <v>181</v>
      </c>
      <c r="E5971" s="46">
        <v>24.9</v>
      </c>
      <c r="F5971" s="47">
        <v>75.099999999999994</v>
      </c>
    </row>
    <row r="5972" spans="2:6" ht="21.6" x14ac:dyDescent="0.2">
      <c r="B5972" s="77"/>
      <c r="C5972" s="39" t="s">
        <v>45</v>
      </c>
      <c r="D5972" s="45">
        <v>565</v>
      </c>
      <c r="E5972" s="46">
        <v>25</v>
      </c>
      <c r="F5972" s="47">
        <v>75</v>
      </c>
    </row>
    <row r="5973" spans="2:6" ht="21.6" x14ac:dyDescent="0.2">
      <c r="B5973" s="77"/>
      <c r="C5973" s="39" t="s">
        <v>46</v>
      </c>
      <c r="D5973" s="45">
        <v>473</v>
      </c>
      <c r="E5973" s="46">
        <v>26.8</v>
      </c>
      <c r="F5973" s="47">
        <v>73.2</v>
      </c>
    </row>
    <row r="5974" spans="2:6" ht="21.6" x14ac:dyDescent="0.2">
      <c r="B5974" s="77"/>
      <c r="C5974" s="39" t="s">
        <v>47</v>
      </c>
      <c r="D5974" s="45">
        <v>441</v>
      </c>
      <c r="E5974" s="46">
        <v>30.8</v>
      </c>
      <c r="F5974" s="47">
        <v>69.2</v>
      </c>
    </row>
    <row r="5975" spans="2:6" ht="21.6" x14ac:dyDescent="0.2">
      <c r="B5975" s="77"/>
      <c r="C5975" s="39" t="s">
        <v>48</v>
      </c>
      <c r="D5975" s="45">
        <v>305</v>
      </c>
      <c r="E5975" s="46">
        <v>30.5</v>
      </c>
      <c r="F5975" s="47">
        <v>69.5</v>
      </c>
    </row>
    <row r="5976" spans="2:6" ht="21.6" x14ac:dyDescent="0.2">
      <c r="B5976" s="77"/>
      <c r="C5976" s="39" t="s">
        <v>49</v>
      </c>
      <c r="D5976" s="45">
        <v>223</v>
      </c>
      <c r="E5976" s="46">
        <v>29.1</v>
      </c>
      <c r="F5976" s="47">
        <v>70.900000000000006</v>
      </c>
    </row>
    <row r="5977" spans="2:6" ht="21.6" x14ac:dyDescent="0.2">
      <c r="B5977" s="77"/>
      <c r="C5977" s="39" t="s">
        <v>50</v>
      </c>
      <c r="D5977" s="45">
        <v>123</v>
      </c>
      <c r="E5977" s="46">
        <v>34.1</v>
      </c>
      <c r="F5977" s="47">
        <v>65.900000000000006</v>
      </c>
    </row>
    <row r="5978" spans="2:6" ht="21.6" x14ac:dyDescent="0.2">
      <c r="B5978" s="77"/>
      <c r="C5978" s="39" t="s">
        <v>51</v>
      </c>
      <c r="D5978" s="45">
        <v>124</v>
      </c>
      <c r="E5978" s="46">
        <v>29</v>
      </c>
      <c r="F5978" s="47">
        <v>71</v>
      </c>
    </row>
    <row r="5979" spans="2:6" ht="21.6" x14ac:dyDescent="0.2">
      <c r="B5979" s="77"/>
      <c r="C5979" s="39" t="s">
        <v>52</v>
      </c>
      <c r="D5979" s="45">
        <v>312</v>
      </c>
      <c r="E5979" s="46">
        <v>21.5</v>
      </c>
      <c r="F5979" s="47">
        <v>78.5</v>
      </c>
    </row>
    <row r="5980" spans="2:6" x14ac:dyDescent="0.2">
      <c r="B5980" s="77"/>
      <c r="C5980" s="39" t="s">
        <v>53</v>
      </c>
      <c r="D5980" s="45">
        <v>269</v>
      </c>
      <c r="E5980" s="46">
        <v>29</v>
      </c>
      <c r="F5980" s="47">
        <v>71</v>
      </c>
    </row>
    <row r="5981" spans="2:6" ht="21.6" x14ac:dyDescent="0.2">
      <c r="B5981" s="77"/>
      <c r="C5981" s="39" t="s">
        <v>54</v>
      </c>
      <c r="D5981" s="45">
        <v>511</v>
      </c>
      <c r="E5981" s="46">
        <v>34.6</v>
      </c>
      <c r="F5981" s="47">
        <v>65.400000000000006</v>
      </c>
    </row>
    <row r="5982" spans="2:6" ht="21.6" x14ac:dyDescent="0.2">
      <c r="B5982" s="77"/>
      <c r="C5982" s="39" t="s">
        <v>55</v>
      </c>
      <c r="D5982" s="45">
        <v>615</v>
      </c>
      <c r="E5982" s="46">
        <v>33.200000000000003</v>
      </c>
      <c r="F5982" s="47">
        <v>66.8</v>
      </c>
    </row>
    <row r="5983" spans="2:6" ht="21.6" x14ac:dyDescent="0.2">
      <c r="B5983" s="77"/>
      <c r="C5983" s="39" t="s">
        <v>56</v>
      </c>
      <c r="D5983" s="45">
        <v>800</v>
      </c>
      <c r="E5983" s="46">
        <v>32.5</v>
      </c>
      <c r="F5983" s="47">
        <v>67.5</v>
      </c>
    </row>
    <row r="5984" spans="2:6" x14ac:dyDescent="0.2">
      <c r="B5984" s="77"/>
      <c r="C5984" s="40" t="s">
        <v>57</v>
      </c>
      <c r="D5984" s="48">
        <v>798</v>
      </c>
      <c r="E5984" s="49">
        <v>28.9</v>
      </c>
      <c r="F5984" s="50">
        <v>71.099999999999994</v>
      </c>
    </row>
    <row r="5985" spans="1:25" x14ac:dyDescent="0.2">
      <c r="B5985" s="7" t="s">
        <v>71</v>
      </c>
      <c r="C5985" s="4" t="s">
        <v>250</v>
      </c>
    </row>
    <row r="5986" spans="1:25" x14ac:dyDescent="0.2">
      <c r="B5986" s="4"/>
      <c r="C5986" s="4" t="s">
        <v>73</v>
      </c>
    </row>
    <row r="5988" spans="1:25" x14ac:dyDescent="0.2">
      <c r="C5988" t="s">
        <v>35</v>
      </c>
    </row>
    <row r="5989" spans="1:25" x14ac:dyDescent="0.2">
      <c r="B5989" s="75" t="s">
        <v>374</v>
      </c>
      <c r="C5989" s="76"/>
      <c r="D5989" s="76"/>
      <c r="E5989" s="76"/>
      <c r="F5989" s="76"/>
      <c r="G5989" s="76"/>
      <c r="H5989" s="76"/>
      <c r="I5989" s="76"/>
      <c r="J5989" s="76"/>
      <c r="K5989" s="76"/>
      <c r="L5989" s="76"/>
      <c r="M5989" s="76"/>
      <c r="N5989" s="76"/>
      <c r="O5989" s="76"/>
      <c r="P5989" s="76"/>
      <c r="Q5989" s="76"/>
      <c r="R5989" s="76"/>
      <c r="S5989" s="76"/>
      <c r="T5989" s="76"/>
      <c r="U5989" s="76"/>
      <c r="V5989" s="76"/>
      <c r="W5989" s="76"/>
      <c r="X5989" s="76"/>
      <c r="Y5989" s="76"/>
    </row>
    <row r="5990" spans="1:25" s="32" customFormat="1" ht="25.65" customHeight="1" x14ac:dyDescent="0.15">
      <c r="A5990" s="31"/>
      <c r="D5990" s="33" t="s">
        <v>378</v>
      </c>
      <c r="E5990" s="36" t="s">
        <v>665</v>
      </c>
      <c r="F5990" s="37" t="s">
        <v>666</v>
      </c>
      <c r="G5990" s="35" t="s">
        <v>381</v>
      </c>
    </row>
    <row r="5991" spans="1:25" ht="21.6" x14ac:dyDescent="0.2">
      <c r="B5991" s="77" t="s">
        <v>37</v>
      </c>
      <c r="C5991" s="38" t="s">
        <v>58</v>
      </c>
      <c r="D5991" s="51">
        <v>609</v>
      </c>
      <c r="E5991" s="52">
        <v>34.200000000000003</v>
      </c>
      <c r="F5991" s="53">
        <v>65.8</v>
      </c>
    </row>
    <row r="5992" spans="1:25" ht="21.6" x14ac:dyDescent="0.2">
      <c r="B5992" s="77"/>
      <c r="C5992" s="39" t="s">
        <v>59</v>
      </c>
      <c r="D5992" s="45">
        <v>1391</v>
      </c>
      <c r="E5992" s="46">
        <v>25.8</v>
      </c>
      <c r="F5992" s="47">
        <v>74.2</v>
      </c>
    </row>
    <row r="5993" spans="1:25" x14ac:dyDescent="0.2">
      <c r="B5993" s="77"/>
      <c r="C5993" s="39" t="s">
        <v>60</v>
      </c>
      <c r="D5993" s="45">
        <v>1325</v>
      </c>
      <c r="E5993" s="46">
        <v>28.2</v>
      </c>
      <c r="F5993" s="47">
        <v>71.8</v>
      </c>
    </row>
    <row r="5994" spans="1:25" x14ac:dyDescent="0.2">
      <c r="B5994" s="77"/>
      <c r="C5994" s="39" t="s">
        <v>61</v>
      </c>
      <c r="D5994" s="45">
        <v>675</v>
      </c>
      <c r="E5994" s="46">
        <v>28.6</v>
      </c>
      <c r="F5994" s="47">
        <v>71.400000000000006</v>
      </c>
    </row>
    <row r="5995" spans="1:25" x14ac:dyDescent="0.2">
      <c r="B5995" s="77"/>
      <c r="C5995" s="39" t="s">
        <v>62</v>
      </c>
      <c r="D5995" s="45">
        <v>1086</v>
      </c>
      <c r="E5995" s="46">
        <v>35.5</v>
      </c>
      <c r="F5995" s="47">
        <v>64.5</v>
      </c>
    </row>
    <row r="5996" spans="1:25" ht="21.6" x14ac:dyDescent="0.2">
      <c r="B5996" s="77"/>
      <c r="C5996" s="39" t="s">
        <v>63</v>
      </c>
      <c r="D5996" s="45">
        <v>203</v>
      </c>
      <c r="E5996" s="46">
        <v>32</v>
      </c>
      <c r="F5996" s="47">
        <v>68</v>
      </c>
    </row>
    <row r="5997" spans="1:25" x14ac:dyDescent="0.2">
      <c r="B5997" s="77"/>
      <c r="C5997" s="39" t="s">
        <v>64</v>
      </c>
      <c r="D5997" s="45">
        <v>263</v>
      </c>
      <c r="E5997" s="46">
        <v>42.6</v>
      </c>
      <c r="F5997" s="47">
        <v>57.4</v>
      </c>
    </row>
    <row r="5998" spans="1:25" x14ac:dyDescent="0.2">
      <c r="B5998" s="77"/>
      <c r="C5998" s="39" t="s">
        <v>65</v>
      </c>
      <c r="D5998" s="45">
        <v>312</v>
      </c>
      <c r="E5998" s="46">
        <v>36.9</v>
      </c>
      <c r="F5998" s="47">
        <v>63.1</v>
      </c>
    </row>
    <row r="5999" spans="1:25" x14ac:dyDescent="0.2">
      <c r="B5999" s="77"/>
      <c r="C5999" s="39" t="s">
        <v>66</v>
      </c>
      <c r="D5999" s="45">
        <v>230</v>
      </c>
      <c r="E5999" s="46">
        <v>33.9</v>
      </c>
      <c r="F5999" s="47">
        <v>66.099999999999994</v>
      </c>
    </row>
    <row r="6000" spans="1:25" x14ac:dyDescent="0.2">
      <c r="B6000" s="77"/>
      <c r="C6000" s="39" t="s">
        <v>67</v>
      </c>
      <c r="D6000" s="45">
        <v>78</v>
      </c>
      <c r="E6000" s="46">
        <v>20.5</v>
      </c>
      <c r="F6000" s="47">
        <v>79.5</v>
      </c>
    </row>
    <row r="6001" spans="1:25" x14ac:dyDescent="0.2">
      <c r="B6001" s="77"/>
      <c r="C6001" s="39" t="s">
        <v>68</v>
      </c>
      <c r="D6001" s="45">
        <v>897</v>
      </c>
      <c r="E6001" s="46">
        <v>38.799999999999997</v>
      </c>
      <c r="F6001" s="47">
        <v>61.2</v>
      </c>
    </row>
    <row r="6002" spans="1:25" x14ac:dyDescent="0.2">
      <c r="B6002" s="77"/>
      <c r="C6002" s="39" t="s">
        <v>69</v>
      </c>
      <c r="D6002" s="45">
        <v>189</v>
      </c>
      <c r="E6002" s="46">
        <v>20.100000000000001</v>
      </c>
      <c r="F6002" s="47">
        <v>79.900000000000006</v>
      </c>
    </row>
    <row r="6003" spans="1:25" x14ac:dyDescent="0.2">
      <c r="B6003" s="77"/>
      <c r="C6003" s="39" t="s">
        <v>70</v>
      </c>
      <c r="D6003" s="45">
        <v>914</v>
      </c>
      <c r="E6003" s="46">
        <v>19.8</v>
      </c>
      <c r="F6003" s="47">
        <v>80.2</v>
      </c>
    </row>
    <row r="6004" spans="1:25" ht="21.6" x14ac:dyDescent="0.2">
      <c r="B6004" s="77"/>
      <c r="C6004" s="39" t="s">
        <v>63</v>
      </c>
      <c r="D6004" s="45">
        <v>193</v>
      </c>
      <c r="E6004" s="46">
        <v>29.5</v>
      </c>
      <c r="F6004" s="47">
        <v>70.5</v>
      </c>
    </row>
    <row r="6005" spans="1:25" x14ac:dyDescent="0.2">
      <c r="B6005" s="77"/>
      <c r="C6005" s="39" t="s">
        <v>64</v>
      </c>
      <c r="D6005" s="45">
        <v>203</v>
      </c>
      <c r="E6005" s="46">
        <v>26.6</v>
      </c>
      <c r="F6005" s="47">
        <v>73.400000000000006</v>
      </c>
    </row>
    <row r="6006" spans="1:25" x14ac:dyDescent="0.2">
      <c r="B6006" s="77"/>
      <c r="C6006" s="39" t="s">
        <v>65</v>
      </c>
      <c r="D6006" s="45">
        <v>263</v>
      </c>
      <c r="E6006" s="46">
        <v>12.9</v>
      </c>
      <c r="F6006" s="47">
        <v>87.1</v>
      </c>
    </row>
    <row r="6007" spans="1:25" x14ac:dyDescent="0.2">
      <c r="B6007" s="77"/>
      <c r="C6007" s="39" t="s">
        <v>66</v>
      </c>
      <c r="D6007" s="45">
        <v>194</v>
      </c>
      <c r="E6007" s="46">
        <v>13.4</v>
      </c>
      <c r="F6007" s="47">
        <v>86.6</v>
      </c>
    </row>
    <row r="6008" spans="1:25" x14ac:dyDescent="0.2">
      <c r="B6008" s="77"/>
      <c r="C6008" s="39" t="s">
        <v>67</v>
      </c>
      <c r="D6008" s="45">
        <v>61</v>
      </c>
      <c r="E6008" s="46">
        <v>16.399999999999999</v>
      </c>
      <c r="F6008" s="47">
        <v>83.6</v>
      </c>
    </row>
    <row r="6009" spans="1:25" x14ac:dyDescent="0.2">
      <c r="B6009" s="77"/>
      <c r="C6009" s="39" t="s">
        <v>68</v>
      </c>
      <c r="D6009" s="45">
        <v>416</v>
      </c>
      <c r="E6009" s="46">
        <v>25.7</v>
      </c>
      <c r="F6009" s="47">
        <v>74.3</v>
      </c>
    </row>
    <row r="6010" spans="1:25" x14ac:dyDescent="0.2">
      <c r="B6010" s="77"/>
      <c r="C6010" s="40" t="s">
        <v>69</v>
      </c>
      <c r="D6010" s="48">
        <v>498</v>
      </c>
      <c r="E6010" s="49">
        <v>14.9</v>
      </c>
      <c r="F6010" s="50">
        <v>85.1</v>
      </c>
    </row>
    <row r="6011" spans="1:25" x14ac:dyDescent="0.2">
      <c r="B6011" s="7" t="s">
        <v>71</v>
      </c>
      <c r="C6011" s="4" t="s">
        <v>250</v>
      </c>
    </row>
    <row r="6012" spans="1:25" x14ac:dyDescent="0.2">
      <c r="B6012" s="4"/>
      <c r="C6012" s="4" t="s">
        <v>73</v>
      </c>
    </row>
    <row r="6014" spans="1:25" x14ac:dyDescent="0.2">
      <c r="A6014" s="26" t="s">
        <v>25</v>
      </c>
      <c r="B6014" t="s">
        <v>35</v>
      </c>
      <c r="C6014" t="s">
        <v>35</v>
      </c>
    </row>
    <row r="6015" spans="1:25" x14ac:dyDescent="0.2">
      <c r="B6015" s="75" t="s">
        <v>251</v>
      </c>
      <c r="C6015" s="76"/>
      <c r="D6015" s="76"/>
      <c r="E6015" s="76"/>
      <c r="F6015" s="76"/>
      <c r="G6015" s="76"/>
      <c r="H6015" s="76"/>
      <c r="I6015" s="76"/>
      <c r="J6015" s="76"/>
      <c r="K6015" s="76"/>
      <c r="L6015" s="76"/>
      <c r="M6015" s="76"/>
      <c r="N6015" s="76"/>
      <c r="O6015" s="76"/>
      <c r="P6015" s="76"/>
      <c r="Q6015" s="76"/>
      <c r="R6015" s="76"/>
      <c r="S6015" s="76"/>
      <c r="T6015" s="76"/>
      <c r="U6015" s="76"/>
      <c r="V6015" s="76"/>
      <c r="W6015" s="76"/>
      <c r="X6015" s="76"/>
      <c r="Y6015" s="76"/>
    </row>
    <row r="6016" spans="1:25" s="32" customFormat="1" ht="25.65" customHeight="1" x14ac:dyDescent="0.15">
      <c r="A6016" s="31"/>
      <c r="D6016" s="33" t="s">
        <v>378</v>
      </c>
      <c r="E6016" s="36" t="s">
        <v>665</v>
      </c>
      <c r="F6016" s="37" t="s">
        <v>666</v>
      </c>
      <c r="G6016" s="35" t="s">
        <v>381</v>
      </c>
    </row>
    <row r="6017" spans="2:6" x14ac:dyDescent="0.2">
      <c r="B6017" s="5"/>
      <c r="C6017" s="41" t="s">
        <v>38</v>
      </c>
      <c r="D6017" s="42">
        <v>2000</v>
      </c>
      <c r="E6017" s="43">
        <v>16.100000000000001</v>
      </c>
      <c r="F6017" s="44">
        <v>83.9</v>
      </c>
    </row>
    <row r="6018" spans="2:6" x14ac:dyDescent="0.2">
      <c r="B6018" s="77" t="s">
        <v>37</v>
      </c>
      <c r="C6018" s="39" t="s">
        <v>39</v>
      </c>
      <c r="D6018" s="45">
        <v>111</v>
      </c>
      <c r="E6018" s="46">
        <v>23.4</v>
      </c>
      <c r="F6018" s="47">
        <v>76.599999999999994</v>
      </c>
    </row>
    <row r="6019" spans="2:6" x14ac:dyDescent="0.2">
      <c r="B6019" s="77"/>
      <c r="C6019" s="39" t="s">
        <v>40</v>
      </c>
      <c r="D6019" s="45">
        <v>450</v>
      </c>
      <c r="E6019" s="46">
        <v>16.2</v>
      </c>
      <c r="F6019" s="47">
        <v>83.8</v>
      </c>
    </row>
    <row r="6020" spans="2:6" ht="21.6" x14ac:dyDescent="0.2">
      <c r="B6020" s="77"/>
      <c r="C6020" s="39" t="s">
        <v>41</v>
      </c>
      <c r="D6020" s="45">
        <v>30</v>
      </c>
      <c r="E6020" s="46">
        <v>13.3</v>
      </c>
      <c r="F6020" s="47">
        <v>86.7</v>
      </c>
    </row>
    <row r="6021" spans="2:6" ht="21.6" x14ac:dyDescent="0.2">
      <c r="B6021" s="77"/>
      <c r="C6021" s="39" t="s">
        <v>42</v>
      </c>
      <c r="D6021" s="45">
        <v>336</v>
      </c>
      <c r="E6021" s="46">
        <v>17.600000000000001</v>
      </c>
      <c r="F6021" s="47">
        <v>82.4</v>
      </c>
    </row>
    <row r="6022" spans="2:6" ht="21.6" x14ac:dyDescent="0.2">
      <c r="B6022" s="77"/>
      <c r="C6022" s="39" t="s">
        <v>43</v>
      </c>
      <c r="D6022" s="45">
        <v>327</v>
      </c>
      <c r="E6022" s="46">
        <v>13.8</v>
      </c>
      <c r="F6022" s="47">
        <v>86.2</v>
      </c>
    </row>
    <row r="6023" spans="2:6" ht="21.6" x14ac:dyDescent="0.2">
      <c r="B6023" s="77"/>
      <c r="C6023" s="39" t="s">
        <v>44</v>
      </c>
      <c r="D6023" s="45">
        <v>181</v>
      </c>
      <c r="E6023" s="46">
        <v>15.5</v>
      </c>
      <c r="F6023" s="47">
        <v>84.5</v>
      </c>
    </row>
    <row r="6024" spans="2:6" ht="21.6" x14ac:dyDescent="0.2">
      <c r="B6024" s="77"/>
      <c r="C6024" s="39" t="s">
        <v>45</v>
      </c>
      <c r="D6024" s="45">
        <v>565</v>
      </c>
      <c r="E6024" s="46">
        <v>15.4</v>
      </c>
      <c r="F6024" s="47">
        <v>84.6</v>
      </c>
    </row>
    <row r="6025" spans="2:6" ht="21.6" x14ac:dyDescent="0.2">
      <c r="B6025" s="77"/>
      <c r="C6025" s="39" t="s">
        <v>46</v>
      </c>
      <c r="D6025" s="45">
        <v>473</v>
      </c>
      <c r="E6025" s="46">
        <v>16.7</v>
      </c>
      <c r="F6025" s="47">
        <v>83.3</v>
      </c>
    </row>
    <row r="6026" spans="2:6" ht="21.6" x14ac:dyDescent="0.2">
      <c r="B6026" s="77"/>
      <c r="C6026" s="39" t="s">
        <v>47</v>
      </c>
      <c r="D6026" s="45">
        <v>441</v>
      </c>
      <c r="E6026" s="46">
        <v>17.899999999999999</v>
      </c>
      <c r="F6026" s="47">
        <v>82.1</v>
      </c>
    </row>
    <row r="6027" spans="2:6" ht="21.6" x14ac:dyDescent="0.2">
      <c r="B6027" s="77"/>
      <c r="C6027" s="39" t="s">
        <v>48</v>
      </c>
      <c r="D6027" s="45">
        <v>305</v>
      </c>
      <c r="E6027" s="46">
        <v>14.4</v>
      </c>
      <c r="F6027" s="47">
        <v>85.6</v>
      </c>
    </row>
    <row r="6028" spans="2:6" ht="21.6" x14ac:dyDescent="0.2">
      <c r="B6028" s="77"/>
      <c r="C6028" s="39" t="s">
        <v>49</v>
      </c>
      <c r="D6028" s="45">
        <v>223</v>
      </c>
      <c r="E6028" s="46">
        <v>15.2</v>
      </c>
      <c r="F6028" s="47">
        <v>84.8</v>
      </c>
    </row>
    <row r="6029" spans="2:6" ht="21.6" x14ac:dyDescent="0.2">
      <c r="B6029" s="77"/>
      <c r="C6029" s="39" t="s">
        <v>50</v>
      </c>
      <c r="D6029" s="45">
        <v>123</v>
      </c>
      <c r="E6029" s="46">
        <v>17.899999999999999</v>
      </c>
      <c r="F6029" s="47">
        <v>82.1</v>
      </c>
    </row>
    <row r="6030" spans="2:6" ht="21.6" x14ac:dyDescent="0.2">
      <c r="B6030" s="77"/>
      <c r="C6030" s="39" t="s">
        <v>51</v>
      </c>
      <c r="D6030" s="45">
        <v>124</v>
      </c>
      <c r="E6030" s="46">
        <v>15.3</v>
      </c>
      <c r="F6030" s="47">
        <v>84.7</v>
      </c>
    </row>
    <row r="6031" spans="2:6" ht="21.6" x14ac:dyDescent="0.2">
      <c r="B6031" s="77"/>
      <c r="C6031" s="39" t="s">
        <v>52</v>
      </c>
      <c r="D6031" s="45">
        <v>312</v>
      </c>
      <c r="E6031" s="46">
        <v>17</v>
      </c>
      <c r="F6031" s="47">
        <v>83</v>
      </c>
    </row>
    <row r="6032" spans="2:6" x14ac:dyDescent="0.2">
      <c r="B6032" s="77"/>
      <c r="C6032" s="39" t="s">
        <v>53</v>
      </c>
      <c r="D6032" s="45">
        <v>269</v>
      </c>
      <c r="E6032" s="46">
        <v>15.6</v>
      </c>
      <c r="F6032" s="47">
        <v>84.4</v>
      </c>
    </row>
    <row r="6033" spans="1:25" ht="21.6" x14ac:dyDescent="0.2">
      <c r="B6033" s="77"/>
      <c r="C6033" s="39" t="s">
        <v>54</v>
      </c>
      <c r="D6033" s="45">
        <v>511</v>
      </c>
      <c r="E6033" s="46">
        <v>17.8</v>
      </c>
      <c r="F6033" s="47">
        <v>82.2</v>
      </c>
    </row>
    <row r="6034" spans="1:25" ht="21.6" x14ac:dyDescent="0.2">
      <c r="B6034" s="77"/>
      <c r="C6034" s="39" t="s">
        <v>55</v>
      </c>
      <c r="D6034" s="45">
        <v>615</v>
      </c>
      <c r="E6034" s="46">
        <v>16.399999999999999</v>
      </c>
      <c r="F6034" s="47">
        <v>83.6</v>
      </c>
    </row>
    <row r="6035" spans="1:25" ht="21.6" x14ac:dyDescent="0.2">
      <c r="B6035" s="77"/>
      <c r="C6035" s="39" t="s">
        <v>56</v>
      </c>
      <c r="D6035" s="45">
        <v>800</v>
      </c>
      <c r="E6035" s="46">
        <v>16.8</v>
      </c>
      <c r="F6035" s="47">
        <v>83.3</v>
      </c>
    </row>
    <row r="6036" spans="1:25" x14ac:dyDescent="0.2">
      <c r="B6036" s="77"/>
      <c r="C6036" s="40" t="s">
        <v>57</v>
      </c>
      <c r="D6036" s="48">
        <v>798</v>
      </c>
      <c r="E6036" s="49">
        <v>17.399999999999999</v>
      </c>
      <c r="F6036" s="50">
        <v>82.6</v>
      </c>
    </row>
    <row r="6037" spans="1:25" x14ac:dyDescent="0.2">
      <c r="B6037" s="7" t="s">
        <v>71</v>
      </c>
      <c r="C6037" s="4" t="s">
        <v>252</v>
      </c>
    </row>
    <row r="6038" spans="1:25" x14ac:dyDescent="0.2">
      <c r="B6038" s="4"/>
      <c r="C6038" s="4" t="s">
        <v>73</v>
      </c>
    </row>
    <row r="6040" spans="1:25" x14ac:dyDescent="0.2">
      <c r="C6040" t="s">
        <v>35</v>
      </c>
    </row>
    <row r="6041" spans="1:25" x14ac:dyDescent="0.2">
      <c r="B6041" s="75" t="s">
        <v>375</v>
      </c>
      <c r="C6041" s="76"/>
      <c r="D6041" s="76"/>
      <c r="E6041" s="76"/>
      <c r="F6041" s="76"/>
      <c r="G6041" s="76"/>
      <c r="H6041" s="76"/>
      <c r="I6041" s="76"/>
      <c r="J6041" s="76"/>
      <c r="K6041" s="76"/>
      <c r="L6041" s="76"/>
      <c r="M6041" s="76"/>
      <c r="N6041" s="76"/>
      <c r="O6041" s="76"/>
      <c r="P6041" s="76"/>
      <c r="Q6041" s="76"/>
      <c r="R6041" s="76"/>
      <c r="S6041" s="76"/>
      <c r="T6041" s="76"/>
      <c r="U6041" s="76"/>
      <c r="V6041" s="76"/>
      <c r="W6041" s="76"/>
      <c r="X6041" s="76"/>
      <c r="Y6041" s="76"/>
    </row>
    <row r="6042" spans="1:25" s="32" customFormat="1" ht="25.65" customHeight="1" x14ac:dyDescent="0.15">
      <c r="A6042" s="31"/>
      <c r="D6042" s="33" t="s">
        <v>378</v>
      </c>
      <c r="E6042" s="36" t="s">
        <v>665</v>
      </c>
      <c r="F6042" s="37" t="s">
        <v>666</v>
      </c>
      <c r="G6042" s="35" t="s">
        <v>381</v>
      </c>
    </row>
    <row r="6043" spans="1:25" ht="21.6" x14ac:dyDescent="0.2">
      <c r="B6043" s="77" t="s">
        <v>37</v>
      </c>
      <c r="C6043" s="38" t="s">
        <v>58</v>
      </c>
      <c r="D6043" s="51">
        <v>609</v>
      </c>
      <c r="E6043" s="52">
        <v>19.2</v>
      </c>
      <c r="F6043" s="53">
        <v>80.8</v>
      </c>
    </row>
    <row r="6044" spans="1:25" ht="21.6" x14ac:dyDescent="0.2">
      <c r="B6044" s="77"/>
      <c r="C6044" s="39" t="s">
        <v>59</v>
      </c>
      <c r="D6044" s="45">
        <v>1391</v>
      </c>
      <c r="E6044" s="46">
        <v>14.7</v>
      </c>
      <c r="F6044" s="47">
        <v>85.3</v>
      </c>
    </row>
    <row r="6045" spans="1:25" x14ac:dyDescent="0.2">
      <c r="B6045" s="77"/>
      <c r="C6045" s="39" t="s">
        <v>60</v>
      </c>
      <c r="D6045" s="45">
        <v>1325</v>
      </c>
      <c r="E6045" s="46">
        <v>15.7</v>
      </c>
      <c r="F6045" s="47">
        <v>84.3</v>
      </c>
    </row>
    <row r="6046" spans="1:25" x14ac:dyDescent="0.2">
      <c r="B6046" s="77"/>
      <c r="C6046" s="39" t="s">
        <v>61</v>
      </c>
      <c r="D6046" s="45">
        <v>675</v>
      </c>
      <c r="E6046" s="46">
        <v>16.899999999999999</v>
      </c>
      <c r="F6046" s="47">
        <v>83.1</v>
      </c>
    </row>
    <row r="6047" spans="1:25" x14ac:dyDescent="0.2">
      <c r="B6047" s="77"/>
      <c r="C6047" s="39" t="s">
        <v>62</v>
      </c>
      <c r="D6047" s="45">
        <v>1086</v>
      </c>
      <c r="E6047" s="46">
        <v>19.2</v>
      </c>
      <c r="F6047" s="47">
        <v>80.8</v>
      </c>
    </row>
    <row r="6048" spans="1:25" ht="21.6" x14ac:dyDescent="0.2">
      <c r="B6048" s="77"/>
      <c r="C6048" s="39" t="s">
        <v>63</v>
      </c>
      <c r="D6048" s="45">
        <v>203</v>
      </c>
      <c r="E6048" s="46">
        <v>16.3</v>
      </c>
      <c r="F6048" s="47">
        <v>83.7</v>
      </c>
    </row>
    <row r="6049" spans="2:6" x14ac:dyDescent="0.2">
      <c r="B6049" s="77"/>
      <c r="C6049" s="39" t="s">
        <v>64</v>
      </c>
      <c r="D6049" s="45">
        <v>263</v>
      </c>
      <c r="E6049" s="46">
        <v>25.9</v>
      </c>
      <c r="F6049" s="47">
        <v>74.099999999999994</v>
      </c>
    </row>
    <row r="6050" spans="2:6" x14ac:dyDescent="0.2">
      <c r="B6050" s="77"/>
      <c r="C6050" s="39" t="s">
        <v>65</v>
      </c>
      <c r="D6050" s="45">
        <v>312</v>
      </c>
      <c r="E6050" s="46">
        <v>19.600000000000001</v>
      </c>
      <c r="F6050" s="47">
        <v>80.400000000000006</v>
      </c>
    </row>
    <row r="6051" spans="2:6" x14ac:dyDescent="0.2">
      <c r="B6051" s="77"/>
      <c r="C6051" s="39" t="s">
        <v>66</v>
      </c>
      <c r="D6051" s="45">
        <v>230</v>
      </c>
      <c r="E6051" s="46">
        <v>16.5</v>
      </c>
      <c r="F6051" s="47">
        <v>83.5</v>
      </c>
    </row>
    <row r="6052" spans="2:6" x14ac:dyDescent="0.2">
      <c r="B6052" s="77"/>
      <c r="C6052" s="39" t="s">
        <v>67</v>
      </c>
      <c r="D6052" s="45">
        <v>78</v>
      </c>
      <c r="E6052" s="46">
        <v>11.5</v>
      </c>
      <c r="F6052" s="47">
        <v>88.5</v>
      </c>
    </row>
    <row r="6053" spans="2:6" x14ac:dyDescent="0.2">
      <c r="B6053" s="77"/>
      <c r="C6053" s="39" t="s">
        <v>68</v>
      </c>
      <c r="D6053" s="45">
        <v>897</v>
      </c>
      <c r="E6053" s="46">
        <v>21.1</v>
      </c>
      <c r="F6053" s="47">
        <v>78.900000000000006</v>
      </c>
    </row>
    <row r="6054" spans="2:6" x14ac:dyDescent="0.2">
      <c r="B6054" s="77"/>
      <c r="C6054" s="39" t="s">
        <v>69</v>
      </c>
      <c r="D6054" s="45">
        <v>189</v>
      </c>
      <c r="E6054" s="46">
        <v>10.6</v>
      </c>
      <c r="F6054" s="47">
        <v>89.4</v>
      </c>
    </row>
    <row r="6055" spans="2:6" x14ac:dyDescent="0.2">
      <c r="B6055" s="77"/>
      <c r="C6055" s="39" t="s">
        <v>70</v>
      </c>
      <c r="D6055" s="45">
        <v>914</v>
      </c>
      <c r="E6055" s="46">
        <v>12.4</v>
      </c>
      <c r="F6055" s="47">
        <v>87.6</v>
      </c>
    </row>
    <row r="6056" spans="2:6" ht="21.6" x14ac:dyDescent="0.2">
      <c r="B6056" s="77"/>
      <c r="C6056" s="39" t="s">
        <v>63</v>
      </c>
      <c r="D6056" s="45">
        <v>193</v>
      </c>
      <c r="E6056" s="46">
        <v>13</v>
      </c>
      <c r="F6056" s="47">
        <v>87</v>
      </c>
    </row>
    <row r="6057" spans="2:6" x14ac:dyDescent="0.2">
      <c r="B6057" s="77"/>
      <c r="C6057" s="39" t="s">
        <v>64</v>
      </c>
      <c r="D6057" s="45">
        <v>203</v>
      </c>
      <c r="E6057" s="46">
        <v>15.3</v>
      </c>
      <c r="F6057" s="47">
        <v>84.7</v>
      </c>
    </row>
    <row r="6058" spans="2:6" x14ac:dyDescent="0.2">
      <c r="B6058" s="77"/>
      <c r="C6058" s="39" t="s">
        <v>65</v>
      </c>
      <c r="D6058" s="45">
        <v>263</v>
      </c>
      <c r="E6058" s="46">
        <v>10.6</v>
      </c>
      <c r="F6058" s="47">
        <v>89.4</v>
      </c>
    </row>
    <row r="6059" spans="2:6" x14ac:dyDescent="0.2">
      <c r="B6059" s="77"/>
      <c r="C6059" s="39" t="s">
        <v>66</v>
      </c>
      <c r="D6059" s="45">
        <v>194</v>
      </c>
      <c r="E6059" s="46">
        <v>12.4</v>
      </c>
      <c r="F6059" s="47">
        <v>87.6</v>
      </c>
    </row>
    <row r="6060" spans="2:6" x14ac:dyDescent="0.2">
      <c r="B6060" s="77"/>
      <c r="C6060" s="39" t="s">
        <v>67</v>
      </c>
      <c r="D6060" s="45">
        <v>61</v>
      </c>
      <c r="E6060" s="46">
        <v>8.1999999999999993</v>
      </c>
      <c r="F6060" s="47">
        <v>91.8</v>
      </c>
    </row>
    <row r="6061" spans="2:6" x14ac:dyDescent="0.2">
      <c r="B6061" s="77"/>
      <c r="C6061" s="39" t="s">
        <v>68</v>
      </c>
      <c r="D6061" s="45">
        <v>416</v>
      </c>
      <c r="E6061" s="46">
        <v>16.600000000000001</v>
      </c>
      <c r="F6061" s="47">
        <v>83.4</v>
      </c>
    </row>
    <row r="6062" spans="2:6" x14ac:dyDescent="0.2">
      <c r="B6062" s="77"/>
      <c r="C6062" s="40" t="s">
        <v>69</v>
      </c>
      <c r="D6062" s="48">
        <v>498</v>
      </c>
      <c r="E6062" s="49">
        <v>8.8000000000000007</v>
      </c>
      <c r="F6062" s="50">
        <v>91.2</v>
      </c>
    </row>
    <row r="6063" spans="2:6" x14ac:dyDescent="0.2">
      <c r="B6063" s="7" t="s">
        <v>71</v>
      </c>
      <c r="C6063" s="4" t="s">
        <v>252</v>
      </c>
    </row>
    <row r="6064" spans="2:6" x14ac:dyDescent="0.2">
      <c r="B6064" s="4"/>
      <c r="C6064" s="4" t="s">
        <v>73</v>
      </c>
    </row>
    <row r="6066" spans="1:25" x14ac:dyDescent="0.2">
      <c r="A6066" s="26" t="s">
        <v>25</v>
      </c>
      <c r="B6066" t="s">
        <v>35</v>
      </c>
      <c r="C6066" t="s">
        <v>35</v>
      </c>
    </row>
    <row r="6067" spans="1:25" x14ac:dyDescent="0.2">
      <c r="B6067" s="75" t="s">
        <v>253</v>
      </c>
      <c r="C6067" s="76"/>
      <c r="D6067" s="76"/>
      <c r="E6067" s="76"/>
      <c r="F6067" s="76"/>
      <c r="G6067" s="76"/>
      <c r="H6067" s="76"/>
      <c r="I6067" s="76"/>
      <c r="J6067" s="76"/>
      <c r="K6067" s="76"/>
      <c r="L6067" s="76"/>
      <c r="M6067" s="76"/>
      <c r="N6067" s="76"/>
      <c r="O6067" s="76"/>
      <c r="P6067" s="76"/>
      <c r="Q6067" s="76"/>
      <c r="R6067" s="76"/>
      <c r="S6067" s="76"/>
      <c r="T6067" s="76"/>
      <c r="U6067" s="76"/>
      <c r="V6067" s="76"/>
      <c r="W6067" s="76"/>
      <c r="X6067" s="76"/>
      <c r="Y6067" s="76"/>
    </row>
    <row r="6068" spans="1:25" s="32" customFormat="1" ht="25.65" customHeight="1" x14ac:dyDescent="0.15">
      <c r="A6068" s="31"/>
      <c r="D6068" s="33" t="s">
        <v>378</v>
      </c>
      <c r="E6068" s="36" t="s">
        <v>665</v>
      </c>
      <c r="F6068" s="37" t="s">
        <v>666</v>
      </c>
      <c r="G6068" s="35" t="s">
        <v>381</v>
      </c>
    </row>
    <row r="6069" spans="1:25" x14ac:dyDescent="0.2">
      <c r="B6069" s="5"/>
      <c r="C6069" s="41" t="s">
        <v>38</v>
      </c>
      <c r="D6069" s="42">
        <v>2000</v>
      </c>
      <c r="E6069" s="43">
        <v>12.4</v>
      </c>
      <c r="F6069" s="44">
        <v>87.6</v>
      </c>
    </row>
    <row r="6070" spans="1:25" x14ac:dyDescent="0.2">
      <c r="B6070" s="77" t="s">
        <v>37</v>
      </c>
      <c r="C6070" s="39" t="s">
        <v>39</v>
      </c>
      <c r="D6070" s="45">
        <v>111</v>
      </c>
      <c r="E6070" s="46">
        <v>27</v>
      </c>
      <c r="F6070" s="47">
        <v>73</v>
      </c>
    </row>
    <row r="6071" spans="1:25" x14ac:dyDescent="0.2">
      <c r="B6071" s="77"/>
      <c r="C6071" s="39" t="s">
        <v>40</v>
      </c>
      <c r="D6071" s="45">
        <v>450</v>
      </c>
      <c r="E6071" s="46">
        <v>9.6</v>
      </c>
      <c r="F6071" s="47">
        <v>90.4</v>
      </c>
    </row>
    <row r="6072" spans="1:25" ht="21.6" x14ac:dyDescent="0.2">
      <c r="B6072" s="77"/>
      <c r="C6072" s="39" t="s">
        <v>41</v>
      </c>
      <c r="D6072" s="45">
        <v>30</v>
      </c>
      <c r="E6072" s="46">
        <v>13.3</v>
      </c>
      <c r="F6072" s="47">
        <v>86.7</v>
      </c>
    </row>
    <row r="6073" spans="1:25" ht="21.6" x14ac:dyDescent="0.2">
      <c r="B6073" s="77"/>
      <c r="C6073" s="39" t="s">
        <v>42</v>
      </c>
      <c r="D6073" s="45">
        <v>336</v>
      </c>
      <c r="E6073" s="46">
        <v>15.5</v>
      </c>
      <c r="F6073" s="47">
        <v>84.5</v>
      </c>
    </row>
    <row r="6074" spans="1:25" ht="21.6" x14ac:dyDescent="0.2">
      <c r="B6074" s="77"/>
      <c r="C6074" s="39" t="s">
        <v>43</v>
      </c>
      <c r="D6074" s="45">
        <v>327</v>
      </c>
      <c r="E6074" s="46">
        <v>10.4</v>
      </c>
      <c r="F6074" s="47">
        <v>89.6</v>
      </c>
    </row>
    <row r="6075" spans="1:25" ht="21.6" x14ac:dyDescent="0.2">
      <c r="B6075" s="77"/>
      <c r="C6075" s="39" t="s">
        <v>44</v>
      </c>
      <c r="D6075" s="45">
        <v>181</v>
      </c>
      <c r="E6075" s="46">
        <v>10.5</v>
      </c>
      <c r="F6075" s="47">
        <v>89.5</v>
      </c>
    </row>
    <row r="6076" spans="1:25" ht="21.6" x14ac:dyDescent="0.2">
      <c r="B6076" s="77"/>
      <c r="C6076" s="39" t="s">
        <v>45</v>
      </c>
      <c r="D6076" s="45">
        <v>565</v>
      </c>
      <c r="E6076" s="46">
        <v>11.7</v>
      </c>
      <c r="F6076" s="47">
        <v>88.3</v>
      </c>
    </row>
    <row r="6077" spans="1:25" ht="21.6" x14ac:dyDescent="0.2">
      <c r="B6077" s="77"/>
      <c r="C6077" s="39" t="s">
        <v>46</v>
      </c>
      <c r="D6077" s="45">
        <v>473</v>
      </c>
      <c r="E6077" s="46">
        <v>12.3</v>
      </c>
      <c r="F6077" s="47">
        <v>87.7</v>
      </c>
    </row>
    <row r="6078" spans="1:25" ht="21.6" x14ac:dyDescent="0.2">
      <c r="B6078" s="77"/>
      <c r="C6078" s="39" t="s">
        <v>47</v>
      </c>
      <c r="D6078" s="45">
        <v>441</v>
      </c>
      <c r="E6078" s="46">
        <v>14.7</v>
      </c>
      <c r="F6078" s="47">
        <v>85.3</v>
      </c>
    </row>
    <row r="6079" spans="1:25" ht="21.6" x14ac:dyDescent="0.2">
      <c r="B6079" s="77"/>
      <c r="C6079" s="39" t="s">
        <v>48</v>
      </c>
      <c r="D6079" s="45">
        <v>305</v>
      </c>
      <c r="E6079" s="46">
        <v>12.8</v>
      </c>
      <c r="F6079" s="47">
        <v>87.2</v>
      </c>
    </row>
    <row r="6080" spans="1:25" ht="21.6" x14ac:dyDescent="0.2">
      <c r="B6080" s="77"/>
      <c r="C6080" s="39" t="s">
        <v>49</v>
      </c>
      <c r="D6080" s="45">
        <v>223</v>
      </c>
      <c r="E6080" s="46">
        <v>14.8</v>
      </c>
      <c r="F6080" s="47">
        <v>85.2</v>
      </c>
    </row>
    <row r="6081" spans="1:25" ht="21.6" x14ac:dyDescent="0.2">
      <c r="B6081" s="77"/>
      <c r="C6081" s="39" t="s">
        <v>50</v>
      </c>
      <c r="D6081" s="45">
        <v>123</v>
      </c>
      <c r="E6081" s="46">
        <v>7.3</v>
      </c>
      <c r="F6081" s="47">
        <v>92.7</v>
      </c>
    </row>
    <row r="6082" spans="1:25" ht="21.6" x14ac:dyDescent="0.2">
      <c r="B6082" s="77"/>
      <c r="C6082" s="39" t="s">
        <v>51</v>
      </c>
      <c r="D6082" s="45">
        <v>124</v>
      </c>
      <c r="E6082" s="46">
        <v>8.1</v>
      </c>
      <c r="F6082" s="47">
        <v>91.9</v>
      </c>
    </row>
    <row r="6083" spans="1:25" ht="21.6" x14ac:dyDescent="0.2">
      <c r="B6083" s="77"/>
      <c r="C6083" s="39" t="s">
        <v>52</v>
      </c>
      <c r="D6083" s="45">
        <v>312</v>
      </c>
      <c r="E6083" s="46">
        <v>11.5</v>
      </c>
      <c r="F6083" s="47">
        <v>88.5</v>
      </c>
    </row>
    <row r="6084" spans="1:25" x14ac:dyDescent="0.2">
      <c r="B6084" s="77"/>
      <c r="C6084" s="39" t="s">
        <v>53</v>
      </c>
      <c r="D6084" s="45">
        <v>269</v>
      </c>
      <c r="E6084" s="46">
        <v>16.7</v>
      </c>
      <c r="F6084" s="47">
        <v>83.3</v>
      </c>
    </row>
    <row r="6085" spans="1:25" ht="21.6" x14ac:dyDescent="0.2">
      <c r="B6085" s="77"/>
      <c r="C6085" s="39" t="s">
        <v>54</v>
      </c>
      <c r="D6085" s="45">
        <v>511</v>
      </c>
      <c r="E6085" s="46">
        <v>13.9</v>
      </c>
      <c r="F6085" s="47">
        <v>86.1</v>
      </c>
    </row>
    <row r="6086" spans="1:25" ht="21.6" x14ac:dyDescent="0.2">
      <c r="B6086" s="77"/>
      <c r="C6086" s="39" t="s">
        <v>55</v>
      </c>
      <c r="D6086" s="45">
        <v>615</v>
      </c>
      <c r="E6086" s="46">
        <v>12.4</v>
      </c>
      <c r="F6086" s="47">
        <v>87.6</v>
      </c>
    </row>
    <row r="6087" spans="1:25" ht="21.6" x14ac:dyDescent="0.2">
      <c r="B6087" s="77"/>
      <c r="C6087" s="39" t="s">
        <v>56</v>
      </c>
      <c r="D6087" s="45">
        <v>800</v>
      </c>
      <c r="E6087" s="46">
        <v>13</v>
      </c>
      <c r="F6087" s="47">
        <v>87</v>
      </c>
    </row>
    <row r="6088" spans="1:25" x14ac:dyDescent="0.2">
      <c r="B6088" s="77"/>
      <c r="C6088" s="40" t="s">
        <v>57</v>
      </c>
      <c r="D6088" s="48">
        <v>798</v>
      </c>
      <c r="E6088" s="49">
        <v>13.5</v>
      </c>
      <c r="F6088" s="50">
        <v>86.5</v>
      </c>
    </row>
    <row r="6089" spans="1:25" x14ac:dyDescent="0.2">
      <c r="B6089" s="7" t="s">
        <v>71</v>
      </c>
      <c r="C6089" s="4" t="s">
        <v>254</v>
      </c>
    </row>
    <row r="6090" spans="1:25" x14ac:dyDescent="0.2">
      <c r="B6090" s="4"/>
      <c r="C6090" s="4" t="s">
        <v>73</v>
      </c>
    </row>
    <row r="6092" spans="1:25" x14ac:dyDescent="0.2">
      <c r="C6092" t="s">
        <v>35</v>
      </c>
    </row>
    <row r="6093" spans="1:25" x14ac:dyDescent="0.2">
      <c r="B6093" s="75" t="s">
        <v>376</v>
      </c>
      <c r="C6093" s="76"/>
      <c r="D6093" s="76"/>
      <c r="E6093" s="76"/>
      <c r="F6093" s="76"/>
      <c r="G6093" s="76"/>
      <c r="H6093" s="76"/>
      <c r="I6093" s="76"/>
      <c r="J6093" s="76"/>
      <c r="K6093" s="76"/>
      <c r="L6093" s="76"/>
      <c r="M6093" s="76"/>
      <c r="N6093" s="76"/>
      <c r="O6093" s="76"/>
      <c r="P6093" s="76"/>
      <c r="Q6093" s="76"/>
      <c r="R6093" s="76"/>
      <c r="S6093" s="76"/>
      <c r="T6093" s="76"/>
      <c r="U6093" s="76"/>
      <c r="V6093" s="76"/>
      <c r="W6093" s="76"/>
      <c r="X6093" s="76"/>
      <c r="Y6093" s="76"/>
    </row>
    <row r="6094" spans="1:25" s="32" customFormat="1" ht="25.65" customHeight="1" x14ac:dyDescent="0.15">
      <c r="A6094" s="31"/>
      <c r="D6094" s="33" t="s">
        <v>378</v>
      </c>
      <c r="E6094" s="36" t="s">
        <v>665</v>
      </c>
      <c r="F6094" s="37" t="s">
        <v>666</v>
      </c>
      <c r="G6094" s="35" t="s">
        <v>381</v>
      </c>
    </row>
    <row r="6095" spans="1:25" ht="21.6" x14ac:dyDescent="0.2">
      <c r="B6095" s="77" t="s">
        <v>37</v>
      </c>
      <c r="C6095" s="38" t="s">
        <v>58</v>
      </c>
      <c r="D6095" s="51">
        <v>609</v>
      </c>
      <c r="E6095" s="52">
        <v>14.6</v>
      </c>
      <c r="F6095" s="53">
        <v>85.4</v>
      </c>
    </row>
    <row r="6096" spans="1:25" ht="21.6" x14ac:dyDescent="0.2">
      <c r="B6096" s="77"/>
      <c r="C6096" s="39" t="s">
        <v>59</v>
      </c>
      <c r="D6096" s="45">
        <v>1391</v>
      </c>
      <c r="E6096" s="46">
        <v>11.4</v>
      </c>
      <c r="F6096" s="47">
        <v>88.6</v>
      </c>
    </row>
    <row r="6097" spans="2:6" x14ac:dyDescent="0.2">
      <c r="B6097" s="77"/>
      <c r="C6097" s="39" t="s">
        <v>60</v>
      </c>
      <c r="D6097" s="45">
        <v>1325</v>
      </c>
      <c r="E6097" s="46">
        <v>12.4</v>
      </c>
      <c r="F6097" s="47">
        <v>87.6</v>
      </c>
    </row>
    <row r="6098" spans="2:6" x14ac:dyDescent="0.2">
      <c r="B6098" s="77"/>
      <c r="C6098" s="39" t="s">
        <v>61</v>
      </c>
      <c r="D6098" s="45">
        <v>675</v>
      </c>
      <c r="E6098" s="46">
        <v>12.4</v>
      </c>
      <c r="F6098" s="47">
        <v>87.6</v>
      </c>
    </row>
    <row r="6099" spans="2:6" x14ac:dyDescent="0.2">
      <c r="B6099" s="77"/>
      <c r="C6099" s="39" t="s">
        <v>62</v>
      </c>
      <c r="D6099" s="45">
        <v>1086</v>
      </c>
      <c r="E6099" s="46">
        <v>15.8</v>
      </c>
      <c r="F6099" s="47">
        <v>84.2</v>
      </c>
    </row>
    <row r="6100" spans="2:6" ht="21.6" x14ac:dyDescent="0.2">
      <c r="B6100" s="77"/>
      <c r="C6100" s="39" t="s">
        <v>63</v>
      </c>
      <c r="D6100" s="45">
        <v>203</v>
      </c>
      <c r="E6100" s="46">
        <v>14.3</v>
      </c>
      <c r="F6100" s="47">
        <v>85.7</v>
      </c>
    </row>
    <row r="6101" spans="2:6" x14ac:dyDescent="0.2">
      <c r="B6101" s="77"/>
      <c r="C6101" s="39" t="s">
        <v>64</v>
      </c>
      <c r="D6101" s="45">
        <v>263</v>
      </c>
      <c r="E6101" s="46">
        <v>17.100000000000001</v>
      </c>
      <c r="F6101" s="47">
        <v>82.9</v>
      </c>
    </row>
    <row r="6102" spans="2:6" x14ac:dyDescent="0.2">
      <c r="B6102" s="77"/>
      <c r="C6102" s="39" t="s">
        <v>65</v>
      </c>
      <c r="D6102" s="45">
        <v>312</v>
      </c>
      <c r="E6102" s="46">
        <v>17.600000000000001</v>
      </c>
      <c r="F6102" s="47">
        <v>82.4</v>
      </c>
    </row>
    <row r="6103" spans="2:6" x14ac:dyDescent="0.2">
      <c r="B6103" s="77"/>
      <c r="C6103" s="39" t="s">
        <v>66</v>
      </c>
      <c r="D6103" s="45">
        <v>230</v>
      </c>
      <c r="E6103" s="46">
        <v>17.399999999999999</v>
      </c>
      <c r="F6103" s="47">
        <v>82.6</v>
      </c>
    </row>
    <row r="6104" spans="2:6" x14ac:dyDescent="0.2">
      <c r="B6104" s="77"/>
      <c r="C6104" s="39" t="s">
        <v>67</v>
      </c>
      <c r="D6104" s="45">
        <v>78</v>
      </c>
      <c r="E6104" s="46">
        <v>3.8</v>
      </c>
      <c r="F6104" s="47">
        <v>96.2</v>
      </c>
    </row>
    <row r="6105" spans="2:6" x14ac:dyDescent="0.2">
      <c r="B6105" s="77"/>
      <c r="C6105" s="39" t="s">
        <v>68</v>
      </c>
      <c r="D6105" s="45">
        <v>897</v>
      </c>
      <c r="E6105" s="46">
        <v>16.600000000000001</v>
      </c>
      <c r="F6105" s="47">
        <v>83.4</v>
      </c>
    </row>
    <row r="6106" spans="2:6" x14ac:dyDescent="0.2">
      <c r="B6106" s="77"/>
      <c r="C6106" s="39" t="s">
        <v>69</v>
      </c>
      <c r="D6106" s="45">
        <v>189</v>
      </c>
      <c r="E6106" s="46">
        <v>12.2</v>
      </c>
      <c r="F6106" s="47">
        <v>87.8</v>
      </c>
    </row>
    <row r="6107" spans="2:6" x14ac:dyDescent="0.2">
      <c r="B6107" s="77"/>
      <c r="C6107" s="39" t="s">
        <v>70</v>
      </c>
      <c r="D6107" s="45">
        <v>914</v>
      </c>
      <c r="E6107" s="46">
        <v>8.3000000000000007</v>
      </c>
      <c r="F6107" s="47">
        <v>91.7</v>
      </c>
    </row>
    <row r="6108" spans="2:6" ht="21.6" x14ac:dyDescent="0.2">
      <c r="B6108" s="77"/>
      <c r="C6108" s="39" t="s">
        <v>63</v>
      </c>
      <c r="D6108" s="45">
        <v>193</v>
      </c>
      <c r="E6108" s="46">
        <v>9.8000000000000007</v>
      </c>
      <c r="F6108" s="47">
        <v>90.2</v>
      </c>
    </row>
    <row r="6109" spans="2:6" x14ac:dyDescent="0.2">
      <c r="B6109" s="77"/>
      <c r="C6109" s="39" t="s">
        <v>64</v>
      </c>
      <c r="D6109" s="45">
        <v>203</v>
      </c>
      <c r="E6109" s="46">
        <v>7.4</v>
      </c>
      <c r="F6109" s="47">
        <v>92.6</v>
      </c>
    </row>
    <row r="6110" spans="2:6" x14ac:dyDescent="0.2">
      <c r="B6110" s="77"/>
      <c r="C6110" s="39" t="s">
        <v>65</v>
      </c>
      <c r="D6110" s="45">
        <v>263</v>
      </c>
      <c r="E6110" s="46">
        <v>7.6</v>
      </c>
      <c r="F6110" s="47">
        <v>92.4</v>
      </c>
    </row>
    <row r="6111" spans="2:6" x14ac:dyDescent="0.2">
      <c r="B6111" s="77"/>
      <c r="C6111" s="39" t="s">
        <v>66</v>
      </c>
      <c r="D6111" s="45">
        <v>194</v>
      </c>
      <c r="E6111" s="46">
        <v>8.8000000000000007</v>
      </c>
      <c r="F6111" s="47">
        <v>91.2</v>
      </c>
    </row>
    <row r="6112" spans="2:6" x14ac:dyDescent="0.2">
      <c r="B6112" s="77"/>
      <c r="C6112" s="39" t="s">
        <v>67</v>
      </c>
      <c r="D6112" s="45">
        <v>61</v>
      </c>
      <c r="E6112" s="46">
        <v>8.1999999999999993</v>
      </c>
      <c r="F6112" s="47">
        <v>91.8</v>
      </c>
    </row>
    <row r="6113" spans="1:25" x14ac:dyDescent="0.2">
      <c r="B6113" s="77"/>
      <c r="C6113" s="39" t="s">
        <v>68</v>
      </c>
      <c r="D6113" s="45">
        <v>416</v>
      </c>
      <c r="E6113" s="46">
        <v>11.3</v>
      </c>
      <c r="F6113" s="47">
        <v>88.7</v>
      </c>
    </row>
    <row r="6114" spans="1:25" x14ac:dyDescent="0.2">
      <c r="B6114" s="77"/>
      <c r="C6114" s="40" t="s">
        <v>69</v>
      </c>
      <c r="D6114" s="48">
        <v>498</v>
      </c>
      <c r="E6114" s="49">
        <v>5.8</v>
      </c>
      <c r="F6114" s="50">
        <v>94.2</v>
      </c>
    </row>
    <row r="6115" spans="1:25" x14ac:dyDescent="0.2">
      <c r="B6115" s="7" t="s">
        <v>71</v>
      </c>
      <c r="C6115" s="4" t="s">
        <v>254</v>
      </c>
    </row>
    <row r="6116" spans="1:25" x14ac:dyDescent="0.2">
      <c r="B6116" s="4"/>
      <c r="C6116" s="4" t="s">
        <v>73</v>
      </c>
    </row>
    <row r="6118" spans="1:25" x14ac:dyDescent="0.2">
      <c r="A6118" s="26" t="s">
        <v>25</v>
      </c>
      <c r="B6118" t="s">
        <v>35</v>
      </c>
      <c r="C6118" t="s">
        <v>35</v>
      </c>
    </row>
    <row r="6119" spans="1:25" x14ac:dyDescent="0.2">
      <c r="B6119" s="75" t="s">
        <v>255</v>
      </c>
      <c r="C6119" s="76"/>
      <c r="D6119" s="76"/>
      <c r="E6119" s="76"/>
      <c r="F6119" s="76"/>
      <c r="G6119" s="76"/>
      <c r="H6119" s="76"/>
      <c r="I6119" s="76"/>
      <c r="J6119" s="76"/>
      <c r="K6119" s="76"/>
      <c r="L6119" s="76"/>
      <c r="M6119" s="76"/>
      <c r="N6119" s="76"/>
      <c r="O6119" s="76"/>
      <c r="P6119" s="76"/>
      <c r="Q6119" s="76"/>
      <c r="R6119" s="76"/>
      <c r="S6119" s="76"/>
      <c r="T6119" s="76"/>
      <c r="U6119" s="76"/>
      <c r="V6119" s="76"/>
      <c r="W6119" s="76"/>
      <c r="X6119" s="76"/>
      <c r="Y6119" s="76"/>
    </row>
    <row r="6120" spans="1:25" s="32" customFormat="1" ht="25.65" customHeight="1" x14ac:dyDescent="0.15">
      <c r="A6120" s="31"/>
      <c r="D6120" s="33" t="s">
        <v>378</v>
      </c>
      <c r="E6120" s="36" t="s">
        <v>665</v>
      </c>
      <c r="F6120" s="37" t="s">
        <v>666</v>
      </c>
      <c r="G6120" s="35" t="s">
        <v>381</v>
      </c>
    </row>
    <row r="6121" spans="1:25" x14ac:dyDescent="0.2">
      <c r="B6121" s="5"/>
      <c r="C6121" s="41" t="s">
        <v>38</v>
      </c>
      <c r="D6121" s="42">
        <v>2000</v>
      </c>
      <c r="E6121" s="43">
        <v>32.200000000000003</v>
      </c>
      <c r="F6121" s="44">
        <v>67.900000000000006</v>
      </c>
    </row>
    <row r="6122" spans="1:25" x14ac:dyDescent="0.2">
      <c r="B6122" s="77" t="s">
        <v>37</v>
      </c>
      <c r="C6122" s="39" t="s">
        <v>39</v>
      </c>
      <c r="D6122" s="45">
        <v>111</v>
      </c>
      <c r="E6122" s="46">
        <v>31.5</v>
      </c>
      <c r="F6122" s="47">
        <v>68.5</v>
      </c>
    </row>
    <row r="6123" spans="1:25" x14ac:dyDescent="0.2">
      <c r="B6123" s="77"/>
      <c r="C6123" s="39" t="s">
        <v>40</v>
      </c>
      <c r="D6123" s="45">
        <v>450</v>
      </c>
      <c r="E6123" s="46">
        <v>37.6</v>
      </c>
      <c r="F6123" s="47">
        <v>62.4</v>
      </c>
    </row>
    <row r="6124" spans="1:25" ht="21.6" x14ac:dyDescent="0.2">
      <c r="B6124" s="77"/>
      <c r="C6124" s="39" t="s">
        <v>41</v>
      </c>
      <c r="D6124" s="45">
        <v>30</v>
      </c>
      <c r="E6124" s="46">
        <v>23.3</v>
      </c>
      <c r="F6124" s="47">
        <v>76.7</v>
      </c>
    </row>
    <row r="6125" spans="1:25" ht="21.6" x14ac:dyDescent="0.2">
      <c r="B6125" s="77"/>
      <c r="C6125" s="39" t="s">
        <v>42</v>
      </c>
      <c r="D6125" s="45">
        <v>336</v>
      </c>
      <c r="E6125" s="46">
        <v>37.200000000000003</v>
      </c>
      <c r="F6125" s="47">
        <v>62.8</v>
      </c>
    </row>
    <row r="6126" spans="1:25" ht="21.6" x14ac:dyDescent="0.2">
      <c r="B6126" s="77"/>
      <c r="C6126" s="39" t="s">
        <v>43</v>
      </c>
      <c r="D6126" s="45">
        <v>327</v>
      </c>
      <c r="E6126" s="46">
        <v>24.2</v>
      </c>
      <c r="F6126" s="47">
        <v>75.8</v>
      </c>
    </row>
    <row r="6127" spans="1:25" ht="21.6" x14ac:dyDescent="0.2">
      <c r="B6127" s="77"/>
      <c r="C6127" s="39" t="s">
        <v>44</v>
      </c>
      <c r="D6127" s="45">
        <v>181</v>
      </c>
      <c r="E6127" s="46">
        <v>34.299999999999997</v>
      </c>
      <c r="F6127" s="47">
        <v>65.7</v>
      </c>
    </row>
    <row r="6128" spans="1:25" ht="21.6" x14ac:dyDescent="0.2">
      <c r="B6128" s="77"/>
      <c r="C6128" s="39" t="s">
        <v>45</v>
      </c>
      <c r="D6128" s="45">
        <v>565</v>
      </c>
      <c r="E6128" s="46">
        <v>29.4</v>
      </c>
      <c r="F6128" s="47">
        <v>70.599999999999994</v>
      </c>
    </row>
    <row r="6129" spans="2:6" ht="21.6" x14ac:dyDescent="0.2">
      <c r="B6129" s="77"/>
      <c r="C6129" s="39" t="s">
        <v>46</v>
      </c>
      <c r="D6129" s="45">
        <v>473</v>
      </c>
      <c r="E6129" s="46">
        <v>28.5</v>
      </c>
      <c r="F6129" s="47">
        <v>71.5</v>
      </c>
    </row>
    <row r="6130" spans="2:6" ht="21.6" x14ac:dyDescent="0.2">
      <c r="B6130" s="77"/>
      <c r="C6130" s="39" t="s">
        <v>47</v>
      </c>
      <c r="D6130" s="45">
        <v>441</v>
      </c>
      <c r="E6130" s="46">
        <v>34.9</v>
      </c>
      <c r="F6130" s="47">
        <v>65.099999999999994</v>
      </c>
    </row>
    <row r="6131" spans="2:6" ht="21.6" x14ac:dyDescent="0.2">
      <c r="B6131" s="77"/>
      <c r="C6131" s="39" t="s">
        <v>48</v>
      </c>
      <c r="D6131" s="45">
        <v>305</v>
      </c>
      <c r="E6131" s="46">
        <v>36.700000000000003</v>
      </c>
      <c r="F6131" s="47">
        <v>63.3</v>
      </c>
    </row>
    <row r="6132" spans="2:6" ht="21.6" x14ac:dyDescent="0.2">
      <c r="B6132" s="77"/>
      <c r="C6132" s="39" t="s">
        <v>49</v>
      </c>
      <c r="D6132" s="45">
        <v>223</v>
      </c>
      <c r="E6132" s="46">
        <v>34.1</v>
      </c>
      <c r="F6132" s="47">
        <v>65.900000000000006</v>
      </c>
    </row>
    <row r="6133" spans="2:6" ht="21.6" x14ac:dyDescent="0.2">
      <c r="B6133" s="77"/>
      <c r="C6133" s="39" t="s">
        <v>50</v>
      </c>
      <c r="D6133" s="45">
        <v>123</v>
      </c>
      <c r="E6133" s="46">
        <v>35</v>
      </c>
      <c r="F6133" s="47">
        <v>65</v>
      </c>
    </row>
    <row r="6134" spans="2:6" ht="21.6" x14ac:dyDescent="0.2">
      <c r="B6134" s="77"/>
      <c r="C6134" s="39" t="s">
        <v>51</v>
      </c>
      <c r="D6134" s="45">
        <v>124</v>
      </c>
      <c r="E6134" s="46">
        <v>36.299999999999997</v>
      </c>
      <c r="F6134" s="47">
        <v>63.7</v>
      </c>
    </row>
    <row r="6135" spans="2:6" ht="21.6" x14ac:dyDescent="0.2">
      <c r="B6135" s="77"/>
      <c r="C6135" s="39" t="s">
        <v>52</v>
      </c>
      <c r="D6135" s="45">
        <v>312</v>
      </c>
      <c r="E6135" s="46">
        <v>15.1</v>
      </c>
      <c r="F6135" s="47">
        <v>84.9</v>
      </c>
    </row>
    <row r="6136" spans="2:6" x14ac:dyDescent="0.2">
      <c r="B6136" s="77"/>
      <c r="C6136" s="39" t="s">
        <v>53</v>
      </c>
      <c r="D6136" s="45">
        <v>269</v>
      </c>
      <c r="E6136" s="46">
        <v>34.9</v>
      </c>
      <c r="F6136" s="47">
        <v>65.099999999999994</v>
      </c>
    </row>
    <row r="6137" spans="2:6" ht="21.6" x14ac:dyDescent="0.2">
      <c r="B6137" s="77"/>
      <c r="C6137" s="39" t="s">
        <v>54</v>
      </c>
      <c r="D6137" s="45">
        <v>511</v>
      </c>
      <c r="E6137" s="46">
        <v>39.9</v>
      </c>
      <c r="F6137" s="47">
        <v>60.1</v>
      </c>
    </row>
    <row r="6138" spans="2:6" ht="21.6" x14ac:dyDescent="0.2">
      <c r="B6138" s="77"/>
      <c r="C6138" s="39" t="s">
        <v>55</v>
      </c>
      <c r="D6138" s="45">
        <v>615</v>
      </c>
      <c r="E6138" s="46">
        <v>38.4</v>
      </c>
      <c r="F6138" s="47">
        <v>61.6</v>
      </c>
    </row>
    <row r="6139" spans="2:6" ht="21.6" x14ac:dyDescent="0.2">
      <c r="B6139" s="77"/>
      <c r="C6139" s="39" t="s">
        <v>56</v>
      </c>
      <c r="D6139" s="45">
        <v>800</v>
      </c>
      <c r="E6139" s="46">
        <v>37.6</v>
      </c>
      <c r="F6139" s="47">
        <v>62.4</v>
      </c>
    </row>
    <row r="6140" spans="2:6" x14ac:dyDescent="0.2">
      <c r="B6140" s="77"/>
      <c r="C6140" s="40" t="s">
        <v>57</v>
      </c>
      <c r="D6140" s="48">
        <v>798</v>
      </c>
      <c r="E6140" s="49">
        <v>32.1</v>
      </c>
      <c r="F6140" s="50">
        <v>67.900000000000006</v>
      </c>
    </row>
    <row r="6141" spans="2:6" x14ac:dyDescent="0.2">
      <c r="B6141" s="7" t="s">
        <v>71</v>
      </c>
      <c r="C6141" s="4" t="s">
        <v>256</v>
      </c>
    </row>
    <row r="6142" spans="2:6" x14ac:dyDescent="0.2">
      <c r="B6142" s="4"/>
      <c r="C6142" s="4" t="s">
        <v>73</v>
      </c>
    </row>
    <row r="6144" spans="2:6" x14ac:dyDescent="0.2">
      <c r="C6144" t="s">
        <v>35</v>
      </c>
    </row>
    <row r="6145" spans="1:25" x14ac:dyDescent="0.2">
      <c r="B6145" s="75" t="s">
        <v>377</v>
      </c>
      <c r="C6145" s="76"/>
      <c r="D6145" s="76"/>
      <c r="E6145" s="76"/>
      <c r="F6145" s="76"/>
      <c r="G6145" s="76"/>
      <c r="H6145" s="76"/>
      <c r="I6145" s="76"/>
      <c r="J6145" s="76"/>
      <c r="K6145" s="76"/>
      <c r="L6145" s="76"/>
      <c r="M6145" s="76"/>
      <c r="N6145" s="76"/>
      <c r="O6145" s="76"/>
      <c r="P6145" s="76"/>
      <c r="Q6145" s="76"/>
      <c r="R6145" s="76"/>
      <c r="S6145" s="76"/>
      <c r="T6145" s="76"/>
      <c r="U6145" s="76"/>
      <c r="V6145" s="76"/>
      <c r="W6145" s="76"/>
      <c r="X6145" s="76"/>
      <c r="Y6145" s="76"/>
    </row>
    <row r="6146" spans="1:25" s="32" customFormat="1" ht="25.65" customHeight="1" x14ac:dyDescent="0.15">
      <c r="A6146" s="31"/>
      <c r="D6146" s="33" t="s">
        <v>378</v>
      </c>
      <c r="E6146" s="36" t="s">
        <v>665</v>
      </c>
      <c r="F6146" s="37" t="s">
        <v>666</v>
      </c>
      <c r="G6146" s="35" t="s">
        <v>381</v>
      </c>
    </row>
    <row r="6147" spans="1:25" ht="21.6" x14ac:dyDescent="0.2">
      <c r="B6147" s="77" t="s">
        <v>37</v>
      </c>
      <c r="C6147" s="38" t="s">
        <v>58</v>
      </c>
      <c r="D6147" s="51">
        <v>609</v>
      </c>
      <c r="E6147" s="52">
        <v>38.9</v>
      </c>
      <c r="F6147" s="53">
        <v>61.1</v>
      </c>
    </row>
    <row r="6148" spans="1:25" ht="21.6" x14ac:dyDescent="0.2">
      <c r="B6148" s="77"/>
      <c r="C6148" s="39" t="s">
        <v>59</v>
      </c>
      <c r="D6148" s="45">
        <v>1391</v>
      </c>
      <c r="E6148" s="46">
        <v>29.2</v>
      </c>
      <c r="F6148" s="47">
        <v>70.8</v>
      </c>
    </row>
    <row r="6149" spans="1:25" x14ac:dyDescent="0.2">
      <c r="B6149" s="77"/>
      <c r="C6149" s="39" t="s">
        <v>60</v>
      </c>
      <c r="D6149" s="45">
        <v>1325</v>
      </c>
      <c r="E6149" s="46">
        <v>33.4</v>
      </c>
      <c r="F6149" s="47">
        <v>66.599999999999994</v>
      </c>
    </row>
    <row r="6150" spans="1:25" x14ac:dyDescent="0.2">
      <c r="B6150" s="77"/>
      <c r="C6150" s="39" t="s">
        <v>61</v>
      </c>
      <c r="D6150" s="45">
        <v>675</v>
      </c>
      <c r="E6150" s="46">
        <v>29.8</v>
      </c>
      <c r="F6150" s="47">
        <v>70.2</v>
      </c>
    </row>
    <row r="6151" spans="1:25" x14ac:dyDescent="0.2">
      <c r="B6151" s="77"/>
      <c r="C6151" s="39" t="s">
        <v>62</v>
      </c>
      <c r="D6151" s="45">
        <v>1086</v>
      </c>
      <c r="E6151" s="46">
        <v>37.6</v>
      </c>
      <c r="F6151" s="47">
        <v>62.4</v>
      </c>
    </row>
    <row r="6152" spans="1:25" ht="21.6" x14ac:dyDescent="0.2">
      <c r="B6152" s="77"/>
      <c r="C6152" s="39" t="s">
        <v>63</v>
      </c>
      <c r="D6152" s="45">
        <v>203</v>
      </c>
      <c r="E6152" s="46">
        <v>30.5</v>
      </c>
      <c r="F6152" s="47">
        <v>69.5</v>
      </c>
    </row>
    <row r="6153" spans="1:25" x14ac:dyDescent="0.2">
      <c r="B6153" s="77"/>
      <c r="C6153" s="39" t="s">
        <v>64</v>
      </c>
      <c r="D6153" s="45">
        <v>263</v>
      </c>
      <c r="E6153" s="46">
        <v>41.4</v>
      </c>
      <c r="F6153" s="47">
        <v>58.6</v>
      </c>
    </row>
    <row r="6154" spans="1:25" x14ac:dyDescent="0.2">
      <c r="B6154" s="77"/>
      <c r="C6154" s="39" t="s">
        <v>65</v>
      </c>
      <c r="D6154" s="45">
        <v>312</v>
      </c>
      <c r="E6154" s="46">
        <v>40.4</v>
      </c>
      <c r="F6154" s="47">
        <v>59.6</v>
      </c>
    </row>
    <row r="6155" spans="1:25" x14ac:dyDescent="0.2">
      <c r="B6155" s="77"/>
      <c r="C6155" s="39" t="s">
        <v>66</v>
      </c>
      <c r="D6155" s="45">
        <v>230</v>
      </c>
      <c r="E6155" s="46">
        <v>40.9</v>
      </c>
      <c r="F6155" s="47">
        <v>59.1</v>
      </c>
    </row>
    <row r="6156" spans="1:25" x14ac:dyDescent="0.2">
      <c r="B6156" s="77"/>
      <c r="C6156" s="39" t="s">
        <v>67</v>
      </c>
      <c r="D6156" s="45">
        <v>78</v>
      </c>
      <c r="E6156" s="46">
        <v>21.8</v>
      </c>
      <c r="F6156" s="47">
        <v>78.2</v>
      </c>
    </row>
    <row r="6157" spans="1:25" x14ac:dyDescent="0.2">
      <c r="B6157" s="77"/>
      <c r="C6157" s="39" t="s">
        <v>68</v>
      </c>
      <c r="D6157" s="45">
        <v>897</v>
      </c>
      <c r="E6157" s="46">
        <v>40.700000000000003</v>
      </c>
      <c r="F6157" s="47">
        <v>59.3</v>
      </c>
    </row>
    <row r="6158" spans="1:25" x14ac:dyDescent="0.2">
      <c r="B6158" s="77"/>
      <c r="C6158" s="39" t="s">
        <v>69</v>
      </c>
      <c r="D6158" s="45">
        <v>189</v>
      </c>
      <c r="E6158" s="46">
        <v>22.8</v>
      </c>
      <c r="F6158" s="47">
        <v>77.2</v>
      </c>
    </row>
    <row r="6159" spans="1:25" x14ac:dyDescent="0.2">
      <c r="B6159" s="77"/>
      <c r="C6159" s="39" t="s">
        <v>70</v>
      </c>
      <c r="D6159" s="45">
        <v>914</v>
      </c>
      <c r="E6159" s="46">
        <v>25.7</v>
      </c>
      <c r="F6159" s="47">
        <v>74.3</v>
      </c>
    </row>
    <row r="6160" spans="1:25" ht="21.6" x14ac:dyDescent="0.2">
      <c r="B6160" s="77"/>
      <c r="C6160" s="39" t="s">
        <v>63</v>
      </c>
      <c r="D6160" s="45">
        <v>193</v>
      </c>
      <c r="E6160" s="46">
        <v>32.1</v>
      </c>
      <c r="F6160" s="47">
        <v>67.900000000000006</v>
      </c>
    </row>
    <row r="6161" spans="2:6" x14ac:dyDescent="0.2">
      <c r="B6161" s="77"/>
      <c r="C6161" s="39" t="s">
        <v>64</v>
      </c>
      <c r="D6161" s="45">
        <v>203</v>
      </c>
      <c r="E6161" s="46">
        <v>35</v>
      </c>
      <c r="F6161" s="47">
        <v>65</v>
      </c>
    </row>
    <row r="6162" spans="2:6" x14ac:dyDescent="0.2">
      <c r="B6162" s="77"/>
      <c r="C6162" s="39" t="s">
        <v>65</v>
      </c>
      <c r="D6162" s="45">
        <v>263</v>
      </c>
      <c r="E6162" s="46">
        <v>20.9</v>
      </c>
      <c r="F6162" s="47">
        <v>79.099999999999994</v>
      </c>
    </row>
    <row r="6163" spans="2:6" x14ac:dyDescent="0.2">
      <c r="B6163" s="77"/>
      <c r="C6163" s="39" t="s">
        <v>66</v>
      </c>
      <c r="D6163" s="45">
        <v>194</v>
      </c>
      <c r="E6163" s="46">
        <v>18</v>
      </c>
      <c r="F6163" s="47">
        <v>82</v>
      </c>
    </row>
    <row r="6164" spans="2:6" x14ac:dyDescent="0.2">
      <c r="B6164" s="77"/>
      <c r="C6164" s="39" t="s">
        <v>67</v>
      </c>
      <c r="D6164" s="45">
        <v>61</v>
      </c>
      <c r="E6164" s="46">
        <v>19.7</v>
      </c>
      <c r="F6164" s="47">
        <v>80.3</v>
      </c>
    </row>
    <row r="6165" spans="2:6" x14ac:dyDescent="0.2">
      <c r="B6165" s="77"/>
      <c r="C6165" s="39" t="s">
        <v>68</v>
      </c>
      <c r="D6165" s="45">
        <v>416</v>
      </c>
      <c r="E6165" s="46">
        <v>33.700000000000003</v>
      </c>
      <c r="F6165" s="47">
        <v>66.3</v>
      </c>
    </row>
    <row r="6166" spans="2:6" x14ac:dyDescent="0.2">
      <c r="B6166" s="77"/>
      <c r="C6166" s="40" t="s">
        <v>69</v>
      </c>
      <c r="D6166" s="48">
        <v>498</v>
      </c>
      <c r="E6166" s="49">
        <v>19.100000000000001</v>
      </c>
      <c r="F6166" s="50">
        <v>80.900000000000006</v>
      </c>
    </row>
    <row r="6167" spans="2:6" x14ac:dyDescent="0.2">
      <c r="B6167" s="7" t="s">
        <v>71</v>
      </c>
      <c r="C6167" s="4" t="s">
        <v>256</v>
      </c>
    </row>
    <row r="6168" spans="2:6" x14ac:dyDescent="0.2">
      <c r="B6168" s="4"/>
      <c r="C6168" s="4" t="s">
        <v>73</v>
      </c>
    </row>
    <row r="6171" spans="2:6" x14ac:dyDescent="0.2">
      <c r="B6171" t="s">
        <v>257</v>
      </c>
    </row>
  </sheetData>
  <mergeCells count="492">
    <mergeCell ref="B78:Y78"/>
    <mergeCell ref="B80:B99"/>
    <mergeCell ref="B102:Y102"/>
    <mergeCell ref="B105:B123"/>
    <mergeCell ref="B126:Y126"/>
    <mergeCell ref="B128:B147"/>
    <mergeCell ref="B2:Y2"/>
    <mergeCell ref="B5:B23"/>
    <mergeCell ref="B28:Y28"/>
    <mergeCell ref="B30:B49"/>
    <mergeCell ref="B54:Y54"/>
    <mergeCell ref="B57:B75"/>
    <mergeCell ref="B222:Y222"/>
    <mergeCell ref="B224:B243"/>
    <mergeCell ref="B246:Y246"/>
    <mergeCell ref="B249:B267"/>
    <mergeCell ref="B272:Y272"/>
    <mergeCell ref="B275:B293"/>
    <mergeCell ref="B150:Y150"/>
    <mergeCell ref="B153:B171"/>
    <mergeCell ref="B174:Y174"/>
    <mergeCell ref="B176:B195"/>
    <mergeCell ref="B198:Y198"/>
    <mergeCell ref="B201:B219"/>
    <mergeCell ref="B376:Y376"/>
    <mergeCell ref="B378:B397"/>
    <mergeCell ref="B402:Y402"/>
    <mergeCell ref="B405:B423"/>
    <mergeCell ref="B426:Y426"/>
    <mergeCell ref="B428:B447"/>
    <mergeCell ref="B298:Y298"/>
    <mergeCell ref="B301:B319"/>
    <mergeCell ref="B324:Y324"/>
    <mergeCell ref="B326:B345"/>
    <mergeCell ref="B350:Y350"/>
    <mergeCell ref="B352:B371"/>
    <mergeCell ref="B524:Y524"/>
    <mergeCell ref="B526:B545"/>
    <mergeCell ref="B550:Y550"/>
    <mergeCell ref="B553:B571"/>
    <mergeCell ref="B574:Y574"/>
    <mergeCell ref="B576:B595"/>
    <mergeCell ref="B450:Y450"/>
    <mergeCell ref="B453:B471"/>
    <mergeCell ref="B474:Y474"/>
    <mergeCell ref="B476:B495"/>
    <mergeCell ref="B498:Y498"/>
    <mergeCell ref="B501:B519"/>
    <mergeCell ref="B672:Y672"/>
    <mergeCell ref="B674:B693"/>
    <mergeCell ref="B698:Y698"/>
    <mergeCell ref="B701:B719"/>
    <mergeCell ref="B722:Y722"/>
    <mergeCell ref="B724:B743"/>
    <mergeCell ref="B598:Y598"/>
    <mergeCell ref="B601:B619"/>
    <mergeCell ref="B622:Y622"/>
    <mergeCell ref="B624:B643"/>
    <mergeCell ref="B646:Y646"/>
    <mergeCell ref="B649:B667"/>
    <mergeCell ref="B820:Y820"/>
    <mergeCell ref="B822:B841"/>
    <mergeCell ref="B846:Y846"/>
    <mergeCell ref="B849:B867"/>
    <mergeCell ref="B870:Y870"/>
    <mergeCell ref="B872:B891"/>
    <mergeCell ref="B746:Y746"/>
    <mergeCell ref="B749:B767"/>
    <mergeCell ref="B770:Y770"/>
    <mergeCell ref="B772:B791"/>
    <mergeCell ref="B794:Y794"/>
    <mergeCell ref="B797:B815"/>
    <mergeCell ref="B968:Y968"/>
    <mergeCell ref="B970:B989"/>
    <mergeCell ref="B994:Y994"/>
    <mergeCell ref="B997:B1015"/>
    <mergeCell ref="B1018:Y1018"/>
    <mergeCell ref="B1020:B1039"/>
    <mergeCell ref="B894:Y894"/>
    <mergeCell ref="B897:B915"/>
    <mergeCell ref="B918:Y918"/>
    <mergeCell ref="B920:B939"/>
    <mergeCell ref="B942:Y942"/>
    <mergeCell ref="B945:B963"/>
    <mergeCell ref="B1114:Y1114"/>
    <mergeCell ref="B1116:B1135"/>
    <mergeCell ref="B1138:Y1138"/>
    <mergeCell ref="B1141:B1159"/>
    <mergeCell ref="B1164:Y1164"/>
    <mergeCell ref="B1166:B1185"/>
    <mergeCell ref="B1042:Y1042"/>
    <mergeCell ref="B1045:B1063"/>
    <mergeCell ref="B1066:Y1066"/>
    <mergeCell ref="B1068:B1087"/>
    <mergeCell ref="B1090:Y1090"/>
    <mergeCell ref="B1093:B1111"/>
    <mergeCell ref="B1264:Y1264"/>
    <mergeCell ref="B1266:B1285"/>
    <mergeCell ref="B1290:Y1290"/>
    <mergeCell ref="B1293:B1311"/>
    <mergeCell ref="B1314:Y1314"/>
    <mergeCell ref="B1316:B1335"/>
    <mergeCell ref="B1190:Y1190"/>
    <mergeCell ref="B1193:B1211"/>
    <mergeCell ref="B1214:Y1214"/>
    <mergeCell ref="B1216:B1235"/>
    <mergeCell ref="B1238:Y1238"/>
    <mergeCell ref="B1241:B1259"/>
    <mergeCell ref="B1414:Y1414"/>
    <mergeCell ref="B1416:B1435"/>
    <mergeCell ref="B1438:Y1438"/>
    <mergeCell ref="B1441:B1459"/>
    <mergeCell ref="B1464:Y1464"/>
    <mergeCell ref="B1466:B1485"/>
    <mergeCell ref="B1338:Y1338"/>
    <mergeCell ref="B1341:B1359"/>
    <mergeCell ref="B1364:Y1364"/>
    <mergeCell ref="B1366:B1385"/>
    <mergeCell ref="B1390:Y1390"/>
    <mergeCell ref="B1393:B1411"/>
    <mergeCell ref="B1564:Y1564"/>
    <mergeCell ref="B1566:B1585"/>
    <mergeCell ref="B1590:Y1590"/>
    <mergeCell ref="B1593:B1611"/>
    <mergeCell ref="B1616:Y1616"/>
    <mergeCell ref="B1618:B1637"/>
    <mergeCell ref="B1490:Y1490"/>
    <mergeCell ref="B1493:B1511"/>
    <mergeCell ref="B1514:Y1514"/>
    <mergeCell ref="B1516:B1535"/>
    <mergeCell ref="B1538:Y1538"/>
    <mergeCell ref="B1541:B1559"/>
    <mergeCell ref="B1714:Y1714"/>
    <mergeCell ref="B1716:B1735"/>
    <mergeCell ref="B1738:Y1738"/>
    <mergeCell ref="B1741:B1759"/>
    <mergeCell ref="B1764:Y1764"/>
    <mergeCell ref="B1766:B1785"/>
    <mergeCell ref="B1642:Y1642"/>
    <mergeCell ref="B1645:B1663"/>
    <mergeCell ref="B1666:Y1666"/>
    <mergeCell ref="B1668:B1687"/>
    <mergeCell ref="B1690:Y1690"/>
    <mergeCell ref="B1693:B1711"/>
    <mergeCell ref="B1864:Y1864"/>
    <mergeCell ref="B1866:B1885"/>
    <mergeCell ref="B1890:Y1890"/>
    <mergeCell ref="B1893:B1911"/>
    <mergeCell ref="B1914:Y1914"/>
    <mergeCell ref="B1916:B1935"/>
    <mergeCell ref="B1790:Y1790"/>
    <mergeCell ref="B1793:B1811"/>
    <mergeCell ref="B1814:Y1814"/>
    <mergeCell ref="B1816:B1835"/>
    <mergeCell ref="B1838:Y1838"/>
    <mergeCell ref="B1841:B1859"/>
    <mergeCell ref="B2014:Y2014"/>
    <mergeCell ref="B2016:B2035"/>
    <mergeCell ref="B2038:Y2038"/>
    <mergeCell ref="B2041:B2059"/>
    <mergeCell ref="B2064:Y2064"/>
    <mergeCell ref="B2066:B2085"/>
    <mergeCell ref="B1938:Y1938"/>
    <mergeCell ref="B1941:B1959"/>
    <mergeCell ref="B1964:Y1964"/>
    <mergeCell ref="B1966:B1985"/>
    <mergeCell ref="B1990:Y1990"/>
    <mergeCell ref="B1993:B2011"/>
    <mergeCell ref="B2164:Y2164"/>
    <mergeCell ref="B2166:B2185"/>
    <mergeCell ref="B2190:Y2190"/>
    <mergeCell ref="B2193:B2211"/>
    <mergeCell ref="B2214:Y2214"/>
    <mergeCell ref="B2216:B2235"/>
    <mergeCell ref="B2090:Y2090"/>
    <mergeCell ref="B2093:B2111"/>
    <mergeCell ref="B2114:Y2114"/>
    <mergeCell ref="B2116:B2135"/>
    <mergeCell ref="B2138:Y2138"/>
    <mergeCell ref="B2141:B2159"/>
    <mergeCell ref="B2314:Y2314"/>
    <mergeCell ref="B2316:B2335"/>
    <mergeCell ref="B2338:Y2338"/>
    <mergeCell ref="B2341:B2359"/>
    <mergeCell ref="B2364:Y2364"/>
    <mergeCell ref="B2366:B2385"/>
    <mergeCell ref="B2238:Y2238"/>
    <mergeCell ref="B2241:B2259"/>
    <mergeCell ref="B2264:Y2264"/>
    <mergeCell ref="B2266:B2285"/>
    <mergeCell ref="B2290:Y2290"/>
    <mergeCell ref="B2293:B2311"/>
    <mergeCell ref="B2464:Y2464"/>
    <mergeCell ref="B2466:B2485"/>
    <mergeCell ref="B2490:Y2490"/>
    <mergeCell ref="B2493:B2511"/>
    <mergeCell ref="B2514:Y2514"/>
    <mergeCell ref="B2516:B2535"/>
    <mergeCell ref="B2390:Y2390"/>
    <mergeCell ref="B2393:B2411"/>
    <mergeCell ref="B2414:Y2414"/>
    <mergeCell ref="B2416:B2435"/>
    <mergeCell ref="B2438:Y2438"/>
    <mergeCell ref="B2441:B2459"/>
    <mergeCell ref="B2614:Y2614"/>
    <mergeCell ref="B2616:B2635"/>
    <mergeCell ref="B2638:Y2638"/>
    <mergeCell ref="B2641:B2659"/>
    <mergeCell ref="B2664:Y2664"/>
    <mergeCell ref="B2666:B2685"/>
    <mergeCell ref="B2538:Y2538"/>
    <mergeCell ref="B2541:B2559"/>
    <mergeCell ref="B2564:Y2564"/>
    <mergeCell ref="B2566:B2585"/>
    <mergeCell ref="B2590:Y2590"/>
    <mergeCell ref="B2593:B2611"/>
    <mergeCell ref="B2764:Y2764"/>
    <mergeCell ref="B2766:B2785"/>
    <mergeCell ref="B2790:Y2790"/>
    <mergeCell ref="B2793:B2811"/>
    <mergeCell ref="B2814:Y2814"/>
    <mergeCell ref="B2816:B2835"/>
    <mergeCell ref="B2690:Y2690"/>
    <mergeCell ref="B2693:B2711"/>
    <mergeCell ref="B2714:Y2714"/>
    <mergeCell ref="B2716:B2735"/>
    <mergeCell ref="B2738:Y2738"/>
    <mergeCell ref="B2741:B2759"/>
    <mergeCell ref="B2914:Y2914"/>
    <mergeCell ref="B2916:B2935"/>
    <mergeCell ref="B2938:Y2938"/>
    <mergeCell ref="B2941:B2959"/>
    <mergeCell ref="B2964:Y2964"/>
    <mergeCell ref="B2966:B2985"/>
    <mergeCell ref="B2838:Y2838"/>
    <mergeCell ref="B2841:B2859"/>
    <mergeCell ref="B2864:Y2864"/>
    <mergeCell ref="B2866:B2885"/>
    <mergeCell ref="B2890:Y2890"/>
    <mergeCell ref="B2893:B2911"/>
    <mergeCell ref="B3068:Y3068"/>
    <mergeCell ref="B3070:B3089"/>
    <mergeCell ref="B3094:Y3094"/>
    <mergeCell ref="B3097:B3115"/>
    <mergeCell ref="B3120:Y3120"/>
    <mergeCell ref="B3122:B3141"/>
    <mergeCell ref="B2990:Y2990"/>
    <mergeCell ref="B2993:B3011"/>
    <mergeCell ref="B3016:Y3016"/>
    <mergeCell ref="B3018:B3037"/>
    <mergeCell ref="B3042:Y3042"/>
    <mergeCell ref="B3045:B3063"/>
    <mergeCell ref="B3224:Y3224"/>
    <mergeCell ref="B3226:B3245"/>
    <mergeCell ref="B3250:Y3250"/>
    <mergeCell ref="B3253:B3271"/>
    <mergeCell ref="B3276:Y3276"/>
    <mergeCell ref="B3278:B3297"/>
    <mergeCell ref="B3146:Y3146"/>
    <mergeCell ref="B3149:B3167"/>
    <mergeCell ref="B3172:Y3172"/>
    <mergeCell ref="B3174:B3193"/>
    <mergeCell ref="B3198:Y3198"/>
    <mergeCell ref="B3201:B3219"/>
    <mergeCell ref="B3380:Y3380"/>
    <mergeCell ref="B3382:B3401"/>
    <mergeCell ref="B3406:Y3406"/>
    <mergeCell ref="B3409:B3427"/>
    <mergeCell ref="B3432:Y3432"/>
    <mergeCell ref="B3434:B3453"/>
    <mergeCell ref="B3302:Y3302"/>
    <mergeCell ref="B3305:B3323"/>
    <mergeCell ref="B3328:Y3328"/>
    <mergeCell ref="B3330:B3349"/>
    <mergeCell ref="B3354:Y3354"/>
    <mergeCell ref="B3357:B3375"/>
    <mergeCell ref="B3530:Y3530"/>
    <mergeCell ref="B3532:B3551"/>
    <mergeCell ref="B3554:Y3554"/>
    <mergeCell ref="B3557:B3575"/>
    <mergeCell ref="B3578:Y3578"/>
    <mergeCell ref="B3580:B3599"/>
    <mergeCell ref="B3458:Y3458"/>
    <mergeCell ref="B3461:B3479"/>
    <mergeCell ref="B3482:Y3482"/>
    <mergeCell ref="B3484:B3503"/>
    <mergeCell ref="B3506:Y3506"/>
    <mergeCell ref="B3509:B3527"/>
    <mergeCell ref="B3674:Y3674"/>
    <mergeCell ref="B3676:B3695"/>
    <mergeCell ref="B3698:Y3698"/>
    <mergeCell ref="B3701:B3719"/>
    <mergeCell ref="B3722:Y3722"/>
    <mergeCell ref="B3724:B3743"/>
    <mergeCell ref="B3602:Y3602"/>
    <mergeCell ref="B3605:B3623"/>
    <mergeCell ref="B3626:Y3626"/>
    <mergeCell ref="B3628:B3647"/>
    <mergeCell ref="B3650:Y3650"/>
    <mergeCell ref="B3653:B3671"/>
    <mergeCell ref="B3818:Y3818"/>
    <mergeCell ref="B3820:B3839"/>
    <mergeCell ref="B3842:Y3842"/>
    <mergeCell ref="B3845:B3863"/>
    <mergeCell ref="B3866:Y3866"/>
    <mergeCell ref="B3868:B3887"/>
    <mergeCell ref="B3746:Y3746"/>
    <mergeCell ref="B3749:B3767"/>
    <mergeCell ref="B3770:Y3770"/>
    <mergeCell ref="B3772:B3791"/>
    <mergeCell ref="B3794:Y3794"/>
    <mergeCell ref="B3797:B3815"/>
    <mergeCell ref="B3964:Y3964"/>
    <mergeCell ref="B3966:B3985"/>
    <mergeCell ref="B3990:Y3990"/>
    <mergeCell ref="B3993:B4011"/>
    <mergeCell ref="B4014:Y4014"/>
    <mergeCell ref="B4016:B4035"/>
    <mergeCell ref="B3890:Y3890"/>
    <mergeCell ref="B3893:B3911"/>
    <mergeCell ref="B3914:Y3914"/>
    <mergeCell ref="B3916:B3935"/>
    <mergeCell ref="B3938:Y3938"/>
    <mergeCell ref="B3941:B3959"/>
    <mergeCell ref="B4114:Y4114"/>
    <mergeCell ref="B4116:B4135"/>
    <mergeCell ref="B4138:Y4138"/>
    <mergeCell ref="B4141:B4159"/>
    <mergeCell ref="B4164:Y4164"/>
    <mergeCell ref="B4166:B4185"/>
    <mergeCell ref="B4038:Y4038"/>
    <mergeCell ref="B4041:B4059"/>
    <mergeCell ref="B4064:Y4064"/>
    <mergeCell ref="B4066:B4085"/>
    <mergeCell ref="B4090:Y4090"/>
    <mergeCell ref="B4093:B4111"/>
    <mergeCell ref="B4264:Y4264"/>
    <mergeCell ref="B4266:B4285"/>
    <mergeCell ref="B4290:Y4290"/>
    <mergeCell ref="B4293:B4311"/>
    <mergeCell ref="B4316:Y4316"/>
    <mergeCell ref="B4318:B4337"/>
    <mergeCell ref="B4190:Y4190"/>
    <mergeCell ref="B4193:B4211"/>
    <mergeCell ref="B4214:Y4214"/>
    <mergeCell ref="B4216:B4235"/>
    <mergeCell ref="B4238:Y4238"/>
    <mergeCell ref="B4241:B4259"/>
    <mergeCell ref="B4416:Y4416"/>
    <mergeCell ref="B4418:B4436"/>
    <mergeCell ref="B4441:Y4441"/>
    <mergeCell ref="B4444:B4462"/>
    <mergeCell ref="B4467:Y4467"/>
    <mergeCell ref="B4469:B4488"/>
    <mergeCell ref="B4342:Y4342"/>
    <mergeCell ref="B4345:B4363"/>
    <mergeCell ref="B4366:Y4366"/>
    <mergeCell ref="B4368:B4387"/>
    <mergeCell ref="B4390:Y4390"/>
    <mergeCell ref="B4393:B4411"/>
    <mergeCell ref="B4567:Y4567"/>
    <mergeCell ref="B4569:B4588"/>
    <mergeCell ref="B4593:Y4593"/>
    <mergeCell ref="B4596:B4614"/>
    <mergeCell ref="B4617:Y4617"/>
    <mergeCell ref="B4619:B4638"/>
    <mergeCell ref="B4493:Y4493"/>
    <mergeCell ref="B4496:B4514"/>
    <mergeCell ref="B4517:Y4517"/>
    <mergeCell ref="B4519:B4538"/>
    <mergeCell ref="B4541:Y4541"/>
    <mergeCell ref="B4544:B4562"/>
    <mergeCell ref="B4713:Y4713"/>
    <mergeCell ref="B4715:B4734"/>
    <mergeCell ref="B4737:Y4737"/>
    <mergeCell ref="B4740:B4758"/>
    <mergeCell ref="B4761:Y4761"/>
    <mergeCell ref="B4763:B4782"/>
    <mergeCell ref="B4641:Y4641"/>
    <mergeCell ref="B4644:B4662"/>
    <mergeCell ref="B4665:Y4665"/>
    <mergeCell ref="B4667:B4686"/>
    <mergeCell ref="B4689:Y4689"/>
    <mergeCell ref="B4692:B4710"/>
    <mergeCell ref="B4863:Y4863"/>
    <mergeCell ref="B4865:B4884"/>
    <mergeCell ref="B4889:Y4889"/>
    <mergeCell ref="B4892:B4910"/>
    <mergeCell ref="B4913:Y4913"/>
    <mergeCell ref="B4915:B4934"/>
    <mergeCell ref="B4785:Y4785"/>
    <mergeCell ref="B4788:B4806"/>
    <mergeCell ref="B4811:Y4811"/>
    <mergeCell ref="B4813:B4832"/>
    <mergeCell ref="B4837:Y4837"/>
    <mergeCell ref="B4840:B4858"/>
    <mergeCell ref="B5015:Y5015"/>
    <mergeCell ref="B5017:B5036"/>
    <mergeCell ref="B5041:Y5041"/>
    <mergeCell ref="B5044:B5062"/>
    <mergeCell ref="B5065:Y5065"/>
    <mergeCell ref="B5067:B5086"/>
    <mergeCell ref="B4937:Y4937"/>
    <mergeCell ref="B4940:B4958"/>
    <mergeCell ref="B4963:Y4963"/>
    <mergeCell ref="B4965:B4984"/>
    <mergeCell ref="B4989:Y4989"/>
    <mergeCell ref="B4992:B5010"/>
    <mergeCell ref="B5163:Y5163"/>
    <mergeCell ref="B5165:B5184"/>
    <mergeCell ref="B5189:Y5189"/>
    <mergeCell ref="B5192:B5210"/>
    <mergeCell ref="B5215:Y5215"/>
    <mergeCell ref="B5217:B5235"/>
    <mergeCell ref="B5089:Y5089"/>
    <mergeCell ref="B5092:B5110"/>
    <mergeCell ref="B5113:Y5113"/>
    <mergeCell ref="B5115:B5134"/>
    <mergeCell ref="B5137:Y5137"/>
    <mergeCell ref="B5140:B5158"/>
    <mergeCell ref="B5313:Y5313"/>
    <mergeCell ref="B5315:B5334"/>
    <mergeCell ref="B5339:Y5339"/>
    <mergeCell ref="B5342:B5360"/>
    <mergeCell ref="B5365:Y5365"/>
    <mergeCell ref="B5367:B5386"/>
    <mergeCell ref="B5240:Y5240"/>
    <mergeCell ref="B5243:B5261"/>
    <mergeCell ref="B5264:Y5264"/>
    <mergeCell ref="B5266:B5284"/>
    <mergeCell ref="B5287:Y5287"/>
    <mergeCell ref="B5290:B5308"/>
    <mergeCell ref="B5469:Y5469"/>
    <mergeCell ref="B5471:B5490"/>
    <mergeCell ref="B5495:Y5495"/>
    <mergeCell ref="B5498:B5516"/>
    <mergeCell ref="B5521:Y5521"/>
    <mergeCell ref="B5523:B5542"/>
    <mergeCell ref="B5391:Y5391"/>
    <mergeCell ref="B5394:B5412"/>
    <mergeCell ref="B5417:Y5417"/>
    <mergeCell ref="B5419:B5438"/>
    <mergeCell ref="B5443:Y5443"/>
    <mergeCell ref="B5446:B5464"/>
    <mergeCell ref="B5625:Y5625"/>
    <mergeCell ref="B5627:B5646"/>
    <mergeCell ref="B5651:Y5651"/>
    <mergeCell ref="B5654:B5672"/>
    <mergeCell ref="B5677:Y5677"/>
    <mergeCell ref="B5679:B5698"/>
    <mergeCell ref="B5547:Y5547"/>
    <mergeCell ref="B5550:B5568"/>
    <mergeCell ref="B5573:Y5573"/>
    <mergeCell ref="B5575:B5594"/>
    <mergeCell ref="B5599:Y5599"/>
    <mergeCell ref="B5602:B5620"/>
    <mergeCell ref="B5781:Y5781"/>
    <mergeCell ref="B5783:B5802"/>
    <mergeCell ref="B5807:Y5807"/>
    <mergeCell ref="B5810:B5828"/>
    <mergeCell ref="B5833:Y5833"/>
    <mergeCell ref="B5835:B5854"/>
    <mergeCell ref="B5703:Y5703"/>
    <mergeCell ref="B5706:B5724"/>
    <mergeCell ref="B5729:Y5729"/>
    <mergeCell ref="B5731:B5750"/>
    <mergeCell ref="B5755:Y5755"/>
    <mergeCell ref="B5758:B5776"/>
    <mergeCell ref="B5937:Y5937"/>
    <mergeCell ref="B5939:B5958"/>
    <mergeCell ref="B5963:Y5963"/>
    <mergeCell ref="B5966:B5984"/>
    <mergeCell ref="B5989:Y5989"/>
    <mergeCell ref="B5991:B6010"/>
    <mergeCell ref="B5859:Y5859"/>
    <mergeCell ref="B5862:B5880"/>
    <mergeCell ref="B5885:Y5885"/>
    <mergeCell ref="B5887:B5906"/>
    <mergeCell ref="B5911:Y5911"/>
    <mergeCell ref="B5914:B5932"/>
    <mergeCell ref="B6093:Y6093"/>
    <mergeCell ref="B6095:B6114"/>
    <mergeCell ref="B6119:Y6119"/>
    <mergeCell ref="B6122:B6140"/>
    <mergeCell ref="B6145:Y6145"/>
    <mergeCell ref="B6147:B6166"/>
    <mergeCell ref="B6015:Y6015"/>
    <mergeCell ref="B6018:B6036"/>
    <mergeCell ref="B6041:Y6041"/>
    <mergeCell ref="B6043:B6062"/>
    <mergeCell ref="B6067:Y6067"/>
    <mergeCell ref="B6070:B6088"/>
  </mergeCells>
  <phoneticPr fontId="2"/>
  <hyperlinks>
    <hyperlink ref="A1" location="Contents!A1" display="目次" xr:uid="{3DC7BA12-00E3-405A-AFC2-EF0294E929B8}"/>
    <hyperlink ref="A53" location="Contents!A1" display="目次" xr:uid="{C7661AF2-C403-4247-A99A-1D83C20459B6}"/>
    <hyperlink ref="A101" location="Contents!A1" display="目次" xr:uid="{45985ED2-9655-4482-9094-8D60770AD7A3}"/>
    <hyperlink ref="A149" location="Contents!A1" display="目次" xr:uid="{C001DC14-592F-4255-8264-EB2063A9AB8A}"/>
    <hyperlink ref="A197" location="Contents!A1" display="目次" xr:uid="{7F49EF79-BCD2-4CF0-BF5E-45343F8787C9}"/>
    <hyperlink ref="A245" location="Contents!A1" display="目次" xr:uid="{7F5FF3F6-B006-4D86-8140-B5B539FA1825}"/>
    <hyperlink ref="A401" location="Contents!A1" display="目次" xr:uid="{5AC1098F-FFFE-47A5-994E-D0BF742F5162}"/>
    <hyperlink ref="A449" location="Contents!A1" display="目次" xr:uid="{9A388CCC-E657-4DFD-8B76-2F6BB1345E24}"/>
    <hyperlink ref="A497" location="Contents!A1" display="目次" xr:uid="{1097C397-2363-4D92-9A2B-8E40AE776647}"/>
    <hyperlink ref="A549" location="Contents!A1" display="目次" xr:uid="{6C34EB0E-F1C4-440F-AD7F-0C832220793A}"/>
    <hyperlink ref="A597" location="Contents!A1" display="目次" xr:uid="{3CBB85EF-996B-49EB-975D-60C2BF532485}"/>
    <hyperlink ref="A645" location="Contents!A1" display="目次" xr:uid="{C70BC72D-CD44-43BB-B16D-853A8487DAD7}"/>
    <hyperlink ref="A697" location="Contents!A1" display="目次" xr:uid="{7BE9740C-4165-44AD-BE67-119C9DD9E399}"/>
    <hyperlink ref="A745" location="Contents!A1" display="目次" xr:uid="{7F45EF85-9AE7-4CAA-BACC-86EAF1632172}"/>
    <hyperlink ref="A793" location="Contents!A1" display="目次" xr:uid="{04216EAE-B05A-4B45-B669-6FACC6DC5F52}"/>
    <hyperlink ref="A845" location="Contents!A1" display="目次" xr:uid="{13F750E5-8101-43AA-957D-7C92B7C3506B}"/>
    <hyperlink ref="A893" location="Contents!A1" display="目次" xr:uid="{10C0CE64-F4A3-444C-9BF3-80D6F33C502F}"/>
    <hyperlink ref="A941" location="Contents!A1" display="目次" xr:uid="{6DC2438F-F905-4DBA-8970-C8C4FE4F98EA}"/>
    <hyperlink ref="A993" location="Contents!A1" display="目次" xr:uid="{9B4B8030-C62C-43F1-80E3-0E187CC6B9A0}"/>
    <hyperlink ref="A1041" location="Contents!A1" display="目次" xr:uid="{360E1842-F3B9-4925-9C87-C7453639B835}"/>
    <hyperlink ref="A1089" location="Contents!A1" display="目次" xr:uid="{99F6C10E-CDFE-4C95-A688-4F9C41D0060B}"/>
    <hyperlink ref="A1137" location="Contents!A1" display="目次" xr:uid="{7B3E710E-A4F3-4222-8283-F408393FFC8D}"/>
    <hyperlink ref="A1189" location="Contents!A1" display="目次" xr:uid="{57DB1046-D80C-416D-B28A-D4C9FED62211}"/>
    <hyperlink ref="A1237" location="Contents!A1" display="目次" xr:uid="{409BA7E9-1EA0-4E51-A4D9-3DB3465FD309}"/>
    <hyperlink ref="A1289" location="Contents!A1" display="目次" xr:uid="{96500A02-8BD9-453A-A798-48A20E5A767A}"/>
    <hyperlink ref="A1337" location="Contents!A1" display="目次" xr:uid="{5FDD4E30-7ECC-4FEA-8868-78B4CF51D05B}"/>
    <hyperlink ref="A1389" location="Contents!A1" display="目次" xr:uid="{FAC04BEA-2DE8-421D-A882-72997F8332E7}"/>
    <hyperlink ref="A1437" location="Contents!A1" display="目次" xr:uid="{F53CE88D-1FDF-486A-8528-674BF59B7E28}"/>
    <hyperlink ref="A1489" location="Contents!A1" display="目次" xr:uid="{C770C06C-50AE-4432-9CD8-C4B59FBDDD79}"/>
    <hyperlink ref="A1537" location="Contents!A1" display="目次" xr:uid="{1B85627A-D6CE-4525-9DCA-0CD32681A3A1}"/>
    <hyperlink ref="A1589" location="Contents!A1" display="目次" xr:uid="{39AA73A2-EC32-4976-B951-398CE09444EF}"/>
    <hyperlink ref="A1641" location="Contents!A1" display="目次" xr:uid="{C44992A0-B9C7-416B-A520-2ACE2D17B79F}"/>
    <hyperlink ref="A1689" location="Contents!A1" display="目次" xr:uid="{F8CB9921-54D7-45E9-BB30-D11E890EE273}"/>
    <hyperlink ref="A1737" location="Contents!A1" display="目次" xr:uid="{2A0D72E1-37BE-42A8-9F20-59DB8D6C1663}"/>
    <hyperlink ref="A1789" location="Contents!A1" display="目次" xr:uid="{3AE231B1-C131-462F-8634-65353A688EB8}"/>
    <hyperlink ref="A1837" location="Contents!A1" display="目次" xr:uid="{3A09D7B0-4480-4BCB-9938-420EBD15533F}"/>
    <hyperlink ref="A1889" location="Contents!A1" display="目次" xr:uid="{26E80C32-1DF4-4849-86FC-DA93DF992DE2}"/>
    <hyperlink ref="A1937" location="Contents!A1" display="目次" xr:uid="{4CEE1EF0-7F8E-4629-B797-6753A2A0314C}"/>
    <hyperlink ref="A1989" location="Contents!A1" display="目次" xr:uid="{6E4CF8BF-DDC2-49A7-B3FF-67B6399F6EAC}"/>
    <hyperlink ref="A2037" location="Contents!A1" display="目次" xr:uid="{BD53B2F1-20BA-4A37-8044-3396354EC4E1}"/>
    <hyperlink ref="A2089" location="Contents!A1" display="目次" xr:uid="{7D0FBBB5-8A26-40C5-AFD0-B382BE766CAA}"/>
    <hyperlink ref="A2137" location="Contents!A1" display="目次" xr:uid="{41C7D75A-F9CD-42D3-A712-27CC0A0E8F43}"/>
    <hyperlink ref="A2189" location="Contents!A1" display="目次" xr:uid="{67D1558D-0841-469B-85FA-D0515652F6E5}"/>
    <hyperlink ref="A2237" location="Contents!A1" display="目次" xr:uid="{E559907D-3E2E-4C02-BA43-70915BB612B3}"/>
    <hyperlink ref="A2289" location="Contents!A1" display="目次" xr:uid="{50942EDA-D56F-4743-87B4-E320DE20FF4A}"/>
    <hyperlink ref="A2337" location="Contents!A1" display="目次" xr:uid="{FB56370F-252C-4A75-BB19-09B74112E251}"/>
    <hyperlink ref="A2389" location="Contents!A1" display="目次" xr:uid="{07DC6CC2-2594-4B5A-A4BE-7DDF386E6BCD}"/>
    <hyperlink ref="A2437" location="Contents!A1" display="目次" xr:uid="{6FC774F9-5EE7-4972-A345-F79EF6DFC987}"/>
    <hyperlink ref="A2489" location="Contents!A1" display="目次" xr:uid="{31663092-E688-46E6-A8FF-5B600631A1BB}"/>
    <hyperlink ref="A2537" location="Contents!A1" display="目次" xr:uid="{2C8F394F-A02B-4438-94E9-D3C41EC13D17}"/>
    <hyperlink ref="A2589" location="Contents!A1" display="目次" xr:uid="{D40D10A9-0438-412A-A981-915C8F270F01}"/>
    <hyperlink ref="A2637" location="Contents!A1" display="目次" xr:uid="{369227C4-FCDA-4CC8-8068-B4E47CA48DAB}"/>
    <hyperlink ref="A2689" location="Contents!A1" display="目次" xr:uid="{695F5792-A495-4B40-A18B-1BF17E2EF1B4}"/>
    <hyperlink ref="A2737" location="Contents!A1" display="目次" xr:uid="{07584A89-3544-468C-8AB7-CFB4E4A070BE}"/>
    <hyperlink ref="A2789" location="Contents!A1" display="目次" xr:uid="{4CFAAB6E-6679-40AD-B84D-2EC6C2DA98F3}"/>
    <hyperlink ref="A2837" location="Contents!A1" display="目次" xr:uid="{723CD57F-BA9E-4DD6-BCBC-F18B23089E06}"/>
    <hyperlink ref="A2889" location="Contents!A1" display="目次" xr:uid="{2D205898-F658-42CB-BD8D-9ABA3B46FE49}"/>
    <hyperlink ref="A2937" location="Contents!A1" display="目次" xr:uid="{A21B915D-3007-4297-A34E-14EB589CA1EF}"/>
    <hyperlink ref="A2989" location="Contents!A1" display="目次" xr:uid="{1778FEC7-B26E-475E-9E46-362386C73678}"/>
    <hyperlink ref="A3041" location="Contents!A1" display="目次" xr:uid="{91600E4D-D9B0-4CEB-86C2-60B1CD2A4168}"/>
    <hyperlink ref="A3093" location="Contents!A1" display="目次" xr:uid="{2FD6FA22-ADC7-41C8-9F61-1CB04AFEA99C}"/>
    <hyperlink ref="A3145" location="Contents!A1" display="目次" xr:uid="{02BC8AED-0D3D-4DF7-8170-12ED57E69648}"/>
    <hyperlink ref="A3197" location="Contents!A1" display="目次" xr:uid="{45239F75-F0C4-446F-9520-5CCF14E1C67F}"/>
    <hyperlink ref="A3249" location="Contents!A1" display="目次" xr:uid="{F9741399-0EBA-4061-B630-ECC8091AF8AA}"/>
    <hyperlink ref="A3301" location="Contents!A1" display="目次" xr:uid="{0DD76B35-8BD1-432A-9392-66D2E406BFAF}"/>
    <hyperlink ref="A3353" location="Contents!A1" display="目次" xr:uid="{2EE2CEA9-3F09-4866-BB46-F59FA8ADD126}"/>
    <hyperlink ref="A3405" location="Contents!A1" display="目次" xr:uid="{C3EFCC28-3536-4628-8319-340E875833BA}"/>
    <hyperlink ref="A3457" location="Contents!A1" display="目次" xr:uid="{8BD5E046-5908-42B2-B022-EB33774A0E78}"/>
    <hyperlink ref="A3505" location="Contents!A1" display="目次" xr:uid="{38DA28F6-8E6F-493F-992D-3FF8D63ACA81}"/>
    <hyperlink ref="A3553" location="Contents!A1" display="目次" xr:uid="{252A847F-3EFF-403E-A775-3FE4254701C7}"/>
    <hyperlink ref="A3601" location="Contents!A1" display="目次" xr:uid="{3B585DC3-6B7A-41A8-91C7-FF2F7AE97930}"/>
    <hyperlink ref="A3649" location="Contents!A1" display="目次" xr:uid="{73F262BF-9E3E-4217-BF5A-831C4108B247}"/>
    <hyperlink ref="A3697" location="Contents!A1" display="目次" xr:uid="{85F02FD1-60F9-4EF7-83DB-0B4EA48D060E}"/>
    <hyperlink ref="A3745" location="Contents!A1" display="目次" xr:uid="{24C017AA-CC10-42F2-A0C0-0605D525FB82}"/>
    <hyperlink ref="A3793" location="Contents!A1" display="目次" xr:uid="{0CAED09E-6EA3-4CEB-B3A9-6E4C08AFCD4F}"/>
    <hyperlink ref="A3841" location="Contents!A1" display="目次" xr:uid="{3D9420F0-575E-4001-9043-C9735D748738}"/>
    <hyperlink ref="A3889" location="Contents!A1" display="目次" xr:uid="{29904DB6-B41E-4ABA-BE1D-01FEC8225AF8}"/>
    <hyperlink ref="A3937" location="Contents!A1" display="目次" xr:uid="{83C92C42-1FA3-4158-B155-E97CCCE3B744}"/>
    <hyperlink ref="A3989" location="Contents!A1" display="目次" xr:uid="{BFEAE248-416A-4063-AE68-E769BCFEFA1B}"/>
    <hyperlink ref="A4037" location="Contents!A1" display="目次" xr:uid="{5845987A-D340-4592-8F49-E20E4AD5B67D}"/>
    <hyperlink ref="A4089" location="Contents!A1" display="目次" xr:uid="{3DD105A7-CAF5-44D9-97FF-46F06C87C64D}"/>
    <hyperlink ref="A4137" location="Contents!A1" display="目次" xr:uid="{1890D785-2FCC-4C01-9312-0703FE274282}"/>
    <hyperlink ref="A4189" location="Contents!A1" display="目次" xr:uid="{F761051C-85E5-4706-BFA2-C8E79158B8A0}"/>
    <hyperlink ref="A4237" location="Contents!A1" display="目次" xr:uid="{3B19D439-BF6A-45CD-9DA6-3684A0E07B26}"/>
    <hyperlink ref="A4289" location="Contents!A1" display="目次" xr:uid="{C24F1543-BE7C-42EE-9DC5-AC765A0DD686}"/>
    <hyperlink ref="A4341" location="Contents!A1" display="目次" xr:uid="{5BF0C426-CDE8-4929-B605-3DEC8A32AFC5}"/>
    <hyperlink ref="A4389" location="Contents!A1" display="目次" xr:uid="{9A1180C2-3578-4FC1-B7E8-4C2AFAEB7BA1}"/>
    <hyperlink ref="A4440" location="Contents!A1" display="目次" xr:uid="{FF52BE99-5864-432F-AB3E-8AD2CE55481B}"/>
    <hyperlink ref="A4492" location="Contents!A1" display="目次" xr:uid="{599D0BEF-033D-4CB9-9A76-D58397A65CC7}"/>
    <hyperlink ref="A4540" location="Contents!A1" display="目次" xr:uid="{909A72DD-41AD-42FE-8736-A5D7300DF377}"/>
    <hyperlink ref="A4592" location="Contents!A1" display="目次" xr:uid="{B239F115-0984-4439-AA1A-B81434BE02AF}"/>
    <hyperlink ref="A4640" location="Contents!A1" display="目次" xr:uid="{D155F909-4A16-4C3D-9275-0BE16F3C3BFF}"/>
    <hyperlink ref="A4688" location="Contents!A1" display="目次" xr:uid="{E8BB184F-4019-4EC6-B3CB-6F806C5746B7}"/>
    <hyperlink ref="A4736" location="Contents!A1" display="目次" xr:uid="{65FC955D-1A13-41F7-B139-9320AA30E3C9}"/>
    <hyperlink ref="A4784" location="Contents!A1" display="目次" xr:uid="{470FE9BB-6776-41C5-8282-6D541FBB0DBE}"/>
    <hyperlink ref="A4836" location="Contents!A1" display="目次" xr:uid="{67FA64D3-505C-47B5-92C0-2D69142395B6}"/>
    <hyperlink ref="A4888" location="Contents!A1" display="目次" xr:uid="{E6B3A32F-EF34-43EE-A943-B40970EABFEF}"/>
    <hyperlink ref="A4936" location="Contents!A1" display="目次" xr:uid="{7D7AE613-69A9-4C76-9B03-8567DE4A0742}"/>
    <hyperlink ref="A4988" location="Contents!A1" display="目次" xr:uid="{480FF4FA-0594-493B-9292-F1F18529F12B}"/>
    <hyperlink ref="A5040" location="Contents!A1" display="目次" xr:uid="{3BA147E1-B2E6-411B-942A-4B6CB00A0E00}"/>
    <hyperlink ref="A5088" location="Contents!A1" display="目次" xr:uid="{589BBFFA-6F94-4A86-909E-F99707E09F3A}"/>
    <hyperlink ref="A5136" location="Contents!A1" display="目次" xr:uid="{6B4CFEEB-D4B9-499A-AC98-CB8308E95B57}"/>
    <hyperlink ref="A5188" location="Contents!A1" display="目次" xr:uid="{E3ECDCFC-63E9-466F-825E-BC34E654759E}"/>
    <hyperlink ref="A5239" location="Contents!A1" display="目次" xr:uid="{3F379E0D-D1AA-4595-BB58-1D7D4F045798}"/>
    <hyperlink ref="A5286" location="Contents!A1" display="目次" xr:uid="{0933DC44-DD49-4945-A993-F71A2F2A2E00}"/>
    <hyperlink ref="A5338" location="Contents!A1" display="目次" xr:uid="{BD6653DC-CAA5-42C6-8B43-9FD6A94D0998}"/>
    <hyperlink ref="A5390" location="Contents!A1" display="目次" xr:uid="{C728E08C-4DA1-4F2D-B8AB-170FBC81606E}"/>
    <hyperlink ref="A5442" location="Contents!A1" display="目次" xr:uid="{34DD39D6-9F28-4751-9D26-9B0F248480CB}"/>
    <hyperlink ref="A5494" location="Contents!A1" display="目次" xr:uid="{2B5CA895-E7D7-49E1-AD94-7FB69D5D17F2}"/>
    <hyperlink ref="A5546" location="Contents!A1" display="目次" xr:uid="{C0DA7BD8-D7A8-48AA-A635-BF2A0E1F9476}"/>
    <hyperlink ref="A5598" location="Contents!A1" display="目次" xr:uid="{A72FC4DE-01D8-4680-90D8-CDF45C575FBE}"/>
    <hyperlink ref="A5650" location="Contents!A1" display="目次" xr:uid="{33D876F9-665F-4F56-97E4-6422AB2A748B}"/>
    <hyperlink ref="A5702" location="Contents!A1" display="目次" xr:uid="{ADA35C53-DAC5-4F02-B65F-8533C8B6E79E}"/>
    <hyperlink ref="A5754" location="Contents!A1" display="目次" xr:uid="{10BE1E5D-B265-4A61-A11D-BDE205C5B986}"/>
    <hyperlink ref="A5806" location="Contents!A1" display="目次" xr:uid="{597BD054-8623-44FA-A903-5D3E1A86FAE0}"/>
    <hyperlink ref="A5858" location="Contents!A1" display="目次" xr:uid="{0D12C675-DF5A-4AA3-9648-D5D7157EC999}"/>
    <hyperlink ref="A5910" location="Contents!A1" display="目次" xr:uid="{07E41E85-6A70-4A62-9C96-809A99425034}"/>
    <hyperlink ref="A5962" location="Contents!A1" display="目次" xr:uid="{7C242E17-98C1-4182-9F9D-A2705020CF65}"/>
    <hyperlink ref="A6014" location="Contents!A1" display="目次" xr:uid="{568A3123-84AD-4BF8-BE62-98D7404B13D2}"/>
    <hyperlink ref="A6066" location="Contents!A1" display="目次" xr:uid="{B6344044-9D1A-41BB-A3E0-D2A7805FCDE8}"/>
    <hyperlink ref="A6118" location="Contents!A1" display="目次" xr:uid="{1B538EE3-41A4-452A-84DD-8015BE67F7D5}"/>
  </hyperlinks>
  <pageMargins left="0.47244094488188981" right="0.31496062992125984" top="0.19685039370078741" bottom="0.19685039370078741" header="0.39370078740157483" footer="0.39370078740157483"/>
  <pageSetup paperSize="9" scale="75" orientation="landscape" verticalDpi="0" r:id="rId1"/>
  <headerFooter alignWithMargins="0">
    <oddFooter>&amp;R&amp;9&amp;P/&amp;N&amp;L&amp;9</oddFooter>
  </headerFooter>
  <rowBreaks count="244" manualBreakCount="244">
    <brk id="26" min="1" max="25" man="1"/>
    <brk id="52" min="1" max="25" man="1"/>
    <brk id="76" min="1" max="25" man="1"/>
    <brk id="100" min="1" max="25" man="1"/>
    <brk id="124" min="1" max="25" man="1"/>
    <brk id="148" min="1" max="25" man="1"/>
    <brk id="172" min="1" max="25" man="1"/>
    <brk id="196" min="1" max="25" man="1"/>
    <brk id="220" min="1" max="25" man="1"/>
    <brk id="244" min="1" max="25" man="1"/>
    <brk id="270" min="1" max="25" man="1"/>
    <brk id="296" min="1" max="25" man="1"/>
    <brk id="322" min="1" max="25" man="1"/>
    <brk id="374" min="1" max="25" man="1"/>
    <brk id="400" min="1" max="25" man="1"/>
    <brk id="424" min="1" max="25" man="1"/>
    <brk id="448" min="1" max="25" man="1"/>
    <brk id="472" min="1" max="25" man="1"/>
    <brk id="496" min="1" max="25" man="1"/>
    <brk id="522" min="1" max="25" man="1"/>
    <brk id="548" min="1" max="25" man="1"/>
    <brk id="572" min="1" max="25" man="1"/>
    <brk id="596" min="1" max="25" man="1"/>
    <brk id="620" min="1" max="25" man="1"/>
    <brk id="644" min="1" max="25" man="1"/>
    <brk id="670" min="1" max="25" man="1"/>
    <brk id="696" min="1" max="25" man="1"/>
    <brk id="720" min="1" max="25" man="1"/>
    <brk id="744" min="1" max="25" man="1"/>
    <brk id="768" min="1" max="25" man="1"/>
    <brk id="792" min="1" max="25" man="1"/>
    <brk id="818" min="1" max="25" man="1"/>
    <brk id="844" min="1" max="25" man="1"/>
    <brk id="868" min="1" max="25" man="1"/>
    <brk id="892" min="1" max="25" man="1"/>
    <brk id="916" min="1" max="25" man="1"/>
    <brk id="940" min="1" max="25" man="1"/>
    <brk id="966" min="1" max="25" man="1"/>
    <brk id="992" min="1" max="25" man="1"/>
    <brk id="1016" min="1" max="25" man="1"/>
    <brk id="1040" min="1" max="25" man="1"/>
    <brk id="1064" min="1" max="25" man="1"/>
    <brk id="1088" min="1" max="25" man="1"/>
    <brk id="1112" min="1" max="25" man="1"/>
    <brk id="1136" min="1" max="25" man="1"/>
    <brk id="1162" min="1" max="25" man="1"/>
    <brk id="1188" min="1" max="25" man="1"/>
    <brk id="1212" min="1" max="25" man="1"/>
    <brk id="1236" min="1" max="25" man="1"/>
    <brk id="1262" min="1" max="25" man="1"/>
    <brk id="1288" min="1" max="25" man="1"/>
    <brk id="1312" min="1" max="25" man="1"/>
    <brk id="1336" min="1" max="25" man="1"/>
    <brk id="1362" min="1" max="25" man="1"/>
    <brk id="1388" min="1" max="25" man="1"/>
    <brk id="1412" min="1" max="25" man="1"/>
    <brk id="1436" min="1" max="25" man="1"/>
    <brk id="1462" min="1" max="25" man="1"/>
    <brk id="1488" min="1" max="25" man="1"/>
    <brk id="1512" min="1" max="25" man="1"/>
    <brk id="1536" min="1" max="25" man="1"/>
    <brk id="1562" min="1" max="25" man="1"/>
    <brk id="1588" min="1" max="25" man="1"/>
    <brk id="1614" min="1" max="25" man="1"/>
    <brk id="1640" min="1" max="25" man="1"/>
    <brk id="1664" min="1" max="25" man="1"/>
    <brk id="1688" min="1" max="25" man="1"/>
    <brk id="1712" min="1" max="25" man="1"/>
    <brk id="1736" min="1" max="25" man="1"/>
    <brk id="1762" min="1" max="25" man="1"/>
    <brk id="1788" min="1" max="25" man="1"/>
    <brk id="1812" min="1" max="25" man="1"/>
    <brk id="1836" min="1" max="25" man="1"/>
    <brk id="1862" min="1" max="25" man="1"/>
    <brk id="1888" min="1" max="25" man="1"/>
    <brk id="1912" min="1" max="25" man="1"/>
    <brk id="1936" min="1" max="25" man="1"/>
    <brk id="1962" min="1" max="25" man="1"/>
    <brk id="1988" min="1" max="25" man="1"/>
    <brk id="2012" min="1" max="25" man="1"/>
    <brk id="2036" min="1" max="25" man="1"/>
    <brk id="2062" min="1" max="25" man="1"/>
    <brk id="2088" min="1" max="25" man="1"/>
    <brk id="2112" min="1" max="25" man="1"/>
    <brk id="2136" min="1" max="25" man="1"/>
    <brk id="2162" min="1" max="25" man="1"/>
    <brk id="2188" min="1" max="25" man="1"/>
    <brk id="2212" min="1" max="25" man="1"/>
    <brk id="2236" min="1" max="25" man="1"/>
    <brk id="2262" min="1" max="25" man="1"/>
    <brk id="2288" min="1" max="25" man="1"/>
    <brk id="2312" min="1" max="25" man="1"/>
    <brk id="2336" min="1" max="25" man="1"/>
    <brk id="2362" min="1" max="25" man="1"/>
    <brk id="2388" min="1" max="25" man="1"/>
    <brk id="2412" min="1" max="25" man="1"/>
    <brk id="2436" min="1" max="25" man="1"/>
    <brk id="2462" min="1" max="25" man="1"/>
    <brk id="2488" min="1" max="25" man="1"/>
    <brk id="2512" min="1" max="25" man="1"/>
    <brk id="2536" min="1" max="25" man="1"/>
    <brk id="2562" min="1" max="25" man="1"/>
    <brk id="2588" min="1" max="25" man="1"/>
    <brk id="2612" min="1" max="25" man="1"/>
    <brk id="2636" min="1" max="25" man="1"/>
    <brk id="2662" min="1" max="25" man="1"/>
    <brk id="2688" min="1" max="25" man="1"/>
    <brk id="2712" min="1" max="25" man="1"/>
    <brk id="2736" min="1" max="25" man="1"/>
    <brk id="2762" min="1" max="25" man="1"/>
    <brk id="2788" min="1" max="25" man="1"/>
    <brk id="2812" min="1" max="25" man="1"/>
    <brk id="2836" min="1" max="25" man="1"/>
    <brk id="2862" min="1" max="25" man="1"/>
    <brk id="2888" min="1" max="25" man="1"/>
    <brk id="2912" min="1" max="25" man="1"/>
    <brk id="2936" min="1" max="25" man="1"/>
    <brk id="2962" min="1" max="25" man="1"/>
    <brk id="2988" min="1" max="25" man="1"/>
    <brk id="3014" min="1" max="25" man="1"/>
    <brk id="3040" min="1" max="25" man="1"/>
    <brk id="3066" min="1" max="25" man="1"/>
    <brk id="3092" min="1" max="25" man="1"/>
    <brk id="3118" min="1" max="25" man="1"/>
    <brk id="3144" min="1" max="25" man="1"/>
    <brk id="3170" min="1" max="25" man="1"/>
    <brk id="3196" min="1" max="25" man="1"/>
    <brk id="3222" min="1" max="25" man="1"/>
    <brk id="3248" min="1" max="25" man="1"/>
    <brk id="3274" min="1" max="25" man="1"/>
    <brk id="3300" min="1" max="25" man="1"/>
    <brk id="3326" min="1" max="25" man="1"/>
    <brk id="3352" min="1" max="25" man="1"/>
    <brk id="3378" min="1" max="25" man="1"/>
    <brk id="3404" min="1" max="25" man="1"/>
    <brk id="3430" min="1" max="25" man="1"/>
    <brk id="3456" min="1" max="25" man="1"/>
    <brk id="3480" min="1" max="25" man="1"/>
    <brk id="3504" min="1" max="25" man="1"/>
    <brk id="3528" min="1" max="25" man="1"/>
    <brk id="3552" min="1" max="25" man="1"/>
    <brk id="3576" min="1" max="25" man="1"/>
    <brk id="3600" min="1" max="25" man="1"/>
    <brk id="3624" min="1" max="25" man="1"/>
    <brk id="3648" min="1" max="25" man="1"/>
    <brk id="3672" min="1" max="25" man="1"/>
    <brk id="3696" min="1" max="25" man="1"/>
    <brk id="3720" min="1" max="25" man="1"/>
    <brk id="3744" min="1" max="25" man="1"/>
    <brk id="3768" min="1" max="25" man="1"/>
    <brk id="3792" min="1" max="25" man="1"/>
    <brk id="3816" min="1" max="25" man="1"/>
    <brk id="3840" min="1" max="25" man="1"/>
    <brk id="3864" min="1" max="25" man="1"/>
    <brk id="3888" min="1" max="25" man="1"/>
    <brk id="3912" min="1" max="25" man="1"/>
    <brk id="3936" min="1" max="25" man="1"/>
    <brk id="3962" min="1" max="25" man="1"/>
    <brk id="3988" min="1" max="25" man="1"/>
    <brk id="4012" min="1" max="25" man="1"/>
    <brk id="4036" min="1" max="25" man="1"/>
    <brk id="4062" min="1" max="25" man="1"/>
    <brk id="4088" min="1" max="25" man="1"/>
    <brk id="4112" min="1" max="25" man="1"/>
    <brk id="4136" min="1" max="25" man="1"/>
    <brk id="4162" min="1" max="25" man="1"/>
    <brk id="4188" min="1" max="25" man="1"/>
    <brk id="4212" min="1" max="25" man="1"/>
    <brk id="4236" min="1" max="25" man="1"/>
    <brk id="4262" min="1" max="25" man="1"/>
    <brk id="4288" min="1" max="25" man="1"/>
    <brk id="4314" min="1" max="25" man="1"/>
    <brk id="4340" min="1" max="25" man="1"/>
    <brk id="4364" min="1" max="25" man="1"/>
    <brk id="4388" min="1" max="25" man="1"/>
    <brk id="4414" min="1" max="25" man="1"/>
    <brk id="4439" min="1" max="25" man="1"/>
    <brk id="4465" min="1" max="25" man="1"/>
    <brk id="4491" min="1" max="25" man="1"/>
    <brk id="4515" min="1" max="25" man="1"/>
    <brk id="4539" min="1" max="25" man="1"/>
    <brk id="4565" min="1" max="25" man="1"/>
    <brk id="4591" min="1" max="25" man="1"/>
    <brk id="4615" min="1" max="25" man="1"/>
    <brk id="4639" min="1" max="25" man="1"/>
    <brk id="4663" min="1" max="25" man="1"/>
    <brk id="4687" min="1" max="25" man="1"/>
    <brk id="4711" min="1" max="25" man="1"/>
    <brk id="4735" min="1" max="25" man="1"/>
    <brk id="4759" min="1" max="25" man="1"/>
    <brk id="4783" min="1" max="25" man="1"/>
    <brk id="4809" min="1" max="25" man="1"/>
    <brk id="4835" min="1" max="25" man="1"/>
    <brk id="4861" min="1" max="25" man="1"/>
    <brk id="4887" min="1" max="25" man="1"/>
    <brk id="4911" min="1" max="25" man="1"/>
    <brk id="4935" min="1" max="25" man="1"/>
    <brk id="4961" min="1" max="25" man="1"/>
    <brk id="4987" min="1" max="25" man="1"/>
    <brk id="5013" min="1" max="25" man="1"/>
    <brk id="5039" min="1" max="25" man="1"/>
    <brk id="5063" min="1" max="25" man="1"/>
    <brk id="5087" min="1" max="25" man="1"/>
    <brk id="5111" min="1" max="25" man="1"/>
    <brk id="5135" min="1" max="25" man="1"/>
    <brk id="5161" min="1" max="25" man="1"/>
    <brk id="5187" min="1" max="25" man="1"/>
    <brk id="5213" min="1" max="25" man="1"/>
    <brk id="5238" min="1" max="25" man="1"/>
    <brk id="5262" min="1" max="25" man="1"/>
    <brk id="5285" min="1" max="25" man="1"/>
    <brk id="5311" min="1" max="25" man="1"/>
    <brk id="5337" min="1" max="25" man="1"/>
    <brk id="5363" min="1" max="25" man="1"/>
    <brk id="5389" min="1" max="25" man="1"/>
    <brk id="5415" min="1" max="25" man="1"/>
    <brk id="5441" min="1" max="25" man="1"/>
    <brk id="5467" min="1" max="25" man="1"/>
    <brk id="5493" min="1" max="25" man="1"/>
    <brk id="5519" min="1" max="25" man="1"/>
    <brk id="5545" min="1" max="25" man="1"/>
    <brk id="5571" min="1" max="25" man="1"/>
    <brk id="5597" min="1" max="25" man="1"/>
    <brk id="5623" min="1" max="25" man="1"/>
    <brk id="5649" min="1" max="25" man="1"/>
    <brk id="5675" min="1" max="25" man="1"/>
    <brk id="5701" min="1" max="25" man="1"/>
    <brk id="5727" min="1" max="25" man="1"/>
    <brk id="5753" min="1" max="25" man="1"/>
    <brk id="5779" min="1" max="25" man="1"/>
    <brk id="5805" min="1" max="25" man="1"/>
    <brk id="5831" min="1" max="25" man="1"/>
    <brk id="5857" min="1" max="25" man="1"/>
    <brk id="5883" min="1" max="25" man="1"/>
    <brk id="5909" min="1" max="25" man="1"/>
    <brk id="5935" min="1" max="25" man="1"/>
    <brk id="5961" min="1" max="25" man="1"/>
    <brk id="5987" min="1" max="25" man="1"/>
    <brk id="6013" min="1" max="25" man="1"/>
    <brk id="6039" min="1" max="25" man="1"/>
    <brk id="6065" min="1" max="25" man="1"/>
    <brk id="6091" min="1" max="25" man="1"/>
    <brk id="6117" min="1" max="25" man="1"/>
    <brk id="6143" min="1" max="2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Contents</vt:lpstr>
      <vt:lpstr>Details</vt:lpstr>
      <vt:lpstr>Table</vt:lpstr>
      <vt:lpstr>Contents!Print_Area</vt:lpstr>
      <vt:lpstr>Details!Print_Area</vt:lpstr>
      <vt:lpstr>Table!Print_Area</vt:lpstr>
      <vt:lpstr>Contents!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kuchi mariko</dc:creator>
  <cp:lastModifiedBy>kikuchi mariko</cp:lastModifiedBy>
  <dcterms:created xsi:type="dcterms:W3CDTF">2021-10-14T04:15:01Z</dcterms:created>
  <dcterms:modified xsi:type="dcterms:W3CDTF">2021-10-14T04:16:23Z</dcterms:modified>
</cp:coreProperties>
</file>